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6" r:id="rId2"/>
  </p:sldMasterIdLst>
  <p:notesMasterIdLst>
    <p:notesMasterId r:id="rId33"/>
  </p:notesMasterIdLst>
  <p:sldIdLst>
    <p:sldId id="349" r:id="rId3"/>
    <p:sldId id="433" r:id="rId4"/>
    <p:sldId id="424" r:id="rId5"/>
    <p:sldId id="382" r:id="rId6"/>
    <p:sldId id="432" r:id="rId7"/>
    <p:sldId id="435" r:id="rId8"/>
    <p:sldId id="350" r:id="rId9"/>
    <p:sldId id="434" r:id="rId10"/>
    <p:sldId id="441" r:id="rId11"/>
    <p:sldId id="440" r:id="rId12"/>
    <p:sldId id="447" r:id="rId13"/>
    <p:sldId id="442" r:id="rId14"/>
    <p:sldId id="443" r:id="rId15"/>
    <p:sldId id="366" r:id="rId16"/>
    <p:sldId id="429" r:id="rId17"/>
    <p:sldId id="445" r:id="rId18"/>
    <p:sldId id="446" r:id="rId19"/>
    <p:sldId id="449" r:id="rId20"/>
    <p:sldId id="368" r:id="rId21"/>
    <p:sldId id="444" r:id="rId22"/>
    <p:sldId id="451" r:id="rId23"/>
    <p:sldId id="452" r:id="rId24"/>
    <p:sldId id="453" r:id="rId25"/>
    <p:sldId id="454" r:id="rId26"/>
    <p:sldId id="455" r:id="rId27"/>
    <p:sldId id="436" r:id="rId28"/>
    <p:sldId id="437" r:id="rId29"/>
    <p:sldId id="438" r:id="rId30"/>
    <p:sldId id="439" r:id="rId31"/>
    <p:sldId id="448" r:id="rId32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3840" userDrawn="1">
          <p15:clr>
            <a:srgbClr val="A4A3A4"/>
          </p15:clr>
        </p15:guide>
        <p15:guide id="3" orient="horz" pos="111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9FDB"/>
    <a:srgbClr val="D9D9D9"/>
    <a:srgbClr val="BFBFBF"/>
    <a:srgbClr val="76D6FF"/>
    <a:srgbClr val="0094CA"/>
    <a:srgbClr val="13A1DD"/>
    <a:srgbClr val="FFFFFF"/>
    <a:srgbClr val="13A0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588" autoAdjust="0"/>
    <p:restoredTop sz="86384" autoAdjust="0"/>
  </p:normalViewPr>
  <p:slideViewPr>
    <p:cSldViewPr>
      <p:cViewPr varScale="1">
        <p:scale>
          <a:sx n="108" d="100"/>
          <a:sy n="108" d="100"/>
        </p:scale>
        <p:origin x="656" y="200"/>
      </p:cViewPr>
      <p:guideLst>
        <p:guide pos="3840"/>
        <p:guide orient="horz" pos="1117"/>
      </p:guideLst>
    </p:cSldViewPr>
  </p:slideViewPr>
  <p:outlineViewPr>
    <p:cViewPr>
      <p:scale>
        <a:sx n="33" d="100"/>
        <a:sy n="33" d="100"/>
      </p:scale>
      <p:origin x="0" y="-704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21" Type="http://schemas.openxmlformats.org/officeDocument/2006/relationships/slide" Target="slides/slide19.xml"/><Relationship Id="rId34" Type="http://schemas.openxmlformats.org/officeDocument/2006/relationships/presProps" Target="pres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viewProps" Target="viewProps.xml"/><Relationship Id="rId8" Type="http://schemas.openxmlformats.org/officeDocument/2006/relationships/slide" Target="slides/slide6.xml"/><Relationship Id="rId3" Type="http://schemas.openxmlformats.org/officeDocument/2006/relationships/slide" Target="slides/slid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9-09-26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24633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bg>
      <p:bgPr>
        <a:solidFill>
          <a:srgbClr val="13A0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8"/>
            <a:ext cx="10363200" cy="1470025"/>
          </a:xfrm>
        </p:spPr>
        <p:txBody>
          <a:bodyPr>
            <a:normAutofit/>
          </a:bodyPr>
          <a:lstStyle>
            <a:lvl1pPr algn="ctr">
              <a:defRPr sz="32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Presenter name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Paolo Pierini, 1/7/2019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MOFAA4, SRF19, Dresden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44407" y="260651"/>
            <a:ext cx="2208245" cy="88605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B77A986-290F-D34E-872B-A89DF3BE59A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219135" y="260651"/>
            <a:ext cx="2972865" cy="13168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4" y="1535116"/>
            <a:ext cx="5386917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09604" y="2174878"/>
            <a:ext cx="5386917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6193374" y="1535116"/>
            <a:ext cx="5389033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6193374" y="2174878"/>
            <a:ext cx="5389033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28446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2161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23423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09611" y="273052"/>
            <a:ext cx="4011084" cy="1162050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4766743" y="273401"/>
            <a:ext cx="6815668" cy="5853113"/>
          </a:xfrm>
        </p:spPr>
        <p:txBody>
          <a:bodyPr/>
          <a:lstStyle>
            <a:lvl1pPr>
              <a:defRPr sz="2216"/>
            </a:lvl1pPr>
            <a:lvl2pPr>
              <a:defRPr sz="1939"/>
            </a:lvl2pPr>
            <a:lvl3pPr>
              <a:defRPr sz="1661"/>
            </a:lvl3pPr>
            <a:lvl4pPr>
              <a:defRPr sz="1385"/>
            </a:lvl4pPr>
            <a:lvl5pPr>
              <a:defRPr sz="1385"/>
            </a:lvl5pPr>
            <a:lvl6pPr>
              <a:defRPr sz="1385"/>
            </a:lvl6pPr>
            <a:lvl7pPr>
              <a:defRPr sz="1385"/>
            </a:lvl7pPr>
            <a:lvl8pPr>
              <a:defRPr sz="1385"/>
            </a:lvl8pPr>
            <a:lvl9pPr>
              <a:defRPr sz="1385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609611" y="1435104"/>
            <a:ext cx="4011084" cy="4691063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15300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389717" y="4800603"/>
            <a:ext cx="7315200" cy="566738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2216"/>
            </a:lvl1pPr>
            <a:lvl2pPr marL="315314" indent="0">
              <a:buNone/>
              <a:defRPr sz="1939"/>
            </a:lvl2pPr>
            <a:lvl3pPr marL="630630" indent="0">
              <a:buNone/>
              <a:defRPr sz="1661"/>
            </a:lvl3pPr>
            <a:lvl4pPr marL="945947" indent="0">
              <a:buNone/>
              <a:defRPr sz="1385"/>
            </a:lvl4pPr>
            <a:lvl5pPr marL="1261265" indent="0">
              <a:buNone/>
              <a:defRPr sz="1385"/>
            </a:lvl5pPr>
            <a:lvl6pPr marL="1576588" indent="0">
              <a:buNone/>
              <a:defRPr sz="1385"/>
            </a:lvl6pPr>
            <a:lvl7pPr marL="1891904" indent="0">
              <a:buNone/>
              <a:defRPr sz="1385"/>
            </a:lvl7pPr>
            <a:lvl8pPr marL="2207225" indent="0">
              <a:buNone/>
              <a:defRPr sz="1385"/>
            </a:lvl8pPr>
            <a:lvl9pPr marL="2522543" indent="0">
              <a:buNone/>
              <a:defRPr sz="1385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2389717" y="5367341"/>
            <a:ext cx="7315200" cy="804862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922258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604716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8839200" y="275036"/>
            <a:ext cx="2743200" cy="5851525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609600" y="275036"/>
            <a:ext cx="8026400" cy="5851525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90039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91349" y="301"/>
            <a:ext cx="7683499" cy="1441451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cxnSp>
        <p:nvCxnSpPr>
          <p:cNvPr id="3" name="Rak 7"/>
          <p:cNvCxnSpPr/>
          <p:nvPr userDrawn="1"/>
        </p:nvCxnSpPr>
        <p:spPr>
          <a:xfrm>
            <a:off x="-434760" y="1452400"/>
            <a:ext cx="12928527" cy="0"/>
          </a:xfrm>
          <a:prstGeom prst="line">
            <a:avLst/>
          </a:prstGeom>
          <a:ln w="635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497354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576DC40F-55C4-384F-A14E-20FF4C53AB90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7D684BB-AC49-4844-95DA-6540E04D6D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09600" y="1781000"/>
            <a:ext cx="10972800" cy="4345166"/>
          </a:xfrm>
        </p:spPr>
        <p:txBody>
          <a:bodyPr lIns="90000">
            <a:noAutofit/>
          </a:bodyPr>
          <a:lstStyle>
            <a:lvl1pPr marL="342900" indent="-342900">
              <a:buFont typeface="Arial" panose="020B0604020202020204" pitchFamily="34" charset="0"/>
              <a:buChar char="•"/>
              <a:defRPr/>
            </a:lvl1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fld id="{551115BC-487E-4422-894C-CB7CD3E7922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38011E48-F5AC-104B-BB7F-6322AAB1F2D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54EFD1FC-835C-BA4B-BDA6-ACC591F007D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US" smtClean="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1E636088-FAD8-024C-A1D7-D74763A458C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09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97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448251"/>
            <a:ext cx="3860800" cy="365125"/>
          </a:xfrm>
        </p:spPr>
        <p:txBody>
          <a:bodyPr vert="horz" lIns="91440" tIns="45720" rIns="91440" bIns="45720" rtlCol="0" anchor="ctr"/>
          <a:lstStyle>
            <a:lvl1pPr>
              <a:defRPr lang="en-US" smtClean="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737600" y="6448251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fld id="{551115BC-487E-4422-894C-CB7CD3E79223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E7D9470-03DC-FB43-B831-D8BEB33949E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51282D3D-8FD4-E041-9B14-07B58C6C3A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2852DFA2-0FC7-BC44-83D5-11A0ECDA594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51D6F4D0-7B6C-0147-BD4D-FD0B03987BB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US" smtClean="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 dirty="0"/>
              <a:t>Avoid text less than 16 points.</a:t>
            </a:r>
          </a:p>
          <a:p>
            <a:pPr lvl="0"/>
            <a:r>
              <a:rPr lang="en-US" noProof="0" dirty="0"/>
              <a:t>Always use Calibri font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fld id="{551115BC-487E-4422-894C-CB7CD3E7922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60BF656C-72FF-A043-BC09-9710014F81E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US" smtClean="0"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US" smtClean="0"/>
            </a:lvl1pPr>
          </a:lstStyle>
          <a:p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vert="horz" lIns="91440" tIns="45720" rIns="91440" bIns="45720" rtlCol="0" anchor="ctr"/>
          <a:lstStyle>
            <a:lvl1pPr>
              <a:defRPr lang="en-GB" smtClean="0"/>
            </a:lvl1pPr>
          </a:lstStyle>
          <a:p>
            <a:fld id="{551115BC-487E-4422-894C-CB7CD3E7922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498801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3153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306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94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26126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57658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18919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2072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5225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28836089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98315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963087" y="4407120"/>
            <a:ext cx="10363200" cy="1362076"/>
          </a:xfrm>
        </p:spPr>
        <p:txBody>
          <a:bodyPr anchor="t"/>
          <a:lstStyle>
            <a:lvl1pPr algn="l">
              <a:defRPr sz="27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963087" y="2906723"/>
            <a:ext cx="10363200" cy="1500187"/>
          </a:xfrm>
        </p:spPr>
        <p:txBody>
          <a:bodyPr anchor="b"/>
          <a:lstStyle>
            <a:lvl1pPr marL="0" indent="0">
              <a:buNone/>
              <a:defRPr sz="1385">
                <a:solidFill>
                  <a:schemeClr val="tx1">
                    <a:tint val="75000"/>
                  </a:schemeClr>
                </a:solidFill>
              </a:defRPr>
            </a:lvl1pPr>
            <a:lvl2pPr marL="315314" indent="0">
              <a:buNone/>
              <a:defRPr sz="1247">
                <a:solidFill>
                  <a:schemeClr val="tx1">
                    <a:tint val="75000"/>
                  </a:schemeClr>
                </a:solidFill>
              </a:defRPr>
            </a:lvl2pPr>
            <a:lvl3pPr marL="630630" indent="0">
              <a:buNone/>
              <a:defRPr sz="1108">
                <a:solidFill>
                  <a:schemeClr val="tx1">
                    <a:tint val="75000"/>
                  </a:schemeClr>
                </a:solidFill>
              </a:defRPr>
            </a:lvl3pPr>
            <a:lvl4pPr marL="945947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4pPr>
            <a:lvl5pPr marL="126126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5pPr>
            <a:lvl6pPr marL="1576588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6pPr>
            <a:lvl7pPr marL="1891904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7pPr>
            <a:lvl8pPr marL="220722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8pPr>
            <a:lvl9pPr marL="2522543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81585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609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197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47124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8.xml"/><Relationship Id="rId7" Type="http://schemas.openxmlformats.org/officeDocument/2006/relationships/slideLayout" Target="../slideLayouts/slideLayout12.xml"/><Relationship Id="rId12" Type="http://schemas.openxmlformats.org/officeDocument/2006/relationships/slideLayout" Target="../slideLayouts/slideLayout17.x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slideLayout" Target="../slideLayouts/slideLayout16.xml"/><Relationship Id="rId5" Type="http://schemas.openxmlformats.org/officeDocument/2006/relationships/slideLayout" Target="../slideLayouts/slideLayout10.xml"/><Relationship Id="rId10" Type="http://schemas.openxmlformats.org/officeDocument/2006/relationships/slideLayout" Target="../slideLayouts/slideLayout15.xml"/><Relationship Id="rId4" Type="http://schemas.openxmlformats.org/officeDocument/2006/relationships/slideLayout" Target="../slideLayouts/slideLayout9.xml"/><Relationship Id="rId9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951884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noProof="0"/>
              <a:t>Klicka här för att ändra format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3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41667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416675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41667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69" r:id="rId5"/>
  </p:sldLayoutIdLst>
  <p:hf hdr="0"/>
  <p:txStyles>
    <p:titleStyle>
      <a:lvl1pPr algn="l" defTabSz="685800" rtl="0" eaLnBrk="1" latinLnBrk="0" hangingPunct="1">
        <a:spcBef>
          <a:spcPct val="0"/>
        </a:spcBef>
        <a:buNone/>
        <a:defRPr sz="24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1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35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090" tIns="45549" rIns="91090" bIns="45549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0" y="1600206"/>
            <a:ext cx="10972800" cy="4525963"/>
          </a:xfrm>
          <a:prstGeom prst="rect">
            <a:avLst/>
          </a:prstGeom>
        </p:spPr>
        <p:txBody>
          <a:bodyPr vert="horz" lIns="91090" tIns="45549" rIns="91090" bIns="45549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609604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l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r>
              <a:rPr lang="en-US">
                <a:solidFill>
                  <a:prstClr val="black">
                    <a:tint val="75000"/>
                  </a:prstClr>
                </a:solidFill>
              </a:rPr>
              <a:t>Paolo Pierini, 1/7/2019</a:t>
            </a:r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4165600" y="6356748"/>
            <a:ext cx="3860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ct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r>
              <a:rPr lang="sv-SE">
                <a:solidFill>
                  <a:prstClr val="black">
                    <a:tint val="75000"/>
                  </a:prstClr>
                </a:solidFill>
              </a:rPr>
              <a:t>MOFAA4, SRF19, Dresden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8737600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 defTabSz="315314"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82079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58" r:id="rId2"/>
    <p:sldLayoutId id="2147483659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</p:sldLayoutIdLst>
  <p:hf hdr="0"/>
  <p:txStyles>
    <p:titleStyle>
      <a:lvl1pPr algn="ctr" defTabSz="315314" rtl="0" eaLnBrk="1" latinLnBrk="0" hangingPunct="1">
        <a:spcBef>
          <a:spcPct val="0"/>
        </a:spcBef>
        <a:buNone/>
        <a:defRPr sz="304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36484" indent="-236484" algn="l" defTabSz="315314" rtl="0" eaLnBrk="1" latinLnBrk="0" hangingPunct="1">
        <a:spcBef>
          <a:spcPct val="20000"/>
        </a:spcBef>
        <a:buFont typeface="Arial"/>
        <a:buChar char="•"/>
        <a:defRPr sz="2216" kern="1200">
          <a:solidFill>
            <a:schemeClr val="tx1"/>
          </a:solidFill>
          <a:latin typeface="+mn-lt"/>
          <a:ea typeface="+mn-ea"/>
          <a:cs typeface="+mn-cs"/>
        </a:defRPr>
      </a:lvl1pPr>
      <a:lvl2pPr marL="512390" indent="-197066" algn="l" defTabSz="315314" rtl="0" eaLnBrk="1" latinLnBrk="0" hangingPunct="1">
        <a:spcBef>
          <a:spcPct val="20000"/>
        </a:spcBef>
        <a:buFont typeface="Arial"/>
        <a:buChar char="–"/>
        <a:defRPr sz="1939" kern="1200">
          <a:solidFill>
            <a:schemeClr val="tx1"/>
          </a:solidFill>
          <a:latin typeface="+mn-lt"/>
          <a:ea typeface="+mn-ea"/>
          <a:cs typeface="+mn-cs"/>
        </a:defRPr>
      </a:lvl2pPr>
      <a:lvl3pPr marL="788276" indent="-157655" algn="l" defTabSz="315314" rtl="0" eaLnBrk="1" latinLnBrk="0" hangingPunct="1">
        <a:spcBef>
          <a:spcPct val="20000"/>
        </a:spcBef>
        <a:buFont typeface="Arial"/>
        <a:buChar char="•"/>
        <a:defRPr sz="1661" kern="1200">
          <a:solidFill>
            <a:schemeClr val="tx1"/>
          </a:solidFill>
          <a:latin typeface="+mn-lt"/>
          <a:ea typeface="+mn-ea"/>
          <a:cs typeface="+mn-cs"/>
        </a:defRPr>
      </a:lvl3pPr>
      <a:lvl4pPr marL="1103609" indent="-157655" algn="l" defTabSz="315314" rtl="0" eaLnBrk="1" latinLnBrk="0" hangingPunct="1">
        <a:spcBef>
          <a:spcPct val="20000"/>
        </a:spcBef>
        <a:buFont typeface="Arial"/>
        <a:buChar char="–"/>
        <a:defRPr sz="1385" kern="1200">
          <a:solidFill>
            <a:schemeClr val="tx1"/>
          </a:solidFill>
          <a:latin typeface="+mn-lt"/>
          <a:ea typeface="+mn-ea"/>
          <a:cs typeface="+mn-cs"/>
        </a:defRPr>
      </a:lvl4pPr>
      <a:lvl5pPr marL="1418929" indent="-157655" algn="l" defTabSz="315314" rtl="0" eaLnBrk="1" latinLnBrk="0" hangingPunct="1">
        <a:spcBef>
          <a:spcPct val="20000"/>
        </a:spcBef>
        <a:buFont typeface="Arial"/>
        <a:buChar char="»"/>
        <a:defRPr sz="1385" kern="1200">
          <a:solidFill>
            <a:schemeClr val="tx1"/>
          </a:solidFill>
          <a:latin typeface="+mn-lt"/>
          <a:ea typeface="+mn-ea"/>
          <a:cs typeface="+mn-cs"/>
        </a:defRPr>
      </a:lvl5pPr>
      <a:lvl6pPr marL="1734244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6pPr>
      <a:lvl7pPr marL="2049560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7pPr>
      <a:lvl8pPr marL="2364882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8pPr>
      <a:lvl9pPr marL="2680197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1pPr>
      <a:lvl2pPr marL="31531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2pPr>
      <a:lvl3pPr marL="63063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3pPr>
      <a:lvl4pPr marL="945947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4pPr>
      <a:lvl5pPr marL="126126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5pPr>
      <a:lvl6pPr marL="1576588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6pPr>
      <a:lvl7pPr marL="189190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7pPr>
      <a:lvl8pPr marL="220722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8pPr>
      <a:lvl9pPr marL="2522543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jpeg"/><Relationship Id="rId3" Type="http://schemas.openxmlformats.org/officeDocument/2006/relationships/image" Target="../media/image13.png"/><Relationship Id="rId7" Type="http://schemas.openxmlformats.org/officeDocument/2006/relationships/image" Target="../media/image17.jpe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jpeg"/><Relationship Id="rId11" Type="http://schemas.openxmlformats.org/officeDocument/2006/relationships/image" Target="../media/image21.jpeg"/><Relationship Id="rId5" Type="http://schemas.openxmlformats.org/officeDocument/2006/relationships/image" Target="../media/image15.jpeg"/><Relationship Id="rId10" Type="http://schemas.openxmlformats.org/officeDocument/2006/relationships/image" Target="../media/image20.jpg"/><Relationship Id="rId4" Type="http://schemas.openxmlformats.org/officeDocument/2006/relationships/image" Target="../media/image14.jpeg"/><Relationship Id="rId9" Type="http://schemas.openxmlformats.org/officeDocument/2006/relationships/image" Target="../media/image19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jpeg"/><Relationship Id="rId3" Type="http://schemas.microsoft.com/office/2007/relationships/hdphoto" Target="../media/hdphoto1.wdp"/><Relationship Id="rId7" Type="http://schemas.openxmlformats.org/officeDocument/2006/relationships/image" Target="../media/image34.jpe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3.jpeg"/><Relationship Id="rId5" Type="http://schemas.openxmlformats.org/officeDocument/2006/relationships/image" Target="../media/image32.jpeg"/><Relationship Id="rId4" Type="http://schemas.openxmlformats.org/officeDocument/2006/relationships/image" Target="../media/image31.jpeg"/><Relationship Id="rId9" Type="http://schemas.openxmlformats.org/officeDocument/2006/relationships/image" Target="../media/image36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0.jpeg"/><Relationship Id="rId5" Type="http://schemas.openxmlformats.org/officeDocument/2006/relationships/image" Target="../media/image39.jpeg"/><Relationship Id="rId4" Type="http://schemas.openxmlformats.org/officeDocument/2006/relationships/image" Target="../media/image38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image" Target="../media/image4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5.jpe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0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3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jpeg"/><Relationship Id="rId2" Type="http://schemas.openxmlformats.org/officeDocument/2006/relationships/image" Target="../media/image54.jpe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jpeg"/><Relationship Id="rId2" Type="http://schemas.openxmlformats.org/officeDocument/2006/relationships/image" Target="../media/image56.jpe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jpe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jpe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jpeg"/><Relationship Id="rId1" Type="http://schemas.openxmlformats.org/officeDocument/2006/relationships/slideLayout" Target="../slideLayouts/slideLayout1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tif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tiff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57.xml"/><Relationship Id="rId18" Type="http://schemas.openxmlformats.org/officeDocument/2006/relationships/tags" Target="../tags/tag62.xml"/><Relationship Id="rId26" Type="http://schemas.openxmlformats.org/officeDocument/2006/relationships/tags" Target="../tags/tag70.xml"/><Relationship Id="rId39" Type="http://schemas.openxmlformats.org/officeDocument/2006/relationships/tags" Target="../tags/tag83.xml"/><Relationship Id="rId21" Type="http://schemas.openxmlformats.org/officeDocument/2006/relationships/tags" Target="../tags/tag65.xml"/><Relationship Id="rId34" Type="http://schemas.openxmlformats.org/officeDocument/2006/relationships/tags" Target="../tags/tag78.xml"/><Relationship Id="rId42" Type="http://schemas.openxmlformats.org/officeDocument/2006/relationships/tags" Target="../tags/tag86.xml"/><Relationship Id="rId47" Type="http://schemas.openxmlformats.org/officeDocument/2006/relationships/tags" Target="../tags/tag91.xml"/><Relationship Id="rId50" Type="http://schemas.openxmlformats.org/officeDocument/2006/relationships/tags" Target="../tags/tag94.xml"/><Relationship Id="rId55" Type="http://schemas.openxmlformats.org/officeDocument/2006/relationships/tags" Target="../tags/tag99.xml"/><Relationship Id="rId7" Type="http://schemas.openxmlformats.org/officeDocument/2006/relationships/tags" Target="../tags/tag51.xml"/><Relationship Id="rId2" Type="http://schemas.openxmlformats.org/officeDocument/2006/relationships/tags" Target="../tags/tag46.xml"/><Relationship Id="rId16" Type="http://schemas.openxmlformats.org/officeDocument/2006/relationships/tags" Target="../tags/tag60.xml"/><Relationship Id="rId29" Type="http://schemas.openxmlformats.org/officeDocument/2006/relationships/tags" Target="../tags/tag73.xml"/><Relationship Id="rId11" Type="http://schemas.openxmlformats.org/officeDocument/2006/relationships/tags" Target="../tags/tag55.xml"/><Relationship Id="rId24" Type="http://schemas.openxmlformats.org/officeDocument/2006/relationships/tags" Target="../tags/tag68.xml"/><Relationship Id="rId32" Type="http://schemas.openxmlformats.org/officeDocument/2006/relationships/tags" Target="../tags/tag76.xml"/><Relationship Id="rId37" Type="http://schemas.openxmlformats.org/officeDocument/2006/relationships/tags" Target="../tags/tag81.xml"/><Relationship Id="rId40" Type="http://schemas.openxmlformats.org/officeDocument/2006/relationships/tags" Target="../tags/tag84.xml"/><Relationship Id="rId45" Type="http://schemas.openxmlformats.org/officeDocument/2006/relationships/tags" Target="../tags/tag89.xml"/><Relationship Id="rId53" Type="http://schemas.openxmlformats.org/officeDocument/2006/relationships/tags" Target="../tags/tag97.xml"/><Relationship Id="rId5" Type="http://schemas.openxmlformats.org/officeDocument/2006/relationships/tags" Target="../tags/tag49.xml"/><Relationship Id="rId19" Type="http://schemas.openxmlformats.org/officeDocument/2006/relationships/tags" Target="../tags/tag63.xml"/><Relationship Id="rId4" Type="http://schemas.openxmlformats.org/officeDocument/2006/relationships/tags" Target="../tags/tag48.xml"/><Relationship Id="rId9" Type="http://schemas.openxmlformats.org/officeDocument/2006/relationships/tags" Target="../tags/tag53.xml"/><Relationship Id="rId14" Type="http://schemas.openxmlformats.org/officeDocument/2006/relationships/tags" Target="../tags/tag58.xml"/><Relationship Id="rId22" Type="http://schemas.openxmlformats.org/officeDocument/2006/relationships/tags" Target="../tags/tag66.xml"/><Relationship Id="rId27" Type="http://schemas.openxmlformats.org/officeDocument/2006/relationships/tags" Target="../tags/tag71.xml"/><Relationship Id="rId30" Type="http://schemas.openxmlformats.org/officeDocument/2006/relationships/tags" Target="../tags/tag74.xml"/><Relationship Id="rId35" Type="http://schemas.openxmlformats.org/officeDocument/2006/relationships/tags" Target="../tags/tag79.xml"/><Relationship Id="rId43" Type="http://schemas.openxmlformats.org/officeDocument/2006/relationships/tags" Target="../tags/tag87.xml"/><Relationship Id="rId48" Type="http://schemas.openxmlformats.org/officeDocument/2006/relationships/tags" Target="../tags/tag92.xml"/><Relationship Id="rId56" Type="http://schemas.openxmlformats.org/officeDocument/2006/relationships/tags" Target="../tags/tag100.xml"/><Relationship Id="rId8" Type="http://schemas.openxmlformats.org/officeDocument/2006/relationships/tags" Target="../tags/tag52.xml"/><Relationship Id="rId51" Type="http://schemas.openxmlformats.org/officeDocument/2006/relationships/tags" Target="../tags/tag95.xml"/><Relationship Id="rId3" Type="http://schemas.openxmlformats.org/officeDocument/2006/relationships/tags" Target="../tags/tag47.xml"/><Relationship Id="rId12" Type="http://schemas.openxmlformats.org/officeDocument/2006/relationships/tags" Target="../tags/tag56.xml"/><Relationship Id="rId17" Type="http://schemas.openxmlformats.org/officeDocument/2006/relationships/tags" Target="../tags/tag61.xml"/><Relationship Id="rId25" Type="http://schemas.openxmlformats.org/officeDocument/2006/relationships/tags" Target="../tags/tag69.xml"/><Relationship Id="rId33" Type="http://schemas.openxmlformats.org/officeDocument/2006/relationships/tags" Target="../tags/tag77.xml"/><Relationship Id="rId38" Type="http://schemas.openxmlformats.org/officeDocument/2006/relationships/tags" Target="../tags/tag82.xml"/><Relationship Id="rId46" Type="http://schemas.openxmlformats.org/officeDocument/2006/relationships/tags" Target="../tags/tag90.xml"/><Relationship Id="rId20" Type="http://schemas.openxmlformats.org/officeDocument/2006/relationships/tags" Target="../tags/tag64.xml"/><Relationship Id="rId41" Type="http://schemas.openxmlformats.org/officeDocument/2006/relationships/tags" Target="../tags/tag85.xml"/><Relationship Id="rId54" Type="http://schemas.openxmlformats.org/officeDocument/2006/relationships/tags" Target="../tags/tag98.xml"/><Relationship Id="rId1" Type="http://schemas.openxmlformats.org/officeDocument/2006/relationships/tags" Target="../tags/tag45.xml"/><Relationship Id="rId6" Type="http://schemas.openxmlformats.org/officeDocument/2006/relationships/tags" Target="../tags/tag50.xml"/><Relationship Id="rId15" Type="http://schemas.openxmlformats.org/officeDocument/2006/relationships/tags" Target="../tags/tag59.xml"/><Relationship Id="rId23" Type="http://schemas.openxmlformats.org/officeDocument/2006/relationships/tags" Target="../tags/tag67.xml"/><Relationship Id="rId28" Type="http://schemas.openxmlformats.org/officeDocument/2006/relationships/tags" Target="../tags/tag72.xml"/><Relationship Id="rId36" Type="http://schemas.openxmlformats.org/officeDocument/2006/relationships/tags" Target="../tags/tag80.xml"/><Relationship Id="rId49" Type="http://schemas.openxmlformats.org/officeDocument/2006/relationships/tags" Target="../tags/tag93.xml"/><Relationship Id="rId57" Type="http://schemas.openxmlformats.org/officeDocument/2006/relationships/slideLayout" Target="../slideLayouts/slideLayout2.xml"/><Relationship Id="rId10" Type="http://schemas.openxmlformats.org/officeDocument/2006/relationships/tags" Target="../tags/tag54.xml"/><Relationship Id="rId31" Type="http://schemas.openxmlformats.org/officeDocument/2006/relationships/tags" Target="../tags/tag75.xml"/><Relationship Id="rId44" Type="http://schemas.openxmlformats.org/officeDocument/2006/relationships/tags" Target="../tags/tag88.xml"/><Relationship Id="rId52" Type="http://schemas.openxmlformats.org/officeDocument/2006/relationships/tags" Target="../tags/tag9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62CE98-D5A2-0648-AD18-116338EADBE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pPr defTabSz="315314"/>
            <a:r>
              <a:rPr lang="en-US" sz="4000" b="1" dirty="0"/>
              <a:t>SRF Planning at ESS, </a:t>
            </a:r>
            <a:br>
              <a:rPr lang="en-US" sz="4000" b="1" dirty="0"/>
            </a:br>
            <a:r>
              <a:rPr lang="en-US" sz="4000" b="1" dirty="0"/>
              <a:t>Overview and Status</a:t>
            </a:r>
            <a:r>
              <a:rPr lang="en-GB" sz="4000" b="1" dirty="0">
                <a:solidFill>
                  <a:srgbClr val="FFFFFF"/>
                </a:solidFill>
              </a:rPr>
              <a:t> </a:t>
            </a:r>
            <a:br>
              <a:rPr lang="en-GB" b="1" dirty="0">
                <a:solidFill>
                  <a:srgbClr val="FFFFFF"/>
                </a:solidFill>
              </a:rPr>
            </a:br>
            <a:endParaRPr lang="sv-SE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547BB3A-0D99-9D43-ADAF-EC7E12B7F5F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pPr defTabSz="315314"/>
            <a:endParaRPr lang="en-GB" sz="2400" b="1" dirty="0">
              <a:solidFill>
                <a:prstClr val="white"/>
              </a:solidFill>
            </a:endParaRPr>
          </a:p>
          <a:p>
            <a:pPr defTabSz="315314"/>
            <a:r>
              <a:rPr lang="en-GB" sz="1800" dirty="0">
                <a:solidFill>
                  <a:srgbClr val="FFFFFF"/>
                </a:solidFill>
              </a:rPr>
              <a:t>Nuno Elias on behalf of</a:t>
            </a:r>
          </a:p>
          <a:p>
            <a:pPr defTabSz="315314"/>
            <a:r>
              <a:rPr lang="en-GB" sz="1800" dirty="0">
                <a:solidFill>
                  <a:srgbClr val="FFFFFF"/>
                </a:solidFill>
              </a:rPr>
              <a:t>Paolo </a:t>
            </a:r>
            <a:r>
              <a:rPr lang="en-GB" sz="1800" dirty="0" err="1">
                <a:solidFill>
                  <a:srgbClr val="FFFFFF"/>
                </a:solidFill>
              </a:rPr>
              <a:t>Pierini</a:t>
            </a:r>
            <a:endParaRPr lang="en-GB" sz="1800" dirty="0">
              <a:solidFill>
                <a:srgbClr val="FFFFFF"/>
              </a:solidFill>
            </a:endParaRPr>
          </a:p>
          <a:p>
            <a:pPr defTabSz="315314"/>
            <a:r>
              <a:rPr lang="en-GB" sz="1800" dirty="0">
                <a:solidFill>
                  <a:srgbClr val="FFFFFF"/>
                </a:solidFill>
              </a:rPr>
              <a:t>Superconducting RF Section, </a:t>
            </a:r>
            <a:r>
              <a:rPr lang="en-GB" sz="1800" dirty="0" err="1">
                <a:solidFill>
                  <a:srgbClr val="FFFFFF"/>
                </a:solidFill>
              </a:rPr>
              <a:t>Linac</a:t>
            </a:r>
            <a:r>
              <a:rPr lang="en-GB" sz="1800" dirty="0">
                <a:solidFill>
                  <a:srgbClr val="FFFFFF"/>
                </a:solidFill>
              </a:rPr>
              <a:t> Group, Accelerator Division</a:t>
            </a:r>
            <a:endParaRPr lang="en-GB" sz="1400" dirty="0">
              <a:solidFill>
                <a:prstClr val="white"/>
              </a:solidFill>
            </a:endParaRPr>
          </a:p>
          <a:p>
            <a:pPr defTabSz="315314"/>
            <a:r>
              <a:rPr lang="en-GB" sz="1400" dirty="0">
                <a:solidFill>
                  <a:srgbClr val="FFFFFF"/>
                </a:solidFill>
              </a:rPr>
              <a:t>European Spallation Source ERIC</a:t>
            </a:r>
          </a:p>
          <a:p>
            <a:pPr defTabSz="315314"/>
            <a:endParaRPr lang="en-GB" sz="1400" dirty="0">
              <a:solidFill>
                <a:srgbClr val="FFFFFF"/>
              </a:solidFill>
            </a:endParaRPr>
          </a:p>
          <a:p>
            <a:pPr defTabSz="315314"/>
            <a:r>
              <a:rPr lang="en-GB" sz="1400" dirty="0">
                <a:solidFill>
                  <a:srgbClr val="FFFFFF"/>
                </a:solidFill>
              </a:rPr>
              <a:t>September 26</a:t>
            </a:r>
            <a:r>
              <a:rPr lang="en-GB" sz="1400" baseline="30000" dirty="0">
                <a:solidFill>
                  <a:srgbClr val="FFFFFF"/>
                </a:solidFill>
              </a:rPr>
              <a:t>st</a:t>
            </a:r>
            <a:r>
              <a:rPr lang="en-GB" sz="1400" dirty="0">
                <a:solidFill>
                  <a:srgbClr val="FFFFFF"/>
                </a:solidFill>
              </a:rPr>
              <a:t> 2019 – SLHIPP9, LANZHOU</a:t>
            </a:r>
            <a:endParaRPr lang="en-GB" sz="1200" dirty="0">
              <a:solidFill>
                <a:srgbClr val="FFFFFF"/>
              </a:solidFill>
            </a:endParaRP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384747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425ED2-1EEE-6243-939D-DE17C4708A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for elliptical module installation and tes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B3106B0-6B44-0248-A96F-D603B193852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201" y="1600200"/>
            <a:ext cx="6360566" cy="5037461"/>
          </a:xfrm>
        </p:spPr>
        <p:txBody>
          <a:bodyPr/>
          <a:lstStyle/>
          <a:p>
            <a:r>
              <a:rPr lang="en-US" dirty="0"/>
              <a:t>ESS in charge of development and procurement of </a:t>
            </a:r>
          </a:p>
          <a:p>
            <a:pPr lvl="1"/>
            <a:r>
              <a:rPr lang="en-US" dirty="0"/>
              <a:t>Transport container (with vibration dampers) at ESS</a:t>
            </a:r>
          </a:p>
          <a:p>
            <a:pPr lvl="1"/>
            <a:r>
              <a:rPr lang="en-US" dirty="0"/>
              <a:t>Installation tools and tunnel supports</a:t>
            </a:r>
          </a:p>
          <a:p>
            <a:r>
              <a:rPr lang="en-US" dirty="0"/>
              <a:t>Transportation tests performed in 2018 with a bare </a:t>
            </a:r>
            <a:br>
              <a:rPr lang="en-US" dirty="0"/>
            </a:br>
            <a:r>
              <a:rPr lang="en-US" dirty="0"/>
              <a:t>vessel, to validate design and procedures</a:t>
            </a:r>
          </a:p>
          <a:p>
            <a:endParaRPr lang="en-US" dirty="0"/>
          </a:p>
          <a:p>
            <a:r>
              <a:rPr lang="en-US" b="1" dirty="0"/>
              <a:t>Prototype cryomodule </a:t>
            </a:r>
            <a:r>
              <a:rPr lang="en-US" dirty="0"/>
              <a:t>transported to ESS </a:t>
            </a:r>
            <a:br>
              <a:rPr lang="en-US" dirty="0"/>
            </a:br>
            <a:r>
              <a:rPr lang="en-US" dirty="0"/>
              <a:t>in February 2019</a:t>
            </a:r>
          </a:p>
          <a:p>
            <a:pPr lvl="1"/>
            <a:r>
              <a:rPr lang="en-US" dirty="0"/>
              <a:t>Beam vacuum preserved</a:t>
            </a:r>
          </a:p>
          <a:p>
            <a:pPr lvl="1"/>
            <a:r>
              <a:rPr lang="en-US" dirty="0"/>
              <a:t>Few loose screws on </a:t>
            </a:r>
            <a:r>
              <a:rPr lang="en-US" dirty="0" err="1"/>
              <a:t>isovac</a:t>
            </a:r>
            <a:r>
              <a:rPr lang="en-US" dirty="0"/>
              <a:t> flanges and tuner </a:t>
            </a:r>
            <a:br>
              <a:rPr lang="en-US" dirty="0"/>
            </a:br>
            <a:r>
              <a:rPr lang="en-US" dirty="0"/>
              <a:t>components</a:t>
            </a:r>
          </a:p>
          <a:p>
            <a:r>
              <a:rPr lang="en-US" b="1" dirty="0"/>
              <a:t>Preparation for cold testing is now taking place</a:t>
            </a:r>
          </a:p>
          <a:p>
            <a:pPr lvl="1"/>
            <a:r>
              <a:rPr lang="en-US" b="1" dirty="0"/>
              <a:t>Cryomodule is installed in Bunker and interconnected to the valve box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B94487D-27D0-2946-80C0-C53504FAB4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3A865E4-B896-EE4E-8169-74940DBBA51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Transport tests and prototype receival</a:t>
            </a:r>
          </a:p>
        </p:txBody>
      </p:sp>
      <p:pic>
        <p:nvPicPr>
          <p:cNvPr id="11" name="Picture 5">
            <a:extLst>
              <a:ext uri="{FF2B5EF4-FFF2-40B4-BE49-F238E27FC236}">
                <a16:creationId xmlns:a16="http://schemas.microsoft.com/office/drawing/2014/main" id="{8A3F0A64-9E7C-0442-957D-F763745F925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7749805" y="5252926"/>
            <a:ext cx="4442195" cy="16050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4">
            <a:extLst>
              <a:ext uri="{FF2B5EF4-FFF2-40B4-BE49-F238E27FC236}">
                <a16:creationId xmlns:a16="http://schemas.microsoft.com/office/drawing/2014/main" id="{0C4EDD63-0646-F046-AF06-B3EC81372D4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421424" y="3754842"/>
            <a:ext cx="1328381" cy="31001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F2DAA9D7-C30D-4D43-9CEB-CA2F04C69A9B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750700" y="1411049"/>
            <a:ext cx="2221992" cy="128512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4D6A65EC-D11B-864D-B60E-09264754A5A3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970902" y="1404775"/>
            <a:ext cx="2220203" cy="1297671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FE41A4F-C8B6-0C48-990B-A15AD0D55CBD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749805" y="4102311"/>
            <a:ext cx="2221992" cy="1285124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44F9C3C-1FF0-7649-8213-AE1B3D61CB75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952966" y="4089764"/>
            <a:ext cx="2221992" cy="1297671"/>
          </a:xfrm>
          <a:prstGeom prst="rect">
            <a:avLst/>
          </a:prstGeom>
        </p:spPr>
      </p:pic>
      <p:pic>
        <p:nvPicPr>
          <p:cNvPr id="17" name="Content Placeholder 6">
            <a:extLst>
              <a:ext uri="{FF2B5EF4-FFF2-40B4-BE49-F238E27FC236}">
                <a16:creationId xmlns:a16="http://schemas.microsoft.com/office/drawing/2014/main" id="{8CBD4C42-3E8D-5D4A-82B4-D5121D3A35F7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749805" y="2696173"/>
            <a:ext cx="4442195" cy="1428422"/>
          </a:xfrm>
          <a:prstGeom prst="rect">
            <a:avLst/>
          </a:prstGeom>
        </p:spPr>
      </p:pic>
      <p:grpSp>
        <p:nvGrpSpPr>
          <p:cNvPr id="22" name="Group 21">
            <a:extLst>
              <a:ext uri="{FF2B5EF4-FFF2-40B4-BE49-F238E27FC236}">
                <a16:creationId xmlns:a16="http://schemas.microsoft.com/office/drawing/2014/main" id="{ABBD704E-AE56-634E-BDF6-34CBFB2577F5}"/>
              </a:ext>
            </a:extLst>
          </p:cNvPr>
          <p:cNvGrpSpPr/>
          <p:nvPr/>
        </p:nvGrpSpPr>
        <p:grpSpPr>
          <a:xfrm>
            <a:off x="6882988" y="1683084"/>
            <a:ext cx="5249496" cy="5135377"/>
            <a:chOff x="6730033" y="1556906"/>
            <a:chExt cx="5249496" cy="5135377"/>
          </a:xfrm>
        </p:grpSpPr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910BBBD1-B315-9541-8D75-EBC2EB1833A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730033" y="1556906"/>
              <a:ext cx="5249496" cy="5135377"/>
            </a:xfrm>
            <a:prstGeom prst="rect">
              <a:avLst/>
            </a:prstGeom>
          </p:spPr>
        </p:pic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D950E134-705F-4040-B280-DD9861889723}"/>
                </a:ext>
              </a:extLst>
            </p:cNvPr>
            <p:cNvSpPr txBox="1"/>
            <p:nvPr/>
          </p:nvSpPr>
          <p:spPr>
            <a:xfrm>
              <a:off x="8573975" y="5749978"/>
              <a:ext cx="3172049" cy="400110"/>
            </a:xfrm>
            <a:prstGeom prst="rect">
              <a:avLst/>
            </a:prstGeom>
          </p:spPr>
          <p:txBody>
            <a:bodyPr vert="horz" wrap="square" lIns="91440" tIns="45720" rIns="91440" bIns="45720" rtlCol="0" anchor="t">
              <a:spAutoFit/>
            </a:bodyPr>
            <a:lstStyle/>
            <a:p>
              <a:pPr algn="l"/>
              <a:r>
                <a:rPr lang="en-US" sz="2000" dirty="0">
                  <a:solidFill>
                    <a:srgbClr val="FFFF00"/>
                  </a:solidFill>
                </a:rPr>
                <a:t>M-ECCTD February 15</a:t>
              </a:r>
              <a:r>
                <a:rPr lang="en-US" sz="2000" baseline="30000" dirty="0">
                  <a:solidFill>
                    <a:srgbClr val="FFFF00"/>
                  </a:solidFill>
                </a:rPr>
                <a:t>th</a:t>
              </a:r>
              <a:r>
                <a:rPr lang="en-US" sz="2000" dirty="0">
                  <a:solidFill>
                    <a:srgbClr val="FFFF00"/>
                  </a:solidFill>
                </a:rPr>
                <a:t> 2019</a:t>
              </a:r>
            </a:p>
          </p:txBody>
        </p:sp>
      </p:grpSp>
      <p:pic>
        <p:nvPicPr>
          <p:cNvPr id="19" name="Picture 18">
            <a:extLst>
              <a:ext uri="{FF2B5EF4-FFF2-40B4-BE49-F238E27FC236}">
                <a16:creationId xmlns:a16="http://schemas.microsoft.com/office/drawing/2014/main" id="{2E8CD542-B6B1-F644-9851-03530D3E99C6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0271" y="1958505"/>
            <a:ext cx="5674930" cy="4256196"/>
          </a:xfrm>
          <a:prstGeom prst="rect">
            <a:avLst/>
          </a:prstGeom>
        </p:spPr>
      </p:pic>
      <p:pic>
        <p:nvPicPr>
          <p:cNvPr id="20" name="Picture 5" descr="/var/folders/5g/xy5x_p810hg28r2mszwghn1wnzqrqn/T/com.microsoft.Powerpoint/WebArchiveCopyPasteTempFiles/cidimage004.jpg@01D559AC.7C046F10">
            <a:extLst>
              <a:ext uri="{FF2B5EF4-FFF2-40B4-BE49-F238E27FC236}">
                <a16:creationId xmlns:a16="http://schemas.microsoft.com/office/drawing/2014/main" id="{5A570D04-3CCD-5842-A90F-5ABEC7A8F1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10566" y="2037050"/>
            <a:ext cx="5627156" cy="4220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60402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88C67A2-8CB8-F647-89AF-E756C23029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2BC7705-195E-AE4B-80E6-785C624261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for tests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474E03F-BD6F-5147-810E-574A788A70D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Know what to expect… </a:t>
            </a:r>
            <a:r>
              <a:rPr lang="en-US" dirty="0" err="1"/>
              <a:t>Estabilished</a:t>
            </a:r>
            <a:r>
              <a:rPr lang="en-US" dirty="0"/>
              <a:t> </a:t>
            </a:r>
            <a:r>
              <a:rPr lang="en-US" b="1" dirty="0">
                <a:solidFill>
                  <a:schemeClr val="accent3">
                    <a:lumMod val="20000"/>
                    <a:lumOff val="80000"/>
                  </a:schemeClr>
                </a:solidFill>
              </a:rPr>
              <a:t>ESS Cavity Databas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62DB7C4-9E02-C242-A352-04DC3C0E5BA0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4741" y="3060551"/>
            <a:ext cx="2203854" cy="1394438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A6D34666-9B16-654D-BD73-FE1765B5C521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66576" y="3702465"/>
            <a:ext cx="1664081" cy="2355097"/>
          </a:xfrm>
          <a:prstGeom prst="rect">
            <a:avLst/>
          </a:prstGeom>
        </p:spPr>
      </p:pic>
      <p:sp>
        <p:nvSpPr>
          <p:cNvPr id="10" name="Rounded Rectangle 25">
            <a:extLst>
              <a:ext uri="{FF2B5EF4-FFF2-40B4-BE49-F238E27FC236}">
                <a16:creationId xmlns:a16="http://schemas.microsoft.com/office/drawing/2014/main" id="{56F151FC-B8BF-9A41-ACF0-605493286859}"/>
              </a:ext>
            </a:extLst>
          </p:cNvPr>
          <p:cNvSpPr/>
          <p:nvPr/>
        </p:nvSpPr>
        <p:spPr>
          <a:xfrm>
            <a:off x="928346" y="1839464"/>
            <a:ext cx="11117944" cy="4645588"/>
          </a:xfrm>
          <a:custGeom>
            <a:avLst/>
            <a:gdLst>
              <a:gd name="connsiteX0" fmla="*/ 0 w 6324600"/>
              <a:gd name="connsiteY0" fmla="*/ 213259 h 3630551"/>
              <a:gd name="connsiteX1" fmla="*/ 213259 w 6324600"/>
              <a:gd name="connsiteY1" fmla="*/ 0 h 3630551"/>
              <a:gd name="connsiteX2" fmla="*/ 6111341 w 6324600"/>
              <a:gd name="connsiteY2" fmla="*/ 0 h 3630551"/>
              <a:gd name="connsiteX3" fmla="*/ 6324600 w 6324600"/>
              <a:gd name="connsiteY3" fmla="*/ 213259 h 3630551"/>
              <a:gd name="connsiteX4" fmla="*/ 6324600 w 6324600"/>
              <a:gd name="connsiteY4" fmla="*/ 3417292 h 3630551"/>
              <a:gd name="connsiteX5" fmla="*/ 6111341 w 6324600"/>
              <a:gd name="connsiteY5" fmla="*/ 3630551 h 3630551"/>
              <a:gd name="connsiteX6" fmla="*/ 213259 w 6324600"/>
              <a:gd name="connsiteY6" fmla="*/ 3630551 h 3630551"/>
              <a:gd name="connsiteX7" fmla="*/ 0 w 6324600"/>
              <a:gd name="connsiteY7" fmla="*/ 3417292 h 3630551"/>
              <a:gd name="connsiteX8" fmla="*/ 0 w 6324600"/>
              <a:gd name="connsiteY8" fmla="*/ 213259 h 3630551"/>
              <a:gd name="connsiteX0" fmla="*/ 2583543 w 8908143"/>
              <a:gd name="connsiteY0" fmla="*/ 213259 h 3630551"/>
              <a:gd name="connsiteX1" fmla="*/ 2796802 w 8908143"/>
              <a:gd name="connsiteY1" fmla="*/ 0 h 3630551"/>
              <a:gd name="connsiteX2" fmla="*/ 8694884 w 8908143"/>
              <a:gd name="connsiteY2" fmla="*/ 0 h 3630551"/>
              <a:gd name="connsiteX3" fmla="*/ 8908143 w 8908143"/>
              <a:gd name="connsiteY3" fmla="*/ 213259 h 3630551"/>
              <a:gd name="connsiteX4" fmla="*/ 8908143 w 8908143"/>
              <a:gd name="connsiteY4" fmla="*/ 3417292 h 3630551"/>
              <a:gd name="connsiteX5" fmla="*/ 8694884 w 8908143"/>
              <a:gd name="connsiteY5" fmla="*/ 3630551 h 3630551"/>
              <a:gd name="connsiteX6" fmla="*/ 2796802 w 8908143"/>
              <a:gd name="connsiteY6" fmla="*/ 3630551 h 3630551"/>
              <a:gd name="connsiteX7" fmla="*/ 2583543 w 8908143"/>
              <a:gd name="connsiteY7" fmla="*/ 3417292 h 3630551"/>
              <a:gd name="connsiteX8" fmla="*/ 0 w 8908143"/>
              <a:gd name="connsiteY8" fmla="*/ 2822287 h 3630551"/>
              <a:gd name="connsiteX9" fmla="*/ 2583543 w 8908143"/>
              <a:gd name="connsiteY9" fmla="*/ 213259 h 3630551"/>
              <a:gd name="connsiteX0" fmla="*/ 2583543 w 8908143"/>
              <a:gd name="connsiteY0" fmla="*/ 213259 h 3660817"/>
              <a:gd name="connsiteX1" fmla="*/ 2796802 w 8908143"/>
              <a:gd name="connsiteY1" fmla="*/ 0 h 3660817"/>
              <a:gd name="connsiteX2" fmla="*/ 8694884 w 8908143"/>
              <a:gd name="connsiteY2" fmla="*/ 0 h 3660817"/>
              <a:gd name="connsiteX3" fmla="*/ 8908143 w 8908143"/>
              <a:gd name="connsiteY3" fmla="*/ 213259 h 3660817"/>
              <a:gd name="connsiteX4" fmla="*/ 8908143 w 8908143"/>
              <a:gd name="connsiteY4" fmla="*/ 3417292 h 3660817"/>
              <a:gd name="connsiteX5" fmla="*/ 8694884 w 8908143"/>
              <a:gd name="connsiteY5" fmla="*/ 3630551 h 3660817"/>
              <a:gd name="connsiteX6" fmla="*/ 2796802 w 8908143"/>
              <a:gd name="connsiteY6" fmla="*/ 3630551 h 3660817"/>
              <a:gd name="connsiteX7" fmla="*/ 21772 w 8908143"/>
              <a:gd name="connsiteY7" fmla="*/ 3598721 h 3660817"/>
              <a:gd name="connsiteX8" fmla="*/ 0 w 8908143"/>
              <a:gd name="connsiteY8" fmla="*/ 2822287 h 3660817"/>
              <a:gd name="connsiteX9" fmla="*/ 2583543 w 8908143"/>
              <a:gd name="connsiteY9" fmla="*/ 213259 h 3660817"/>
              <a:gd name="connsiteX0" fmla="*/ 2583543 w 8908143"/>
              <a:gd name="connsiteY0" fmla="*/ 213259 h 3630551"/>
              <a:gd name="connsiteX1" fmla="*/ 2796802 w 8908143"/>
              <a:gd name="connsiteY1" fmla="*/ 0 h 3630551"/>
              <a:gd name="connsiteX2" fmla="*/ 8694884 w 8908143"/>
              <a:gd name="connsiteY2" fmla="*/ 0 h 3630551"/>
              <a:gd name="connsiteX3" fmla="*/ 8908143 w 8908143"/>
              <a:gd name="connsiteY3" fmla="*/ 213259 h 3630551"/>
              <a:gd name="connsiteX4" fmla="*/ 8908143 w 8908143"/>
              <a:gd name="connsiteY4" fmla="*/ 3417292 h 3630551"/>
              <a:gd name="connsiteX5" fmla="*/ 8694884 w 8908143"/>
              <a:gd name="connsiteY5" fmla="*/ 3630551 h 3630551"/>
              <a:gd name="connsiteX6" fmla="*/ 21772 w 8908143"/>
              <a:gd name="connsiteY6" fmla="*/ 3598721 h 3630551"/>
              <a:gd name="connsiteX7" fmla="*/ 0 w 8908143"/>
              <a:gd name="connsiteY7" fmla="*/ 2822287 h 3630551"/>
              <a:gd name="connsiteX8" fmla="*/ 2583543 w 8908143"/>
              <a:gd name="connsiteY8" fmla="*/ 213259 h 3630551"/>
              <a:gd name="connsiteX0" fmla="*/ 2583543 w 8908143"/>
              <a:gd name="connsiteY0" fmla="*/ 213259 h 3664035"/>
              <a:gd name="connsiteX1" fmla="*/ 2796802 w 8908143"/>
              <a:gd name="connsiteY1" fmla="*/ 0 h 3664035"/>
              <a:gd name="connsiteX2" fmla="*/ 8694884 w 8908143"/>
              <a:gd name="connsiteY2" fmla="*/ 0 h 3664035"/>
              <a:gd name="connsiteX3" fmla="*/ 8908143 w 8908143"/>
              <a:gd name="connsiteY3" fmla="*/ 213259 h 3664035"/>
              <a:gd name="connsiteX4" fmla="*/ 8908143 w 8908143"/>
              <a:gd name="connsiteY4" fmla="*/ 3417292 h 3664035"/>
              <a:gd name="connsiteX5" fmla="*/ 8694884 w 8908143"/>
              <a:gd name="connsiteY5" fmla="*/ 3630551 h 3664035"/>
              <a:gd name="connsiteX6" fmla="*/ 29029 w 8908143"/>
              <a:gd name="connsiteY6" fmla="*/ 3664035 h 3664035"/>
              <a:gd name="connsiteX7" fmla="*/ 0 w 8908143"/>
              <a:gd name="connsiteY7" fmla="*/ 2822287 h 3664035"/>
              <a:gd name="connsiteX8" fmla="*/ 2583543 w 8908143"/>
              <a:gd name="connsiteY8" fmla="*/ 213259 h 3664035"/>
              <a:gd name="connsiteX0" fmla="*/ 2583543 w 8908143"/>
              <a:gd name="connsiteY0" fmla="*/ 213259 h 3664035"/>
              <a:gd name="connsiteX1" fmla="*/ 2796802 w 8908143"/>
              <a:gd name="connsiteY1" fmla="*/ 0 h 3664035"/>
              <a:gd name="connsiteX2" fmla="*/ 8694884 w 8908143"/>
              <a:gd name="connsiteY2" fmla="*/ 0 h 3664035"/>
              <a:gd name="connsiteX3" fmla="*/ 8908143 w 8908143"/>
              <a:gd name="connsiteY3" fmla="*/ 213259 h 3664035"/>
              <a:gd name="connsiteX4" fmla="*/ 8908143 w 8908143"/>
              <a:gd name="connsiteY4" fmla="*/ 3417292 h 3664035"/>
              <a:gd name="connsiteX5" fmla="*/ 8694884 w 8908143"/>
              <a:gd name="connsiteY5" fmla="*/ 3630551 h 3664035"/>
              <a:gd name="connsiteX6" fmla="*/ 29029 w 8908143"/>
              <a:gd name="connsiteY6" fmla="*/ 3664035 h 3664035"/>
              <a:gd name="connsiteX7" fmla="*/ 0 w 8908143"/>
              <a:gd name="connsiteY7" fmla="*/ 2822287 h 3664035"/>
              <a:gd name="connsiteX8" fmla="*/ 2583543 w 8908143"/>
              <a:gd name="connsiteY8" fmla="*/ 213259 h 3664035"/>
              <a:gd name="connsiteX0" fmla="*/ 2583543 w 8908143"/>
              <a:gd name="connsiteY0" fmla="*/ 213259 h 3664035"/>
              <a:gd name="connsiteX1" fmla="*/ 2796802 w 8908143"/>
              <a:gd name="connsiteY1" fmla="*/ 0 h 3664035"/>
              <a:gd name="connsiteX2" fmla="*/ 8694884 w 8908143"/>
              <a:gd name="connsiteY2" fmla="*/ 0 h 3664035"/>
              <a:gd name="connsiteX3" fmla="*/ 8908143 w 8908143"/>
              <a:gd name="connsiteY3" fmla="*/ 213259 h 3664035"/>
              <a:gd name="connsiteX4" fmla="*/ 8908143 w 8908143"/>
              <a:gd name="connsiteY4" fmla="*/ 3417292 h 3664035"/>
              <a:gd name="connsiteX5" fmla="*/ 8694884 w 8908143"/>
              <a:gd name="connsiteY5" fmla="*/ 3630551 h 3664035"/>
              <a:gd name="connsiteX6" fmla="*/ 29029 w 8908143"/>
              <a:gd name="connsiteY6" fmla="*/ 3664035 h 3664035"/>
              <a:gd name="connsiteX7" fmla="*/ 0 w 8908143"/>
              <a:gd name="connsiteY7" fmla="*/ 2822287 h 3664035"/>
              <a:gd name="connsiteX8" fmla="*/ 2583543 w 8908143"/>
              <a:gd name="connsiteY8" fmla="*/ 213259 h 366403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9029 w 8908143"/>
              <a:gd name="connsiteY7" fmla="*/ 3664035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9029 w 8908143"/>
              <a:gd name="connsiteY7" fmla="*/ 3540664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9029 w 8908143"/>
              <a:gd name="connsiteY7" fmla="*/ 3540664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9029 w 8908143"/>
              <a:gd name="connsiteY7" fmla="*/ 3540664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2583543 w 8908143"/>
              <a:gd name="connsiteY9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44 w 8908143"/>
              <a:gd name="connsiteY9" fmla="*/ 1247487 h 3664115"/>
              <a:gd name="connsiteX10" fmla="*/ 2583543 w 8908143"/>
              <a:gd name="connsiteY10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2525487 w 8908143"/>
              <a:gd name="connsiteY9" fmla="*/ 2423144 h 3664115"/>
              <a:gd name="connsiteX10" fmla="*/ 2583543 w 8908143"/>
              <a:gd name="connsiteY10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341087 w 8908143"/>
              <a:gd name="connsiteY9" fmla="*/ 2684401 h 3664115"/>
              <a:gd name="connsiteX10" fmla="*/ 2525487 w 8908143"/>
              <a:gd name="connsiteY10" fmla="*/ 2423144 h 3664115"/>
              <a:gd name="connsiteX11" fmla="*/ 2583543 w 8908143"/>
              <a:gd name="connsiteY11" fmla="*/ 213259 h 3664115"/>
              <a:gd name="connsiteX0" fmla="*/ 2642306 w 8966906"/>
              <a:gd name="connsiteY0" fmla="*/ 213259 h 3664115"/>
              <a:gd name="connsiteX1" fmla="*/ 2855565 w 8966906"/>
              <a:gd name="connsiteY1" fmla="*/ 0 h 3664115"/>
              <a:gd name="connsiteX2" fmla="*/ 8753647 w 8966906"/>
              <a:gd name="connsiteY2" fmla="*/ 0 h 3664115"/>
              <a:gd name="connsiteX3" fmla="*/ 8966906 w 8966906"/>
              <a:gd name="connsiteY3" fmla="*/ 213259 h 3664115"/>
              <a:gd name="connsiteX4" fmla="*/ 8966906 w 8966906"/>
              <a:gd name="connsiteY4" fmla="*/ 3417292 h 3664115"/>
              <a:gd name="connsiteX5" fmla="*/ 8753647 w 8966906"/>
              <a:gd name="connsiteY5" fmla="*/ 3630551 h 3664115"/>
              <a:gd name="connsiteX6" fmla="*/ 399850 w 8966906"/>
              <a:gd name="connsiteY6" fmla="*/ 3664115 h 3664115"/>
              <a:gd name="connsiteX7" fmla="*/ 80535 w 8966906"/>
              <a:gd name="connsiteY7" fmla="*/ 3388264 h 3664115"/>
              <a:gd name="connsiteX8" fmla="*/ 58763 w 8966906"/>
              <a:gd name="connsiteY8" fmla="*/ 2822287 h 3664115"/>
              <a:gd name="connsiteX9" fmla="*/ 225678 w 8966906"/>
              <a:gd name="connsiteY9" fmla="*/ 2669887 h 3664115"/>
              <a:gd name="connsiteX10" fmla="*/ 2584250 w 8966906"/>
              <a:gd name="connsiteY10" fmla="*/ 2423144 h 3664115"/>
              <a:gd name="connsiteX11" fmla="*/ 2642306 w 8966906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525487 w 8908143"/>
              <a:gd name="connsiteY10" fmla="*/ 2423144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525487 w 8908143"/>
              <a:gd name="connsiteY10" fmla="*/ 2423144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510973 w 8908143"/>
              <a:gd name="connsiteY10" fmla="*/ 2575544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510973 w 8908143"/>
              <a:gd name="connsiteY10" fmla="*/ 2575544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583543 w 8908143"/>
              <a:gd name="connsiteY11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598058 w 8908143"/>
              <a:gd name="connsiteY11" fmla="*/ 2365087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481945 w 8908143"/>
              <a:gd name="connsiteY10" fmla="*/ 2640858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41087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380345 w 8908143"/>
              <a:gd name="connsiteY10" fmla="*/ 2648115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64115"/>
              <a:gd name="connsiteX1" fmla="*/ 2796802 w 8908143"/>
              <a:gd name="connsiteY1" fmla="*/ 0 h 3664115"/>
              <a:gd name="connsiteX2" fmla="*/ 8694884 w 8908143"/>
              <a:gd name="connsiteY2" fmla="*/ 0 h 3664115"/>
              <a:gd name="connsiteX3" fmla="*/ 8908143 w 8908143"/>
              <a:gd name="connsiteY3" fmla="*/ 213259 h 3664115"/>
              <a:gd name="connsiteX4" fmla="*/ 8908143 w 8908143"/>
              <a:gd name="connsiteY4" fmla="*/ 3417292 h 3664115"/>
              <a:gd name="connsiteX5" fmla="*/ 8694884 w 8908143"/>
              <a:gd name="connsiteY5" fmla="*/ 3630551 h 3664115"/>
              <a:gd name="connsiteX6" fmla="*/ 312058 w 8908143"/>
              <a:gd name="connsiteY6" fmla="*/ 3664115 h 3664115"/>
              <a:gd name="connsiteX7" fmla="*/ 21772 w 8908143"/>
              <a:gd name="connsiteY7" fmla="*/ 3388264 h 3664115"/>
              <a:gd name="connsiteX8" fmla="*/ 0 w 8908143"/>
              <a:gd name="connsiteY8" fmla="*/ 2822287 h 3664115"/>
              <a:gd name="connsiteX9" fmla="*/ 166915 w 8908143"/>
              <a:gd name="connsiteY9" fmla="*/ 2669887 h 3664115"/>
              <a:gd name="connsiteX10" fmla="*/ 2380345 w 8908143"/>
              <a:gd name="connsiteY10" fmla="*/ 2648115 h 3664115"/>
              <a:gd name="connsiteX11" fmla="*/ 2627087 w 8908143"/>
              <a:gd name="connsiteY11" fmla="*/ 2328801 h 3664115"/>
              <a:gd name="connsiteX12" fmla="*/ 2583543 w 8908143"/>
              <a:gd name="connsiteY12" fmla="*/ 213259 h 3664115"/>
              <a:gd name="connsiteX0" fmla="*/ 2583543 w 8908143"/>
              <a:gd name="connsiteY0" fmla="*/ 213259 h 3671372"/>
              <a:gd name="connsiteX1" fmla="*/ 2796802 w 8908143"/>
              <a:gd name="connsiteY1" fmla="*/ 0 h 3671372"/>
              <a:gd name="connsiteX2" fmla="*/ 8694884 w 8908143"/>
              <a:gd name="connsiteY2" fmla="*/ 0 h 3671372"/>
              <a:gd name="connsiteX3" fmla="*/ 8908143 w 8908143"/>
              <a:gd name="connsiteY3" fmla="*/ 213259 h 3671372"/>
              <a:gd name="connsiteX4" fmla="*/ 8908143 w 8908143"/>
              <a:gd name="connsiteY4" fmla="*/ 3417292 h 3671372"/>
              <a:gd name="connsiteX5" fmla="*/ 8694884 w 8908143"/>
              <a:gd name="connsiteY5" fmla="*/ 3630551 h 3671372"/>
              <a:gd name="connsiteX6" fmla="*/ 203201 w 8908143"/>
              <a:gd name="connsiteY6" fmla="*/ 3671372 h 3671372"/>
              <a:gd name="connsiteX7" fmla="*/ 21772 w 8908143"/>
              <a:gd name="connsiteY7" fmla="*/ 3388264 h 3671372"/>
              <a:gd name="connsiteX8" fmla="*/ 0 w 8908143"/>
              <a:gd name="connsiteY8" fmla="*/ 2822287 h 3671372"/>
              <a:gd name="connsiteX9" fmla="*/ 166915 w 8908143"/>
              <a:gd name="connsiteY9" fmla="*/ 2669887 h 3671372"/>
              <a:gd name="connsiteX10" fmla="*/ 2380345 w 8908143"/>
              <a:gd name="connsiteY10" fmla="*/ 2648115 h 3671372"/>
              <a:gd name="connsiteX11" fmla="*/ 2627087 w 8908143"/>
              <a:gd name="connsiteY11" fmla="*/ 2328801 h 3671372"/>
              <a:gd name="connsiteX12" fmla="*/ 2583543 w 8908143"/>
              <a:gd name="connsiteY12" fmla="*/ 213259 h 3671372"/>
              <a:gd name="connsiteX0" fmla="*/ 2583543 w 8908143"/>
              <a:gd name="connsiteY0" fmla="*/ 213259 h 3671372"/>
              <a:gd name="connsiteX1" fmla="*/ 2796802 w 8908143"/>
              <a:gd name="connsiteY1" fmla="*/ 0 h 3671372"/>
              <a:gd name="connsiteX2" fmla="*/ 8694884 w 8908143"/>
              <a:gd name="connsiteY2" fmla="*/ 0 h 3671372"/>
              <a:gd name="connsiteX3" fmla="*/ 8908143 w 8908143"/>
              <a:gd name="connsiteY3" fmla="*/ 213259 h 3671372"/>
              <a:gd name="connsiteX4" fmla="*/ 8908143 w 8908143"/>
              <a:gd name="connsiteY4" fmla="*/ 3417292 h 3671372"/>
              <a:gd name="connsiteX5" fmla="*/ 8694884 w 8908143"/>
              <a:gd name="connsiteY5" fmla="*/ 3630551 h 3671372"/>
              <a:gd name="connsiteX6" fmla="*/ 203201 w 8908143"/>
              <a:gd name="connsiteY6" fmla="*/ 3671372 h 3671372"/>
              <a:gd name="connsiteX7" fmla="*/ 21772 w 8908143"/>
              <a:gd name="connsiteY7" fmla="*/ 3388264 h 3671372"/>
              <a:gd name="connsiteX8" fmla="*/ 0 w 8908143"/>
              <a:gd name="connsiteY8" fmla="*/ 2822287 h 3671372"/>
              <a:gd name="connsiteX9" fmla="*/ 166915 w 8908143"/>
              <a:gd name="connsiteY9" fmla="*/ 2669887 h 3671372"/>
              <a:gd name="connsiteX10" fmla="*/ 2380345 w 8908143"/>
              <a:gd name="connsiteY10" fmla="*/ 2648115 h 3671372"/>
              <a:gd name="connsiteX11" fmla="*/ 2627087 w 8908143"/>
              <a:gd name="connsiteY11" fmla="*/ 2328801 h 3671372"/>
              <a:gd name="connsiteX12" fmla="*/ 2583543 w 8908143"/>
              <a:gd name="connsiteY12" fmla="*/ 213259 h 3671372"/>
              <a:gd name="connsiteX0" fmla="*/ 2583543 w 8908143"/>
              <a:gd name="connsiteY0" fmla="*/ 213259 h 3671372"/>
              <a:gd name="connsiteX1" fmla="*/ 2796802 w 8908143"/>
              <a:gd name="connsiteY1" fmla="*/ 0 h 3671372"/>
              <a:gd name="connsiteX2" fmla="*/ 8694884 w 8908143"/>
              <a:gd name="connsiteY2" fmla="*/ 0 h 3671372"/>
              <a:gd name="connsiteX3" fmla="*/ 8908143 w 8908143"/>
              <a:gd name="connsiteY3" fmla="*/ 213259 h 3671372"/>
              <a:gd name="connsiteX4" fmla="*/ 8908143 w 8908143"/>
              <a:gd name="connsiteY4" fmla="*/ 3417292 h 3671372"/>
              <a:gd name="connsiteX5" fmla="*/ 8694884 w 8908143"/>
              <a:gd name="connsiteY5" fmla="*/ 3630551 h 3671372"/>
              <a:gd name="connsiteX6" fmla="*/ 203201 w 8908143"/>
              <a:gd name="connsiteY6" fmla="*/ 3671372 h 3671372"/>
              <a:gd name="connsiteX7" fmla="*/ 21772 w 8908143"/>
              <a:gd name="connsiteY7" fmla="*/ 3388264 h 3671372"/>
              <a:gd name="connsiteX8" fmla="*/ 0 w 8908143"/>
              <a:gd name="connsiteY8" fmla="*/ 2822287 h 3671372"/>
              <a:gd name="connsiteX9" fmla="*/ 166915 w 8908143"/>
              <a:gd name="connsiteY9" fmla="*/ 2669887 h 3671372"/>
              <a:gd name="connsiteX10" fmla="*/ 2380345 w 8908143"/>
              <a:gd name="connsiteY10" fmla="*/ 2648115 h 3671372"/>
              <a:gd name="connsiteX11" fmla="*/ 2627087 w 8908143"/>
              <a:gd name="connsiteY11" fmla="*/ 2328801 h 3671372"/>
              <a:gd name="connsiteX12" fmla="*/ 2583543 w 8908143"/>
              <a:gd name="connsiteY12" fmla="*/ 213259 h 3671372"/>
              <a:gd name="connsiteX0" fmla="*/ 2583543 w 8908143"/>
              <a:gd name="connsiteY0" fmla="*/ 213259 h 3671372"/>
              <a:gd name="connsiteX1" fmla="*/ 2796802 w 8908143"/>
              <a:gd name="connsiteY1" fmla="*/ 0 h 3671372"/>
              <a:gd name="connsiteX2" fmla="*/ 8694884 w 8908143"/>
              <a:gd name="connsiteY2" fmla="*/ 0 h 3671372"/>
              <a:gd name="connsiteX3" fmla="*/ 8908143 w 8908143"/>
              <a:gd name="connsiteY3" fmla="*/ 213259 h 3671372"/>
              <a:gd name="connsiteX4" fmla="*/ 8908143 w 8908143"/>
              <a:gd name="connsiteY4" fmla="*/ 3417292 h 3671372"/>
              <a:gd name="connsiteX5" fmla="*/ 8694884 w 8908143"/>
              <a:gd name="connsiteY5" fmla="*/ 3630551 h 3671372"/>
              <a:gd name="connsiteX6" fmla="*/ 203201 w 8908143"/>
              <a:gd name="connsiteY6" fmla="*/ 3671372 h 3671372"/>
              <a:gd name="connsiteX7" fmla="*/ 7257 w 8908143"/>
              <a:gd name="connsiteY7" fmla="*/ 3388264 h 3671372"/>
              <a:gd name="connsiteX8" fmla="*/ 0 w 8908143"/>
              <a:gd name="connsiteY8" fmla="*/ 2822287 h 3671372"/>
              <a:gd name="connsiteX9" fmla="*/ 166915 w 8908143"/>
              <a:gd name="connsiteY9" fmla="*/ 2669887 h 3671372"/>
              <a:gd name="connsiteX10" fmla="*/ 2380345 w 8908143"/>
              <a:gd name="connsiteY10" fmla="*/ 2648115 h 3671372"/>
              <a:gd name="connsiteX11" fmla="*/ 2627087 w 8908143"/>
              <a:gd name="connsiteY11" fmla="*/ 2328801 h 3671372"/>
              <a:gd name="connsiteX12" fmla="*/ 2583543 w 8908143"/>
              <a:gd name="connsiteY12" fmla="*/ 213259 h 3671372"/>
              <a:gd name="connsiteX0" fmla="*/ 2583543 w 8908143"/>
              <a:gd name="connsiteY0" fmla="*/ 213259 h 3671372"/>
              <a:gd name="connsiteX1" fmla="*/ 2796802 w 8908143"/>
              <a:gd name="connsiteY1" fmla="*/ 0 h 3671372"/>
              <a:gd name="connsiteX2" fmla="*/ 8694884 w 8908143"/>
              <a:gd name="connsiteY2" fmla="*/ 0 h 3671372"/>
              <a:gd name="connsiteX3" fmla="*/ 8908143 w 8908143"/>
              <a:gd name="connsiteY3" fmla="*/ 213259 h 3671372"/>
              <a:gd name="connsiteX4" fmla="*/ 8908143 w 8908143"/>
              <a:gd name="connsiteY4" fmla="*/ 3417292 h 3671372"/>
              <a:gd name="connsiteX5" fmla="*/ 8694884 w 8908143"/>
              <a:gd name="connsiteY5" fmla="*/ 3630551 h 3671372"/>
              <a:gd name="connsiteX6" fmla="*/ 203201 w 8908143"/>
              <a:gd name="connsiteY6" fmla="*/ 3671372 h 3671372"/>
              <a:gd name="connsiteX7" fmla="*/ 7257 w 8908143"/>
              <a:gd name="connsiteY7" fmla="*/ 3359236 h 3671372"/>
              <a:gd name="connsiteX8" fmla="*/ 0 w 8908143"/>
              <a:gd name="connsiteY8" fmla="*/ 2822287 h 3671372"/>
              <a:gd name="connsiteX9" fmla="*/ 166915 w 8908143"/>
              <a:gd name="connsiteY9" fmla="*/ 2669887 h 3671372"/>
              <a:gd name="connsiteX10" fmla="*/ 2380345 w 8908143"/>
              <a:gd name="connsiteY10" fmla="*/ 2648115 h 3671372"/>
              <a:gd name="connsiteX11" fmla="*/ 2627087 w 8908143"/>
              <a:gd name="connsiteY11" fmla="*/ 2328801 h 3671372"/>
              <a:gd name="connsiteX12" fmla="*/ 2583543 w 8908143"/>
              <a:gd name="connsiteY12" fmla="*/ 213259 h 36713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908143" h="3671372">
                <a:moveTo>
                  <a:pt x="2583543" y="213259"/>
                </a:moveTo>
                <a:cubicBezTo>
                  <a:pt x="2583543" y="95479"/>
                  <a:pt x="2679022" y="0"/>
                  <a:pt x="2796802" y="0"/>
                </a:cubicBezTo>
                <a:lnTo>
                  <a:pt x="8694884" y="0"/>
                </a:lnTo>
                <a:cubicBezTo>
                  <a:pt x="8812664" y="0"/>
                  <a:pt x="8908143" y="95479"/>
                  <a:pt x="8908143" y="213259"/>
                </a:cubicBezTo>
                <a:lnTo>
                  <a:pt x="8908143" y="3417292"/>
                </a:lnTo>
                <a:cubicBezTo>
                  <a:pt x="8908143" y="3535072"/>
                  <a:pt x="8812664" y="3630551"/>
                  <a:pt x="8694884" y="3630551"/>
                </a:cubicBezTo>
                <a:lnTo>
                  <a:pt x="203201" y="3671372"/>
                </a:lnTo>
                <a:cubicBezTo>
                  <a:pt x="84668" y="3637479"/>
                  <a:pt x="16933" y="3596329"/>
                  <a:pt x="7257" y="3359236"/>
                </a:cubicBezTo>
                <a:cubicBezTo>
                  <a:pt x="12096" y="3385872"/>
                  <a:pt x="2419" y="3071422"/>
                  <a:pt x="0" y="2822287"/>
                </a:cubicBezTo>
                <a:cubicBezTo>
                  <a:pt x="53219" y="2704977"/>
                  <a:pt x="14515" y="2671097"/>
                  <a:pt x="166915" y="2669887"/>
                </a:cubicBezTo>
                <a:lnTo>
                  <a:pt x="2380345" y="2648115"/>
                </a:lnTo>
                <a:cubicBezTo>
                  <a:pt x="2546049" y="2655372"/>
                  <a:pt x="2624668" y="2537459"/>
                  <a:pt x="2627087" y="2328801"/>
                </a:cubicBezTo>
                <a:cubicBezTo>
                  <a:pt x="2585963" y="291345"/>
                  <a:pt x="2572191" y="614697"/>
                  <a:pt x="2583543" y="213259"/>
                </a:cubicBezTo>
                <a:close/>
              </a:path>
            </a:pathLst>
          </a:custGeom>
          <a:noFill/>
          <a:ln>
            <a:solidFill>
              <a:srgbClr val="FF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Can 10">
            <a:extLst>
              <a:ext uri="{FF2B5EF4-FFF2-40B4-BE49-F238E27FC236}">
                <a16:creationId xmlns:a16="http://schemas.microsoft.com/office/drawing/2014/main" id="{297F5831-71DC-6343-AAF2-5A40DF63F35A}"/>
              </a:ext>
            </a:extLst>
          </p:cNvPr>
          <p:cNvSpPr/>
          <p:nvPr/>
        </p:nvSpPr>
        <p:spPr>
          <a:xfrm>
            <a:off x="5435600" y="3196616"/>
            <a:ext cx="2590800" cy="918184"/>
          </a:xfrm>
          <a:prstGeom prst="ca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Live Staging Area</a:t>
            </a:r>
          </a:p>
          <a:p>
            <a:pPr algn="ctr"/>
            <a:r>
              <a:rPr lang="en-US" dirty="0"/>
              <a:t>(typ. text files)</a:t>
            </a:r>
          </a:p>
        </p:txBody>
      </p:sp>
      <p:sp>
        <p:nvSpPr>
          <p:cNvPr id="12" name="Cloud 11">
            <a:extLst>
              <a:ext uri="{FF2B5EF4-FFF2-40B4-BE49-F238E27FC236}">
                <a16:creationId xmlns:a16="http://schemas.microsoft.com/office/drawing/2014/main" id="{99796702-19F4-1648-BE76-BDCBB6432241}"/>
              </a:ext>
            </a:extLst>
          </p:cNvPr>
          <p:cNvSpPr/>
          <p:nvPr/>
        </p:nvSpPr>
        <p:spPr>
          <a:xfrm>
            <a:off x="8991600" y="1967427"/>
            <a:ext cx="2895600" cy="1596048"/>
          </a:xfrm>
          <a:prstGeom prst="cloud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SS Asset Management</a:t>
            </a:r>
          </a:p>
          <a:p>
            <a:pPr algn="ctr"/>
            <a:r>
              <a:rPr lang="en-US" dirty="0"/>
              <a:t>ID Installation Structur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9EB59D4-3811-BE48-B720-7FD1A0F6F16B}"/>
              </a:ext>
            </a:extLst>
          </p:cNvPr>
          <p:cNvSpPr txBox="1"/>
          <p:nvPr/>
        </p:nvSpPr>
        <p:spPr>
          <a:xfrm>
            <a:off x="4307114" y="1950063"/>
            <a:ext cx="3048000" cy="684911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 err="1"/>
              <a:t>Measurement&amp;Calibration</a:t>
            </a:r>
            <a:r>
              <a:rPr lang="en-US" sz="1800" dirty="0"/>
              <a:t> DB</a:t>
            </a:r>
          </a:p>
          <a:p>
            <a:pPr algn="l"/>
            <a:r>
              <a:rPr lang="en-US" sz="1800" dirty="0"/>
              <a:t>(</a:t>
            </a:r>
            <a:r>
              <a:rPr lang="en-US" sz="1800" dirty="0" err="1"/>
              <a:t>ownCloud</a:t>
            </a:r>
            <a:r>
              <a:rPr lang="en-US" sz="1800" dirty="0"/>
              <a:t> service)</a:t>
            </a:r>
          </a:p>
        </p:txBody>
      </p:sp>
      <p:sp>
        <p:nvSpPr>
          <p:cNvPr id="14" name="Can 13">
            <a:extLst>
              <a:ext uri="{FF2B5EF4-FFF2-40B4-BE49-F238E27FC236}">
                <a16:creationId xmlns:a16="http://schemas.microsoft.com/office/drawing/2014/main" id="{390D1D93-F633-ED42-A230-26B334F3BC88}"/>
              </a:ext>
            </a:extLst>
          </p:cNvPr>
          <p:cNvSpPr/>
          <p:nvPr/>
        </p:nvSpPr>
        <p:spPr>
          <a:xfrm>
            <a:off x="5435600" y="4787555"/>
            <a:ext cx="2590800" cy="1342548"/>
          </a:xfrm>
          <a:prstGeom prst="ca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Normalized Data</a:t>
            </a:r>
          </a:p>
          <a:p>
            <a:pPr algn="ctr"/>
            <a:r>
              <a:rPr lang="en-US" dirty="0"/>
              <a:t>(HDF files, metadata)</a:t>
            </a:r>
          </a:p>
        </p:txBody>
      </p:sp>
      <p:sp>
        <p:nvSpPr>
          <p:cNvPr id="15" name="Down Arrow 14">
            <a:extLst>
              <a:ext uri="{FF2B5EF4-FFF2-40B4-BE49-F238E27FC236}">
                <a16:creationId xmlns:a16="http://schemas.microsoft.com/office/drawing/2014/main" id="{F14AE880-39D3-CA4B-B527-FB82AD6F0513}"/>
              </a:ext>
            </a:extLst>
          </p:cNvPr>
          <p:cNvSpPr/>
          <p:nvPr/>
        </p:nvSpPr>
        <p:spPr>
          <a:xfrm>
            <a:off x="6668213" y="4287647"/>
            <a:ext cx="224971" cy="383721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E977CC3F-9775-FB4F-8D05-3ECBAE2435F2}"/>
              </a:ext>
            </a:extLst>
          </p:cNvPr>
          <p:cNvSpPr txBox="1"/>
          <p:nvPr/>
        </p:nvSpPr>
        <p:spPr>
          <a:xfrm>
            <a:off x="6901826" y="4181909"/>
            <a:ext cx="799980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Script</a:t>
            </a:r>
          </a:p>
        </p:txBody>
      </p:sp>
      <p:sp>
        <p:nvSpPr>
          <p:cNvPr id="17" name="Left-Right Arrow 16">
            <a:extLst>
              <a:ext uri="{FF2B5EF4-FFF2-40B4-BE49-F238E27FC236}">
                <a16:creationId xmlns:a16="http://schemas.microsoft.com/office/drawing/2014/main" id="{7FE364EF-3F21-8A47-AD19-4C0AD9A06EE3}"/>
              </a:ext>
            </a:extLst>
          </p:cNvPr>
          <p:cNvSpPr/>
          <p:nvPr/>
        </p:nvSpPr>
        <p:spPr>
          <a:xfrm rot="18947679">
            <a:off x="7750018" y="3901741"/>
            <a:ext cx="1908170" cy="302079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79D32A2-5C11-C047-9B59-638C64A907E7}"/>
              </a:ext>
            </a:extLst>
          </p:cNvPr>
          <p:cNvSpPr txBox="1"/>
          <p:nvPr/>
        </p:nvSpPr>
        <p:spPr>
          <a:xfrm>
            <a:off x="9061834" y="3830534"/>
            <a:ext cx="2129971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Tagging (in metadata)</a:t>
            </a:r>
          </a:p>
        </p:txBody>
      </p:sp>
      <p:sp>
        <p:nvSpPr>
          <p:cNvPr id="19" name="Left-Right Arrow 18">
            <a:extLst>
              <a:ext uri="{FF2B5EF4-FFF2-40B4-BE49-F238E27FC236}">
                <a16:creationId xmlns:a16="http://schemas.microsoft.com/office/drawing/2014/main" id="{1C35C463-12D2-B24E-9F4B-C1B4EAC40AC7}"/>
              </a:ext>
            </a:extLst>
          </p:cNvPr>
          <p:cNvSpPr/>
          <p:nvPr/>
        </p:nvSpPr>
        <p:spPr>
          <a:xfrm>
            <a:off x="8131629" y="5456552"/>
            <a:ext cx="838200" cy="304800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9CCE8DDF-9449-4847-844B-5E308E8AA841}"/>
              </a:ext>
            </a:extLst>
          </p:cNvPr>
          <p:cNvSpPr/>
          <p:nvPr/>
        </p:nvSpPr>
        <p:spPr>
          <a:xfrm>
            <a:off x="9109648" y="5043276"/>
            <a:ext cx="2320351" cy="114300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/>
              <a:t>APPLICA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Brow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ompa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ssess</a:t>
            </a:r>
          </a:p>
        </p:txBody>
      </p:sp>
      <p:sp>
        <p:nvSpPr>
          <p:cNvPr id="21" name="Right Arrow 20">
            <a:extLst>
              <a:ext uri="{FF2B5EF4-FFF2-40B4-BE49-F238E27FC236}">
                <a16:creationId xmlns:a16="http://schemas.microsoft.com/office/drawing/2014/main" id="{2CD5DD04-5838-1C42-A20F-D11D0BFA5C8F}"/>
              </a:ext>
            </a:extLst>
          </p:cNvPr>
          <p:cNvSpPr/>
          <p:nvPr/>
        </p:nvSpPr>
        <p:spPr>
          <a:xfrm rot="19831734">
            <a:off x="4286691" y="5475601"/>
            <a:ext cx="1064080" cy="2667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1E78753F-B328-8B45-B9CF-2FC1033C0F54}"/>
              </a:ext>
            </a:extLst>
          </p:cNvPr>
          <p:cNvSpPr/>
          <p:nvPr/>
        </p:nvSpPr>
        <p:spPr>
          <a:xfrm>
            <a:off x="152400" y="1506056"/>
            <a:ext cx="2882728" cy="14119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/>
              <a:t>MEASUREMENTS @ IKC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fter fabr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ntermediate handov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Outgoing</a:t>
            </a:r>
          </a:p>
        </p:txBody>
      </p:sp>
      <p:sp>
        <p:nvSpPr>
          <p:cNvPr id="23" name="Right Arrow 22">
            <a:extLst>
              <a:ext uri="{FF2B5EF4-FFF2-40B4-BE49-F238E27FC236}">
                <a16:creationId xmlns:a16="http://schemas.microsoft.com/office/drawing/2014/main" id="{46BD7BBF-1A0F-F646-B95A-EDF432E59EFC}"/>
              </a:ext>
            </a:extLst>
          </p:cNvPr>
          <p:cNvSpPr/>
          <p:nvPr/>
        </p:nvSpPr>
        <p:spPr>
          <a:xfrm rot="1247254">
            <a:off x="3006701" y="3062873"/>
            <a:ext cx="2238851" cy="25045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8B1BF38E-E3D5-7449-B091-78C798ABDFDF}"/>
              </a:ext>
            </a:extLst>
          </p:cNvPr>
          <p:cNvSpPr txBox="1"/>
          <p:nvPr/>
        </p:nvSpPr>
        <p:spPr>
          <a:xfrm>
            <a:off x="7600043" y="1448979"/>
            <a:ext cx="1063171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>
                <a:solidFill>
                  <a:srgbClr val="FF0000"/>
                </a:solidFill>
              </a:rPr>
              <a:t>ESS Scope</a:t>
            </a:r>
          </a:p>
        </p:txBody>
      </p:sp>
      <p:sp>
        <p:nvSpPr>
          <p:cNvPr id="25" name="Rounded Rectangle 24">
            <a:extLst>
              <a:ext uri="{FF2B5EF4-FFF2-40B4-BE49-F238E27FC236}">
                <a16:creationId xmlns:a16="http://schemas.microsoft.com/office/drawing/2014/main" id="{8994872E-A2FC-864F-985B-01F8E0AF8AD7}"/>
              </a:ext>
            </a:extLst>
          </p:cNvPr>
          <p:cNvSpPr/>
          <p:nvPr/>
        </p:nvSpPr>
        <p:spPr>
          <a:xfrm>
            <a:off x="1263406" y="5277246"/>
            <a:ext cx="2895600" cy="111197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dirty="0"/>
              <a:t>MEASUREMENTS @ 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Incom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Preparation TS2/</a:t>
            </a:r>
            <a:r>
              <a:rPr lang="en-US" dirty="0" err="1"/>
              <a:t>Linac</a:t>
            </a:r>
            <a:endParaRPr lang="en-US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72919DF6-60C3-AC4E-B98D-49CE621F25E0}"/>
              </a:ext>
            </a:extLst>
          </p:cNvPr>
          <p:cNvSpPr txBox="1"/>
          <p:nvPr/>
        </p:nvSpPr>
        <p:spPr>
          <a:xfrm>
            <a:off x="4352351" y="5024709"/>
            <a:ext cx="642196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Save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92CE923-BFFE-904F-B32F-526B737E75EA}"/>
              </a:ext>
            </a:extLst>
          </p:cNvPr>
          <p:cNvSpPr txBox="1"/>
          <p:nvPr/>
        </p:nvSpPr>
        <p:spPr>
          <a:xfrm>
            <a:off x="2934105" y="3111584"/>
            <a:ext cx="941296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Transfer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3C297292-41F2-1D4E-A710-DEB70B960A41}"/>
              </a:ext>
            </a:extLst>
          </p:cNvPr>
          <p:cNvSpPr txBox="1"/>
          <p:nvPr/>
        </p:nvSpPr>
        <p:spPr>
          <a:xfrm>
            <a:off x="8055549" y="5749103"/>
            <a:ext cx="799980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Script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24BA046A-1D75-AA4F-A6C9-71DDD8FA6A86}"/>
              </a:ext>
            </a:extLst>
          </p:cNvPr>
          <p:cNvSpPr/>
          <p:nvPr/>
        </p:nvSpPr>
        <p:spPr>
          <a:xfrm>
            <a:off x="8991600" y="4635330"/>
            <a:ext cx="2265364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/>
              <a:t>https://</a:t>
            </a:r>
            <a:r>
              <a:rPr lang="en-US" sz="1100" dirty="0" err="1"/>
              <a:t>gitlab.esss.lu.se</a:t>
            </a:r>
            <a:r>
              <a:rPr lang="en-US" sz="1100" dirty="0"/>
              <a:t>/</a:t>
            </a:r>
            <a:r>
              <a:rPr lang="en-US" sz="1100" dirty="0" err="1"/>
              <a:t>SRF_Section</a:t>
            </a:r>
            <a:endParaRPr lang="en-US" sz="1100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17648362-4657-B94F-A2D3-B788B1447808}"/>
              </a:ext>
            </a:extLst>
          </p:cNvPr>
          <p:cNvSpPr/>
          <p:nvPr/>
        </p:nvSpPr>
        <p:spPr>
          <a:xfrm>
            <a:off x="4338654" y="2551284"/>
            <a:ext cx="3215945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/>
              <a:t>https://meas01.esss.lu.se/</a:t>
            </a:r>
            <a:r>
              <a:rPr lang="en-US" sz="1100" dirty="0" err="1"/>
              <a:t>owncloud</a:t>
            </a:r>
            <a:r>
              <a:rPr lang="en-US" sz="1100" dirty="0"/>
              <a:t>/</a:t>
            </a:r>
            <a:r>
              <a:rPr lang="en-US" sz="1100" dirty="0" err="1"/>
              <a:t>index.php</a:t>
            </a:r>
            <a:r>
              <a:rPr lang="en-US" sz="1100" dirty="0"/>
              <a:t>/login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27CF81AF-65CC-134F-AC87-4F56C4304110}"/>
              </a:ext>
            </a:extLst>
          </p:cNvPr>
          <p:cNvSpPr txBox="1"/>
          <p:nvPr/>
        </p:nvSpPr>
        <p:spPr>
          <a:xfrm>
            <a:off x="812225" y="4495983"/>
            <a:ext cx="941296" cy="3810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1800" dirty="0"/>
              <a:t>In QA/QC</a:t>
            </a:r>
          </a:p>
        </p:txBody>
      </p:sp>
    </p:spTree>
    <p:extLst>
      <p:ext uri="{BB962C8B-B14F-4D97-AF65-F5344CB8AC3E}">
        <p14:creationId xmlns:p14="http://schemas.microsoft.com/office/powerpoint/2010/main" val="32876098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>
            <a:extLst>
              <a:ext uri="{FF2B5EF4-FFF2-40B4-BE49-F238E27FC236}">
                <a16:creationId xmlns:a16="http://schemas.microsoft.com/office/drawing/2014/main" id="{60EA4717-CF20-6148-9131-41FFBACCF1FA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312" r="4771" b="10306"/>
          <a:stretch/>
        </p:blipFill>
        <p:spPr>
          <a:xfrm>
            <a:off x="57555" y="3352800"/>
            <a:ext cx="4476993" cy="34290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6EBEDA8-A309-9C4F-8FDB-6E7B3EA0DC80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58517" y="1388330"/>
            <a:ext cx="5311987" cy="5161901"/>
          </a:xfrm>
          <a:prstGeom prst="rect">
            <a:avLst/>
          </a:prstGeom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1896D4-9228-1B4C-86C4-C65E7B92278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09599" y="1781001"/>
            <a:ext cx="6224236" cy="4345167"/>
          </a:xfrm>
        </p:spPr>
        <p:txBody>
          <a:bodyPr/>
          <a:lstStyle/>
          <a:p>
            <a:r>
              <a:rPr lang="en-US" dirty="0"/>
              <a:t>Measurement at IK are transferred into DB, to allow reception and  evaluation </a:t>
            </a:r>
          </a:p>
          <a:p>
            <a:pPr lvl="1"/>
            <a:r>
              <a:rPr lang="en-US" dirty="0"/>
              <a:t>Part of handover process IK-CEA-ESS</a:t>
            </a:r>
          </a:p>
          <a:p>
            <a:r>
              <a:rPr lang="en-US" dirty="0"/>
              <a:t> Data at ESS then adds to DB</a:t>
            </a:r>
          </a:p>
          <a:p>
            <a:r>
              <a:rPr lang="en-US" dirty="0"/>
              <a:t>Historical trends and visualization, for assess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15DC375-C995-4B4D-A14A-7B1F17CA8F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2</a:t>
            </a:fld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3B56D94-7A87-1D4C-BCBE-DC4A6EEB48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activities: We need to know </a:t>
            </a:r>
            <a:r>
              <a:rPr lang="en-US" dirty="0">
                <a:solidFill>
                  <a:srgbClr val="FFFF00"/>
                </a:solidFill>
              </a:rPr>
              <a:t>our</a:t>
            </a:r>
            <a:r>
              <a:rPr lang="en-US" dirty="0"/>
              <a:t> cavities!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832CF1A-6DA9-7D42-9E78-B567AD91EB1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ESS Cavity DB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220DC86-C090-6B4D-B2AE-1878942F848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66822" y="3584730"/>
            <a:ext cx="2104198" cy="1578148"/>
          </a:xfrm>
          <a:prstGeom prst="rect">
            <a:avLst/>
          </a:prstGeom>
        </p:spPr>
      </p:pic>
      <p:pic>
        <p:nvPicPr>
          <p:cNvPr id="16" name="Content Placeholder 5">
            <a:extLst>
              <a:ext uri="{FF2B5EF4-FFF2-40B4-BE49-F238E27FC236}">
                <a16:creationId xmlns:a16="http://schemas.microsoft.com/office/drawing/2014/main" id="{003716CF-CF80-2442-B3F9-1C018AC69BB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17716" y="5012589"/>
            <a:ext cx="2157633" cy="1618224"/>
          </a:xfr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C1C9688D-2075-3441-B2AD-A5C6700A053D}"/>
              </a:ext>
            </a:extLst>
          </p:cNvPr>
          <p:cNvSpPr txBox="1"/>
          <p:nvPr/>
        </p:nvSpPr>
        <p:spPr>
          <a:xfrm rot="16200000">
            <a:off x="193347" y="5055636"/>
            <a:ext cx="1403824" cy="30777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accent4">
                    <a:lumMod val="75000"/>
                  </a:schemeClr>
                </a:solidFill>
              </a:rPr>
              <a:t>Fabrication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D85E536E-F8E7-F94E-92A0-62F53E701759}"/>
              </a:ext>
            </a:extLst>
          </p:cNvPr>
          <p:cNvSpPr txBox="1"/>
          <p:nvPr/>
        </p:nvSpPr>
        <p:spPr>
          <a:xfrm rot="16200000">
            <a:off x="836483" y="4703915"/>
            <a:ext cx="1403824" cy="52322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accent4">
                    <a:lumMod val="75000"/>
                  </a:schemeClr>
                </a:solidFill>
              </a:rPr>
              <a:t>String ASSY@CEA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70EB3902-F70F-644C-8CF9-9CA32D73D5A8}"/>
              </a:ext>
            </a:extLst>
          </p:cNvPr>
          <p:cNvSpPr txBox="1"/>
          <p:nvPr/>
        </p:nvSpPr>
        <p:spPr>
          <a:xfrm rot="16200000">
            <a:off x="2372328" y="4928770"/>
            <a:ext cx="1630919" cy="30777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rgbClr val="0094CA"/>
                </a:solidFill>
              </a:rPr>
              <a:t>Cooldown @ CEA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A6839B9-E238-6B4C-A515-D5279484457B}"/>
              </a:ext>
            </a:extLst>
          </p:cNvPr>
          <p:cNvSpPr txBox="1"/>
          <p:nvPr/>
        </p:nvSpPr>
        <p:spPr>
          <a:xfrm rot="16200000">
            <a:off x="2922114" y="4472585"/>
            <a:ext cx="1623892" cy="30777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rgbClr val="0094CA"/>
                </a:solidFill>
              </a:rPr>
              <a:t>ESS Reception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E43ACC6F-AEF3-7B4E-A1C9-639CEB648562}"/>
              </a:ext>
            </a:extLst>
          </p:cNvPr>
          <p:cNvSpPr txBox="1"/>
          <p:nvPr/>
        </p:nvSpPr>
        <p:spPr>
          <a:xfrm rot="16200000">
            <a:off x="159171" y="4793823"/>
            <a:ext cx="1927451" cy="30777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rgbClr val="00B050"/>
                </a:solidFill>
              </a:rPr>
              <a:t>Handover INFN/CEA</a:t>
            </a:r>
          </a:p>
        </p:txBody>
      </p:sp>
    </p:spTree>
    <p:extLst>
      <p:ext uri="{BB962C8B-B14F-4D97-AF65-F5344CB8AC3E}">
        <p14:creationId xmlns:p14="http://schemas.microsoft.com/office/powerpoint/2010/main" val="17409884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0BA1709-33DE-124E-87A5-C87A897C7939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/>
              <a:t>In the handover we also receive from the IK the summary data of the vertical tests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Performance</a:t>
            </a:r>
            <a:r>
              <a:rPr lang="en-US" dirty="0"/>
              <a:t> data (</a:t>
            </a:r>
            <a:r>
              <a:rPr lang="en-US" dirty="0" err="1"/>
              <a:t>Eacc</a:t>
            </a:r>
            <a:r>
              <a:rPr lang="en-US" dirty="0"/>
              <a:t>, radiation levels)</a:t>
            </a:r>
          </a:p>
          <a:p>
            <a:pPr lvl="1"/>
            <a:r>
              <a:rPr lang="en-US" dirty="0">
                <a:solidFill>
                  <a:srgbClr val="FF0000"/>
                </a:solidFill>
              </a:rPr>
              <a:t>Calibration</a:t>
            </a:r>
            <a:r>
              <a:rPr lang="en-US" dirty="0"/>
              <a:t> data for TS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571412-A463-EA45-B4D1-CC61347F9F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3</a:t>
            </a:fld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CBC9B6-7289-0447-B13D-3AD716A77D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activities: Cavity </a:t>
            </a:r>
            <a:r>
              <a:rPr lang="en-US" dirty="0">
                <a:solidFill>
                  <a:srgbClr val="FFFF00"/>
                </a:solidFill>
              </a:rPr>
              <a:t>performance</a:t>
            </a:r>
            <a:r>
              <a:rPr lang="en-US" dirty="0"/>
              <a:t> data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7F36F9F-A690-E74E-BF26-6FC723B5D02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First four cavities of M1 string, real time transfer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F50B26CE-A86C-2D47-A27D-BC5D737E5190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3128" y="3225800"/>
            <a:ext cx="4677472" cy="3632200"/>
          </a:xfrm>
          <a:prstGeom prst="rect">
            <a:avLst/>
          </a:prstGeom>
        </p:spPr>
      </p:pic>
      <p:sp>
        <p:nvSpPr>
          <p:cNvPr id="12" name="Oval 11">
            <a:extLst>
              <a:ext uri="{FF2B5EF4-FFF2-40B4-BE49-F238E27FC236}">
                <a16:creationId xmlns:a16="http://schemas.microsoft.com/office/drawing/2014/main" id="{B20C96B3-E437-AF42-888D-87F37630A2E7}"/>
              </a:ext>
            </a:extLst>
          </p:cNvPr>
          <p:cNvSpPr/>
          <p:nvPr/>
        </p:nvSpPr>
        <p:spPr>
          <a:xfrm>
            <a:off x="3657601" y="5375640"/>
            <a:ext cx="1350860" cy="142240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CE4C4F6-890F-904E-A32A-808712764FA4}"/>
              </a:ext>
            </a:extLst>
          </p:cNvPr>
          <p:cNvSpPr txBox="1"/>
          <p:nvPr/>
        </p:nvSpPr>
        <p:spPr>
          <a:xfrm>
            <a:off x="4876800" y="4416498"/>
            <a:ext cx="1316928" cy="1107996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1600" dirty="0">
                <a:solidFill>
                  <a:srgbClr val="FF0000"/>
                </a:solidFill>
              </a:rPr>
              <a:t>e.g. PU calibration data from DESY VT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8C12925-B4AE-094F-AB10-1825FC4D546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24461" y="1429501"/>
            <a:ext cx="6167540" cy="53780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620047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865E4B6-7345-C54F-8530-F2E47E54F1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nsitivity analysi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2A547CF-7582-4E4B-BC8B-82245B23BA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08000" y="5638800"/>
            <a:ext cx="10972800" cy="695006"/>
          </a:xfrm>
        </p:spPr>
        <p:txBody>
          <a:bodyPr/>
          <a:lstStyle/>
          <a:p>
            <a:pPr algn="ctr"/>
            <a:r>
              <a:rPr lang="en-US" b="1" dirty="0"/>
              <a:t>Data</a:t>
            </a:r>
            <a:r>
              <a:rPr lang="en-US" dirty="0"/>
              <a:t> to be </a:t>
            </a:r>
            <a:r>
              <a:rPr lang="en-US" b="1" dirty="0"/>
              <a:t>used during TS2/Tunnel preparation phases and incoming checks</a:t>
            </a:r>
          </a:p>
          <a:p>
            <a:pPr lvl="1" algn="ctr"/>
            <a:r>
              <a:rPr lang="en-US" dirty="0"/>
              <a:t>Account for change in environmental condition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8AAB8EB-25B4-8249-B993-630E415FE0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B0DD0F6-803B-964C-8624-5F9B103181E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From demonstrator retrieved data of </a:t>
            </a:r>
            <a:r>
              <a:rPr lang="en-US" b="1" dirty="0"/>
              <a:t>expected behavior </a:t>
            </a:r>
            <a:r>
              <a:rPr lang="en-US" dirty="0"/>
              <a:t>of series in TS2</a:t>
            </a: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1453D1E9-B092-6044-9D78-9FA6D42EA1F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47609763"/>
              </p:ext>
            </p:extLst>
          </p:nvPr>
        </p:nvGraphicFramePr>
        <p:xfrm>
          <a:off x="508000" y="1655725"/>
          <a:ext cx="11175997" cy="375991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>
                  <a:extLst>
                    <a:ext uri="{9D8B030D-6E8A-4147-A177-3AD203B41FA5}">
                      <a16:colId xmlns:a16="http://schemas.microsoft.com/office/drawing/2014/main" val="551883325"/>
                    </a:ext>
                  </a:extLst>
                </a:gridCol>
                <a:gridCol w="939800">
                  <a:extLst>
                    <a:ext uri="{9D8B030D-6E8A-4147-A177-3AD203B41FA5}">
                      <a16:colId xmlns:a16="http://schemas.microsoft.com/office/drawing/2014/main" val="3708013082"/>
                    </a:ext>
                  </a:extLst>
                </a:gridCol>
                <a:gridCol w="939800">
                  <a:extLst>
                    <a:ext uri="{9D8B030D-6E8A-4147-A177-3AD203B41FA5}">
                      <a16:colId xmlns:a16="http://schemas.microsoft.com/office/drawing/2014/main" val="164823928"/>
                    </a:ext>
                  </a:extLst>
                </a:gridCol>
                <a:gridCol w="939800">
                  <a:extLst>
                    <a:ext uri="{9D8B030D-6E8A-4147-A177-3AD203B41FA5}">
                      <a16:colId xmlns:a16="http://schemas.microsoft.com/office/drawing/2014/main" val="1481032915"/>
                    </a:ext>
                  </a:extLst>
                </a:gridCol>
                <a:gridCol w="939800">
                  <a:extLst>
                    <a:ext uri="{9D8B030D-6E8A-4147-A177-3AD203B41FA5}">
                      <a16:colId xmlns:a16="http://schemas.microsoft.com/office/drawing/2014/main" val="216245537"/>
                    </a:ext>
                  </a:extLst>
                </a:gridCol>
                <a:gridCol w="1320797">
                  <a:extLst>
                    <a:ext uri="{9D8B030D-6E8A-4147-A177-3AD203B41FA5}">
                      <a16:colId xmlns:a16="http://schemas.microsoft.com/office/drawing/2014/main" val="4073603579"/>
                    </a:ext>
                  </a:extLst>
                </a:gridCol>
              </a:tblGrid>
              <a:tr h="690880"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Parameter, all data kHz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CAV1</a:t>
                      </a:r>
                    </a:p>
                    <a:p>
                      <a:pPr algn="ctr"/>
                      <a:r>
                        <a:rPr lang="en-US" sz="1900" dirty="0"/>
                        <a:t>M00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CAV2</a:t>
                      </a:r>
                    </a:p>
                    <a:p>
                      <a:pPr algn="ctr"/>
                      <a:r>
                        <a:rPr lang="en-US" sz="1900" dirty="0"/>
                        <a:t>MP04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CAV3</a:t>
                      </a:r>
                    </a:p>
                    <a:p>
                      <a:pPr algn="ctr"/>
                      <a:r>
                        <a:rPr lang="en-US" sz="1900" dirty="0"/>
                        <a:t>MP0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CAV4</a:t>
                      </a:r>
                    </a:p>
                    <a:p>
                      <a:pPr algn="ctr"/>
                      <a:r>
                        <a:rPr lang="en-US" sz="1900" dirty="0"/>
                        <a:t>MP02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/>
                        <a:t>&lt;AVE&gt;</a:t>
                      </a:r>
                    </a:p>
                    <a:p>
                      <a:pPr algn="ctr"/>
                      <a:r>
                        <a:rPr lang="en-US" sz="1900" dirty="0"/>
                        <a:t>SPREAD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597127307"/>
                  </a:ext>
                </a:extLst>
              </a:tr>
              <a:tr h="477875">
                <a:tc>
                  <a:txBody>
                    <a:bodyPr/>
                    <a:lstStyle/>
                    <a:p>
                      <a:r>
                        <a:rPr lang="en-US" sz="1900" dirty="0"/>
                        <a:t>From string in vacuum, RT, </a:t>
                      </a:r>
                      <a:r>
                        <a:rPr lang="en-US" sz="1900" dirty="0" err="1"/>
                        <a:t>VV&amp;tank</a:t>
                      </a:r>
                      <a:r>
                        <a:rPr lang="en-US" sz="1900" dirty="0"/>
                        <a:t> PA, to 4.2 K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86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81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69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50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72±18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3647156738"/>
                  </a:ext>
                </a:extLst>
              </a:tr>
              <a:tr h="477875">
                <a:tc>
                  <a:txBody>
                    <a:bodyPr/>
                    <a:lstStyle/>
                    <a:p>
                      <a:pPr marL="0" marR="0" lvl="0" indent="0" algn="l" defTabSz="51435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900" dirty="0"/>
                        <a:t>From string in vacuum, RF, </a:t>
                      </a:r>
                      <a:r>
                        <a:rPr lang="en-US" sz="1900" dirty="0" err="1"/>
                        <a:t>VV&amp;tank</a:t>
                      </a:r>
                      <a:r>
                        <a:rPr lang="en-US" sz="1900" dirty="0"/>
                        <a:t> PA, to 2K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03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107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091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080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2DA02D"/>
                          </a:solidFill>
                        </a:rPr>
                        <a:t>1095±14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4088959177"/>
                  </a:ext>
                </a:extLst>
              </a:tr>
              <a:tr h="477875">
                <a:tc>
                  <a:txBody>
                    <a:bodyPr/>
                    <a:lstStyle/>
                    <a:p>
                      <a:r>
                        <a:rPr lang="en-US" sz="1900" dirty="0"/>
                        <a:t>4.2K to 2K, cold, </a:t>
                      </a:r>
                      <a:br>
                        <a:rPr lang="en-US" sz="1900" dirty="0"/>
                      </a:br>
                      <a:r>
                        <a:rPr lang="en-US" sz="1900" dirty="0"/>
                        <a:t>(Pressure sensitivity 1 bar to 30 mbar )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-83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-74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-78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-70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-76±7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074073269"/>
                  </a:ext>
                </a:extLst>
              </a:tr>
              <a:tr h="477875">
                <a:tc>
                  <a:txBody>
                    <a:bodyPr/>
                    <a:lstStyle/>
                    <a:p>
                      <a:r>
                        <a:rPr lang="en-US" sz="1900" dirty="0"/>
                        <a:t>String from air to vacuum </a:t>
                      </a:r>
                      <a:br>
                        <a:rPr lang="en-US" sz="1900" dirty="0"/>
                      </a:br>
                      <a:r>
                        <a:rPr lang="en-US" sz="1900" dirty="0"/>
                        <a:t>(tuner, tank &amp; VV air, RT)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74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77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90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95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84±11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1527649549"/>
                  </a:ext>
                </a:extLst>
              </a:tr>
              <a:tr h="477875">
                <a:tc>
                  <a:txBody>
                    <a:bodyPr/>
                    <a:lstStyle/>
                    <a:p>
                      <a:r>
                        <a:rPr lang="en-US" sz="1900" dirty="0"/>
                        <a:t>Vessel from air to vacuum </a:t>
                      </a:r>
                      <a:br>
                        <a:rPr lang="en-US" sz="1900" dirty="0"/>
                      </a:br>
                      <a:r>
                        <a:rPr lang="en-US" sz="1900" dirty="0"/>
                        <a:t>(tuner, string vacuum, tank air, RT)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11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05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107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75</a:t>
                      </a: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900" dirty="0">
                          <a:solidFill>
                            <a:srgbClr val="00B050"/>
                          </a:solidFill>
                        </a:rPr>
                        <a:t>99±18</a:t>
                      </a:r>
                    </a:p>
                  </a:txBody>
                  <a:tcPr marL="121920" marR="121920" marT="60960" marB="60960" anchor="ctr"/>
                </a:tc>
                <a:extLst>
                  <a:ext uri="{0D108BD9-81ED-4DB2-BD59-A6C34878D82A}">
                    <a16:rowId xmlns:a16="http://schemas.microsoft.com/office/drawing/2014/main" val="407509007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1901241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D32ABB6-DC4C-B146-9857-40C1456C72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activities: SRF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B49642A-E6BC-EF4D-857A-0C53155114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189C1BF-C914-734C-8CE1-7052FA12736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b="1" dirty="0"/>
              <a:t>Established local laboratorie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50FD082-495C-B347-A985-B87827A4C5C9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2496209"/>
            <a:ext cx="3772318" cy="2829238"/>
          </a:xfrm>
          <a:prstGeom prst="rect">
            <a:avLst/>
          </a:prstGeom>
        </p:spPr>
      </p:pic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ABB07FC1-A613-0443-90CF-FE4F4836687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420634"/>
            <a:ext cx="10972800" cy="1121321"/>
          </a:xfrm>
        </p:spPr>
        <p:txBody>
          <a:bodyPr/>
          <a:lstStyle/>
          <a:p>
            <a:r>
              <a:rPr lang="en-US" b="1" dirty="0"/>
              <a:t>All the prior development phase at IK, “hands-on” capabilities at ESS</a:t>
            </a:r>
          </a:p>
          <a:p>
            <a:pPr lvl="1"/>
            <a:r>
              <a:rPr lang="en-US" dirty="0"/>
              <a:t>Setup of SRF Laboratory for the preparation of all incoming reception measurements</a:t>
            </a:r>
          </a:p>
          <a:p>
            <a:pPr lvl="1"/>
            <a:r>
              <a:rPr lang="en-US" dirty="0"/>
              <a:t>Permanent laboratories in B02 building when availab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AD882A8-E9FC-E244-AD4D-01B97599D6A2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"/>
          <a:stretch/>
        </p:blipFill>
        <p:spPr>
          <a:xfrm>
            <a:off x="3757374" y="2535322"/>
            <a:ext cx="3772319" cy="279300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270EFB88-6EEF-574C-8EFB-E27B86A1C238}"/>
              </a:ext>
            </a:extLst>
          </p:cNvPr>
          <p:cNvSpPr txBox="1"/>
          <p:nvPr/>
        </p:nvSpPr>
        <p:spPr>
          <a:xfrm>
            <a:off x="2133600" y="2739167"/>
            <a:ext cx="1219200" cy="1219200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l"/>
            <a:endParaRPr lang="en-US" sz="2667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6C82AE8-43A4-3646-A845-E892B44D2BBA}"/>
              </a:ext>
            </a:extLst>
          </p:cNvPr>
          <p:cNvSpPr txBox="1"/>
          <p:nvPr/>
        </p:nvSpPr>
        <p:spPr>
          <a:xfrm>
            <a:off x="1157652" y="2545754"/>
            <a:ext cx="2039816" cy="1080423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l"/>
            <a:r>
              <a:rPr lang="en-US" sz="1600" b="1" dirty="0">
                <a:solidFill>
                  <a:srgbClr val="FF0000"/>
                </a:solidFill>
              </a:rPr>
              <a:t>INFN </a:t>
            </a:r>
            <a:r>
              <a:rPr lang="en-US" sz="1600" b="1" dirty="0">
                <a:solidFill>
                  <a:srgbClr val="FF0000"/>
                </a:solidFill>
                <a:latin typeface="Symbol" pitchFamily="2" charset="2"/>
              </a:rPr>
              <a:t>b</a:t>
            </a:r>
            <a:r>
              <a:rPr lang="en-US" sz="1600" b="1" dirty="0">
                <a:solidFill>
                  <a:srgbClr val="FF0000"/>
                </a:solidFill>
              </a:rPr>
              <a:t>=0.5 </a:t>
            </a:r>
            <a:br>
              <a:rPr lang="en-US" sz="1600" b="1" dirty="0">
                <a:solidFill>
                  <a:srgbClr val="FF0000"/>
                </a:solidFill>
              </a:rPr>
            </a:br>
            <a:r>
              <a:rPr lang="en-US" sz="1600" b="1" dirty="0">
                <a:solidFill>
                  <a:srgbClr val="FF0000"/>
                </a:solidFill>
              </a:rPr>
              <a:t>5-cell </a:t>
            </a:r>
            <a:br>
              <a:rPr lang="en-US" sz="1600" b="1" dirty="0">
                <a:solidFill>
                  <a:srgbClr val="FF0000"/>
                </a:solidFill>
              </a:rPr>
            </a:br>
            <a:r>
              <a:rPr lang="en-US" sz="1600" b="1" dirty="0">
                <a:solidFill>
                  <a:srgbClr val="FF0000"/>
                </a:solidFill>
              </a:rPr>
              <a:t>elliptical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B0CF8594-B36F-7F42-B50F-DC5C6D69C35A}"/>
              </a:ext>
            </a:extLst>
          </p:cNvPr>
          <p:cNvCxnSpPr>
            <a:cxnSpLocks/>
          </p:cNvCxnSpPr>
          <p:nvPr/>
        </p:nvCxnSpPr>
        <p:spPr>
          <a:xfrm>
            <a:off x="1397000" y="3348767"/>
            <a:ext cx="342692" cy="553450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242C2395-5BFB-824F-9951-038F33AF5428}"/>
              </a:ext>
            </a:extLst>
          </p:cNvPr>
          <p:cNvSpPr txBox="1"/>
          <p:nvPr/>
        </p:nvSpPr>
        <p:spPr>
          <a:xfrm>
            <a:off x="1355949" y="4734056"/>
            <a:ext cx="1422400" cy="730757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l"/>
            <a:r>
              <a:rPr lang="en-US" sz="1600" b="1" dirty="0"/>
              <a:t>IPNO ESS</a:t>
            </a:r>
            <a:br>
              <a:rPr lang="en-US" sz="1600" b="1" dirty="0"/>
            </a:br>
            <a:r>
              <a:rPr lang="en-US" sz="1600" b="1" dirty="0"/>
              <a:t>Double Spoke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1198D281-4DE9-BE47-923C-DE073F74A427}"/>
              </a:ext>
            </a:extLst>
          </p:cNvPr>
          <p:cNvCxnSpPr>
            <a:cxnSpLocks/>
          </p:cNvCxnSpPr>
          <p:nvPr/>
        </p:nvCxnSpPr>
        <p:spPr>
          <a:xfrm flipH="1" flipV="1">
            <a:off x="609600" y="4080474"/>
            <a:ext cx="711200" cy="79632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>
            <a:extLst>
              <a:ext uri="{FF2B5EF4-FFF2-40B4-BE49-F238E27FC236}">
                <a16:creationId xmlns:a16="http://schemas.microsoft.com/office/drawing/2014/main" id="{7A27A8C0-B1E2-354C-8F5D-AE4185554A91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8238978" y="2920890"/>
            <a:ext cx="5437368" cy="2436856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11C86B11-4B1D-234F-B550-E6CB21B082C4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 rot="5400000">
            <a:off x="7229142" y="2829287"/>
            <a:ext cx="2810642" cy="2209542"/>
          </a:xfrm>
          <a:prstGeom prst="rect">
            <a:avLst/>
          </a:prstGeom>
        </p:spPr>
      </p:pic>
      <p:pic>
        <p:nvPicPr>
          <p:cNvPr id="24" name="Content Placeholder 6">
            <a:extLst>
              <a:ext uri="{FF2B5EF4-FFF2-40B4-BE49-F238E27FC236}">
                <a16:creationId xmlns:a16="http://schemas.microsoft.com/office/drawing/2014/main" id="{F6630695-B7E0-0A48-9D36-35BC39A27A1B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800000">
            <a:off x="7080698" y="5321690"/>
            <a:ext cx="2658536" cy="1536312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351976E0-4F54-9847-8DFB-820F1A58C9FA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5321690"/>
            <a:ext cx="4039881" cy="1536311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B9D5F1A5-96F1-EA41-9CB5-5A9F6DDAD8E3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025546" y="5334000"/>
            <a:ext cx="3069488" cy="15363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440005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>
            <a:extLst>
              <a:ext uri="{FF2B5EF4-FFF2-40B4-BE49-F238E27FC236}">
                <a16:creationId xmlns:a16="http://schemas.microsoft.com/office/drawing/2014/main" id="{50C35E25-DA49-7F48-ABDB-95B68A5DCD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69024" y="2746036"/>
            <a:ext cx="2785329" cy="27305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3BDDF82-2E96-4A49-9703-5511F968084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94916" y="5181600"/>
            <a:ext cx="3538409" cy="172305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863B916-4936-DF49-A354-EC44A83B51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activities: Mechanica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179D8C-78FF-E645-A0D3-A6E2ACE003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6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7C537D1-23F8-3A44-9383-2B93B33A475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Development of installation tools</a:t>
            </a:r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D2BA690E-0AF8-6947-9BC7-32DE2C3C218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1" y="1600201"/>
            <a:ext cx="7514052" cy="4345167"/>
          </a:xfrm>
        </p:spPr>
        <p:txBody>
          <a:bodyPr/>
          <a:lstStyle/>
          <a:p>
            <a:r>
              <a:rPr lang="en-US" dirty="0"/>
              <a:t>ESS responsibility for transport tools (IK, internal) and supports</a:t>
            </a:r>
          </a:p>
          <a:p>
            <a:pPr lvl="1"/>
            <a:r>
              <a:rPr lang="en-US" dirty="0"/>
              <a:t>In close contact with ESS Engineering Division (Rigging, Design, Manuf.)</a:t>
            </a:r>
          </a:p>
          <a:p>
            <a:r>
              <a:rPr lang="en-US" dirty="0"/>
              <a:t>Customization of CEA assembly tools to adapt to the TS2/Tunnel </a:t>
            </a:r>
          </a:p>
          <a:p>
            <a:pPr lvl="1"/>
            <a:r>
              <a:rPr lang="en-US" dirty="0"/>
              <a:t>e.g. Doorknob Installation Tool</a:t>
            </a:r>
          </a:p>
          <a:p>
            <a:r>
              <a:rPr lang="en-US" dirty="0"/>
              <a:t>Design at ESS discussed with IK</a:t>
            </a:r>
          </a:p>
          <a:p>
            <a:pPr lvl="1"/>
            <a:r>
              <a:rPr lang="en-US" dirty="0"/>
              <a:t>Part of know-how transfer process, </a:t>
            </a:r>
            <a:br>
              <a:rPr lang="en-US" dirty="0"/>
            </a:br>
            <a:r>
              <a:rPr lang="en-US" dirty="0"/>
              <a:t>support from EIS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41A35B9F-49E5-CF4F-A301-620761468601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7451392" y="2121741"/>
            <a:ext cx="5412867" cy="405965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F5726269-3C6B-A54E-954C-1437E607538F}"/>
              </a:ext>
            </a:extLst>
          </p:cNvPr>
          <p:cNvSpPr txBox="1"/>
          <p:nvPr/>
        </p:nvSpPr>
        <p:spPr>
          <a:xfrm>
            <a:off x="8128931" y="6353000"/>
            <a:ext cx="4063068" cy="530400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DK installation tool (ESS)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E75E10D2-27C3-3740-81D0-B3D67B08BF46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140200"/>
            <a:ext cx="4607255" cy="2743201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DAD3D758-4C48-974C-91E6-18025554FC98}"/>
              </a:ext>
            </a:extLst>
          </p:cNvPr>
          <p:cNvSpPr txBox="1"/>
          <p:nvPr/>
        </p:nvSpPr>
        <p:spPr>
          <a:xfrm>
            <a:off x="1218424" y="6353000"/>
            <a:ext cx="4063068" cy="530400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On site transport cart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D5835F3-B6FB-984C-AA17-64B263A71472}"/>
              </a:ext>
            </a:extLst>
          </p:cNvPr>
          <p:cNvSpPr txBox="1"/>
          <p:nvPr/>
        </p:nvSpPr>
        <p:spPr>
          <a:xfrm>
            <a:off x="5369024" y="6394225"/>
            <a:ext cx="2161272" cy="530400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Spoke cart/support</a:t>
            </a:r>
          </a:p>
        </p:txBody>
      </p:sp>
    </p:spTree>
    <p:extLst>
      <p:ext uri="{BB962C8B-B14F-4D97-AF65-F5344CB8AC3E}">
        <p14:creationId xmlns:p14="http://schemas.microsoft.com/office/powerpoint/2010/main" val="423878268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9F1507-6FFA-D946-8971-34ADB0A3A5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eparation activities: Incoming inspections at TS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E4BBB4-5F9A-7840-863E-E0AD17A52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7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A2AF61A-40AD-8642-BD78-49D722923A6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Setup of Module reception area with M-ECCTD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A88B9BA-63E7-1348-8F88-BB83DC60FA0A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539380" y="3943657"/>
            <a:ext cx="4301067" cy="2914343"/>
          </a:xfrm>
          <a:prstGeom prst="rect">
            <a:avLst/>
          </a:prstGeom>
        </p:spPr>
      </p:pic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06342B98-4B03-834D-AE57-E2379579489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8600" y="1676400"/>
            <a:ext cx="7958667" cy="4797600"/>
          </a:xfrm>
        </p:spPr>
        <p:txBody>
          <a:bodyPr/>
          <a:lstStyle/>
          <a:p>
            <a:r>
              <a:rPr lang="en-US" dirty="0"/>
              <a:t>Preparation of areas for</a:t>
            </a:r>
          </a:p>
          <a:p>
            <a:pPr lvl="1"/>
            <a:r>
              <a:rPr lang="en-US" dirty="0"/>
              <a:t>Storage of components/instrumentations/tools</a:t>
            </a:r>
          </a:p>
          <a:p>
            <a:pPr lvl="1"/>
            <a:r>
              <a:rPr lang="en-US" dirty="0"/>
              <a:t>Workstations for mechanical, electrical and RF incoming inspections </a:t>
            </a:r>
          </a:p>
          <a:p>
            <a:pPr lvl="1"/>
            <a:r>
              <a:rPr lang="en-US" dirty="0"/>
              <a:t>Workstations for activities needed for the TS2 test/tunnel</a:t>
            </a:r>
          </a:p>
          <a:p>
            <a:pPr lvl="2"/>
            <a:r>
              <a:rPr lang="en-US" dirty="0"/>
              <a:t>E.g. dismount/remount of transport fixations on thermal shields and string</a:t>
            </a:r>
          </a:p>
          <a:p>
            <a:pPr lvl="1"/>
            <a:r>
              <a:rPr lang="en-US" dirty="0"/>
              <a:t>Local instrumentation racks</a:t>
            </a:r>
          </a:p>
          <a:p>
            <a:pPr lvl="1"/>
            <a:r>
              <a:rPr lang="en-US" dirty="0">
                <a:solidFill>
                  <a:srgbClr val="00B050"/>
                </a:solidFill>
              </a:rPr>
              <a:t>Training</a:t>
            </a:r>
            <a:r>
              <a:rPr lang="en-US" dirty="0"/>
              <a:t> teams!</a:t>
            </a:r>
          </a:p>
          <a:p>
            <a:pPr lvl="2"/>
            <a:r>
              <a:rPr lang="en-US" dirty="0"/>
              <a:t>Main </a:t>
            </a:r>
            <a:br>
              <a:rPr lang="en-US" dirty="0"/>
            </a:br>
            <a:r>
              <a:rPr lang="en-US" dirty="0"/>
              <a:t>mechanical reception</a:t>
            </a:r>
            <a:br>
              <a:rPr lang="en-US" dirty="0"/>
            </a:br>
            <a:r>
              <a:rPr lang="en-US" dirty="0"/>
              <a:t>operations on M-ECCTD</a:t>
            </a:r>
          </a:p>
          <a:p>
            <a:pPr lvl="2"/>
            <a:r>
              <a:rPr lang="en-US" dirty="0" err="1"/>
              <a:t>iso</a:t>
            </a:r>
            <a:r>
              <a:rPr lang="en-US" dirty="0"/>
              <a:t>-vacuum </a:t>
            </a:r>
            <a:br>
              <a:rPr lang="en-US" dirty="0"/>
            </a:br>
            <a:r>
              <a:rPr lang="en-US" dirty="0"/>
              <a:t>procedures</a:t>
            </a:r>
          </a:p>
          <a:p>
            <a:pPr lvl="2"/>
            <a:r>
              <a:rPr lang="en-US" dirty="0"/>
              <a:t>RF incoming</a:t>
            </a:r>
            <a:br>
              <a:rPr lang="en-US" dirty="0"/>
            </a:br>
            <a:r>
              <a:rPr lang="en-US" dirty="0"/>
              <a:t>measurements</a:t>
            </a:r>
          </a:p>
          <a:p>
            <a:pPr lvl="2"/>
            <a:r>
              <a:rPr lang="en-US" dirty="0"/>
              <a:t>Electrical measurements </a:t>
            </a:r>
            <a:br>
              <a:rPr lang="en-US" dirty="0"/>
            </a:br>
            <a:r>
              <a:rPr lang="en-US" dirty="0"/>
              <a:t>on inner instruments</a:t>
            </a:r>
          </a:p>
          <a:p>
            <a:pPr lvl="2"/>
            <a:r>
              <a:rPr lang="en-US" dirty="0"/>
              <a:t>Assembly of Doorknobs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C0DEE32-C492-F243-949F-F3C436FEE87B}"/>
              </a:ext>
            </a:extLst>
          </p:cNvPr>
          <p:cNvSpPr txBox="1"/>
          <p:nvPr/>
        </p:nvSpPr>
        <p:spPr>
          <a:xfrm>
            <a:off x="3556173" y="6293133"/>
            <a:ext cx="3352628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TS2 Bunker Support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9776771-4AD0-4B4A-8C16-61E1AAACB29E}"/>
              </a:ext>
            </a:extLst>
          </p:cNvPr>
          <p:cNvSpPr txBox="1"/>
          <p:nvPr/>
        </p:nvSpPr>
        <p:spPr>
          <a:xfrm>
            <a:off x="3556173" y="5264502"/>
            <a:ext cx="3691381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Doorknobs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9921A2C-0857-0C46-879F-16CD63ABDFEE}"/>
              </a:ext>
            </a:extLst>
          </p:cNvPr>
          <p:cNvSpPr txBox="1"/>
          <p:nvPr/>
        </p:nvSpPr>
        <p:spPr>
          <a:xfrm>
            <a:off x="3556173" y="4461295"/>
            <a:ext cx="1499368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DK Fixation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01C0DB4-F630-8E49-BC6C-A0EB10BE701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7308284" y="1974284"/>
            <a:ext cx="5415879" cy="4351553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1E4427A7-9773-9C4A-8B06-BE46A09FA0F2}"/>
              </a:ext>
            </a:extLst>
          </p:cNvPr>
          <p:cNvSpPr txBox="1"/>
          <p:nvPr/>
        </p:nvSpPr>
        <p:spPr>
          <a:xfrm>
            <a:off x="8001000" y="6263925"/>
            <a:ext cx="3691381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Incoming reception area</a:t>
            </a:r>
          </a:p>
        </p:txBody>
      </p:sp>
    </p:spTree>
    <p:extLst>
      <p:ext uri="{BB962C8B-B14F-4D97-AF65-F5344CB8AC3E}">
        <p14:creationId xmlns:p14="http://schemas.microsoft.com/office/powerpoint/2010/main" val="30434703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DC8897-B614-6A49-A7BF-4059C98786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 Stand 2 Readines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C3E950-DDA4-A341-932A-79263ECB0D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MOFAA4, SRF19, Dresden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7DEA9B5-1F83-DF49-9ECA-B95BF0CBD4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18</a:t>
            </a:fld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06390D3-913A-7E47-99A1-D23AB41F532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Radiation authority permit and internal Safety Readiness </a:t>
            </a:r>
            <a:r>
              <a:rPr lang="en-US"/>
              <a:t>Review </a:t>
            </a:r>
            <a:r>
              <a:rPr lang="en-US" b="1"/>
              <a:t>Done</a:t>
            </a:r>
            <a:endParaRPr lang="en-US" b="1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2D7ECE6-5948-6D44-8C9A-7C88EDA277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Paolo Pierini, 1/7/2019</a:t>
            </a:r>
            <a:endParaRPr lang="en-US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A590D8C-4C12-414F-94F7-4888B9CD14C8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-800100" y="2171593"/>
            <a:ext cx="5486400" cy="38862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E3BA673E-9D33-A242-BF2B-0D60AC4E6B46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7391400" y="2057400"/>
            <a:ext cx="5486400" cy="411480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201B7F80-59BC-6349-A2DA-F1C8FC45749C}"/>
              </a:ext>
            </a:extLst>
          </p:cNvPr>
          <p:cNvSpPr txBox="1"/>
          <p:nvPr/>
        </p:nvSpPr>
        <p:spPr>
          <a:xfrm>
            <a:off x="2762596" y="3215552"/>
            <a:ext cx="1199804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 err="1">
                <a:solidFill>
                  <a:schemeClr val="bg1"/>
                </a:solidFill>
              </a:rPr>
              <a:t>Cryoline</a:t>
            </a:r>
            <a:endParaRPr lang="en-US" sz="2133" dirty="0">
              <a:solidFill>
                <a:schemeClr val="bg1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2F28797-0E5B-F04A-91DC-C7F538D3BD4B}"/>
              </a:ext>
            </a:extLst>
          </p:cNvPr>
          <p:cNvSpPr txBox="1"/>
          <p:nvPr/>
        </p:nvSpPr>
        <p:spPr>
          <a:xfrm>
            <a:off x="857596" y="4953000"/>
            <a:ext cx="1199804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RFDS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84D615BB-C2C2-3344-8BAE-2DAECE7B7D4C}"/>
              </a:ext>
            </a:extLst>
          </p:cNvPr>
          <p:cNvSpPr txBox="1"/>
          <p:nvPr/>
        </p:nvSpPr>
        <p:spPr>
          <a:xfrm>
            <a:off x="857596" y="3192159"/>
            <a:ext cx="650702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VB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BE11C06D-AC7A-A04E-9B35-28C80D1E3912}"/>
              </a:ext>
            </a:extLst>
          </p:cNvPr>
          <p:cNvSpPr txBox="1"/>
          <p:nvPr/>
        </p:nvSpPr>
        <p:spPr>
          <a:xfrm>
            <a:off x="1371600" y="1613793"/>
            <a:ext cx="2712951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CM cabling ongoing…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7F8EF2F-A3D6-204C-B42F-4A12B2CC1D83}"/>
              </a:ext>
            </a:extLst>
          </p:cNvPr>
          <p:cNvSpPr txBox="1"/>
          <p:nvPr/>
        </p:nvSpPr>
        <p:spPr>
          <a:xfrm>
            <a:off x="9372600" y="4501658"/>
            <a:ext cx="1199804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RFDS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BEFDFB64-28AF-834A-9689-FFF62984F1BA}"/>
              </a:ext>
            </a:extLst>
          </p:cNvPr>
          <p:cNvSpPr txBox="1"/>
          <p:nvPr/>
        </p:nvSpPr>
        <p:spPr>
          <a:xfrm>
            <a:off x="8064731" y="5468923"/>
            <a:ext cx="1199804" cy="77957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Cooling circuits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9A1309B-1DE3-3D46-966B-B814BA17561D}"/>
              </a:ext>
            </a:extLst>
          </p:cNvPr>
          <p:cNvSpPr txBox="1"/>
          <p:nvPr/>
        </p:nvSpPr>
        <p:spPr>
          <a:xfrm>
            <a:off x="8645237" y="1371493"/>
            <a:ext cx="345440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Variable Power Dividers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DAC1D6D5-D06C-9A4B-A473-3520EC87A938}"/>
              </a:ext>
            </a:extLst>
          </p:cNvPr>
          <p:cNvSpPr txBox="1"/>
          <p:nvPr/>
        </p:nvSpPr>
        <p:spPr>
          <a:xfrm>
            <a:off x="10782300" y="4337543"/>
            <a:ext cx="1199804" cy="1107804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Control System Racks</a:t>
            </a:r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496D32D1-DE02-0D4B-99CB-4B4594E27188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3232627" y="2058761"/>
            <a:ext cx="5498146" cy="4123610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0F046818-4BCD-9949-B36F-6376B73756AC}"/>
              </a:ext>
            </a:extLst>
          </p:cNvPr>
          <p:cNvSpPr txBox="1"/>
          <p:nvPr/>
        </p:nvSpPr>
        <p:spPr>
          <a:xfrm>
            <a:off x="4084551" y="6392696"/>
            <a:ext cx="3924549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133" dirty="0">
                <a:solidFill>
                  <a:schemeClr val="bg1"/>
                </a:solidFill>
              </a:rPr>
              <a:t>Klystron commissioning on loads</a:t>
            </a:r>
          </a:p>
        </p:txBody>
      </p:sp>
    </p:spTree>
    <p:extLst>
      <p:ext uri="{BB962C8B-B14F-4D97-AF65-F5344CB8AC3E}">
        <p14:creationId xmlns:p14="http://schemas.microsoft.com/office/powerpoint/2010/main" val="33324199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0BBEE5-C27E-8A4F-9C00-3F5E9D433707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>
            <a:normAutofit/>
          </a:bodyPr>
          <a:lstStyle/>
          <a:p>
            <a:r>
              <a:rPr lang="sv-SE" sz="1900" b="1" dirty="0"/>
              <a:t>Before </a:t>
            </a:r>
            <a:r>
              <a:rPr lang="sv-SE" sz="1900" b="1" dirty="0" err="1"/>
              <a:t>Cooldown</a:t>
            </a:r>
            <a:endParaRPr lang="sv-SE" sz="1900" b="1" dirty="0"/>
          </a:p>
          <a:p>
            <a:pPr lvl="1"/>
            <a:r>
              <a:rPr lang="sv-SE" sz="1900" dirty="0" err="1"/>
              <a:t>Warm</a:t>
            </a:r>
            <a:r>
              <a:rPr lang="sv-SE" sz="1900" dirty="0"/>
              <a:t> Cable &amp; Component </a:t>
            </a:r>
            <a:r>
              <a:rPr lang="sv-SE" sz="1900" b="1" dirty="0" err="1"/>
              <a:t>Calibration</a:t>
            </a:r>
            <a:endParaRPr lang="sv-SE" sz="1900" b="1" dirty="0"/>
          </a:p>
          <a:p>
            <a:pPr lvl="1"/>
            <a:r>
              <a:rPr lang="sv-SE" sz="1900" dirty="0" err="1"/>
              <a:t>Warm</a:t>
            </a:r>
            <a:r>
              <a:rPr lang="sv-SE" sz="1900" dirty="0"/>
              <a:t> Input RF </a:t>
            </a:r>
            <a:r>
              <a:rPr lang="sv-SE" sz="1900" dirty="0" err="1"/>
              <a:t>Couplers</a:t>
            </a:r>
            <a:r>
              <a:rPr lang="sv-SE" sz="1900" dirty="0"/>
              <a:t> </a:t>
            </a:r>
            <a:r>
              <a:rPr lang="sv-SE" sz="1900" b="1" dirty="0"/>
              <a:t>Conditioning</a:t>
            </a:r>
          </a:p>
          <a:p>
            <a:r>
              <a:rPr lang="sv-SE" sz="1900" b="1" dirty="0" err="1"/>
              <a:t>After</a:t>
            </a:r>
            <a:r>
              <a:rPr lang="sv-SE" sz="1900" b="1" dirty="0"/>
              <a:t> </a:t>
            </a:r>
            <a:r>
              <a:rPr lang="sv-SE" sz="1900" b="1" dirty="0" err="1"/>
              <a:t>cooldown</a:t>
            </a:r>
            <a:r>
              <a:rPr lang="sv-SE" sz="1900" b="1" dirty="0"/>
              <a:t> </a:t>
            </a:r>
            <a:r>
              <a:rPr lang="sv-SE" sz="1900" b="1" u="sng" dirty="0"/>
              <a:t>no</a:t>
            </a:r>
            <a:r>
              <a:rPr lang="sv-SE" sz="1900" b="1" dirty="0"/>
              <a:t> HP RF</a:t>
            </a:r>
          </a:p>
          <a:p>
            <a:pPr lvl="1"/>
            <a:r>
              <a:rPr lang="sv-SE" sz="1900" dirty="0"/>
              <a:t>Cold </a:t>
            </a:r>
            <a:r>
              <a:rPr lang="sv-SE" sz="1900" dirty="0" err="1"/>
              <a:t>cable</a:t>
            </a:r>
            <a:r>
              <a:rPr lang="sv-SE" sz="1900" dirty="0"/>
              <a:t> </a:t>
            </a:r>
            <a:r>
              <a:rPr lang="sv-SE" sz="1900" b="1" dirty="0" err="1"/>
              <a:t>Calibration</a:t>
            </a:r>
            <a:endParaRPr lang="sv-SE" sz="1900" b="1" dirty="0"/>
          </a:p>
          <a:p>
            <a:pPr lvl="1"/>
            <a:r>
              <a:rPr lang="sv-SE" sz="1900" dirty="0"/>
              <a:t>4K/2K passband </a:t>
            </a:r>
            <a:r>
              <a:rPr lang="sv-SE" sz="1900" dirty="0" err="1"/>
              <a:t>measurements</a:t>
            </a:r>
            <a:r>
              <a:rPr lang="sv-SE" sz="1900" dirty="0"/>
              <a:t>, </a:t>
            </a:r>
            <a:r>
              <a:rPr lang="sv-SE" sz="1900" dirty="0" err="1"/>
              <a:t>before</a:t>
            </a:r>
            <a:r>
              <a:rPr lang="sv-SE" sz="1900" dirty="0"/>
              <a:t> </a:t>
            </a:r>
            <a:r>
              <a:rPr lang="sv-SE" sz="1900" dirty="0" err="1"/>
              <a:t>tuning</a:t>
            </a:r>
            <a:endParaRPr lang="sv-SE" sz="1900" dirty="0"/>
          </a:p>
          <a:p>
            <a:pPr lvl="1"/>
            <a:r>
              <a:rPr lang="sv-SE" sz="1900" dirty="0" err="1"/>
              <a:t>Cavities</a:t>
            </a:r>
            <a:r>
              <a:rPr lang="sv-SE" sz="1900" dirty="0"/>
              <a:t> </a:t>
            </a:r>
            <a:r>
              <a:rPr lang="sv-SE" sz="1900" dirty="0" err="1"/>
              <a:t>slow</a:t>
            </a:r>
            <a:r>
              <a:rPr lang="sv-SE" sz="1900" dirty="0"/>
              <a:t> Tuners Test and </a:t>
            </a:r>
            <a:r>
              <a:rPr lang="sv-SE" sz="1900" dirty="0" err="1"/>
              <a:t>Cavities</a:t>
            </a:r>
            <a:r>
              <a:rPr lang="sv-SE" sz="1900" dirty="0"/>
              <a:t> </a:t>
            </a:r>
            <a:r>
              <a:rPr lang="sv-SE" sz="1900" dirty="0" err="1"/>
              <a:t>Tuning</a:t>
            </a:r>
            <a:endParaRPr lang="sv-SE" sz="1900" dirty="0"/>
          </a:p>
          <a:p>
            <a:pPr lvl="1"/>
            <a:r>
              <a:rPr lang="sv-SE" sz="1900" dirty="0"/>
              <a:t>2K passband </a:t>
            </a:r>
            <a:r>
              <a:rPr lang="sv-SE" sz="1900" dirty="0" err="1"/>
              <a:t>measurements</a:t>
            </a:r>
            <a:r>
              <a:rPr lang="sv-SE" sz="1900" dirty="0"/>
              <a:t>, </a:t>
            </a:r>
            <a:r>
              <a:rPr lang="sv-SE" sz="1900" dirty="0" err="1"/>
              <a:t>after</a:t>
            </a:r>
            <a:r>
              <a:rPr lang="sv-SE" sz="1900" dirty="0"/>
              <a:t> </a:t>
            </a:r>
            <a:r>
              <a:rPr lang="sv-SE" sz="1900" dirty="0" err="1"/>
              <a:t>tuning</a:t>
            </a:r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lvl="1"/>
            <a:endParaRPr lang="sv-SE" sz="1900" dirty="0"/>
          </a:p>
          <a:p>
            <a:pPr marL="342891" lvl="1" indent="0">
              <a:buNone/>
            </a:pPr>
            <a:endParaRPr lang="sv-SE" sz="1900" dirty="0"/>
          </a:p>
          <a:p>
            <a:pPr marL="342891" lvl="1" indent="0">
              <a:buNone/>
            </a:pPr>
            <a:endParaRPr lang="sv-SE" sz="1900" b="1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9579A1FC-B4E3-174A-B1AC-747834F5B5F9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r>
              <a:rPr lang="sv-SE" sz="1900" b="1" dirty="0" err="1"/>
              <a:t>Stable</a:t>
            </a:r>
            <a:r>
              <a:rPr lang="sv-SE" sz="1900" b="1" dirty="0"/>
              <a:t> </a:t>
            </a:r>
            <a:r>
              <a:rPr lang="sv-SE" sz="1900" b="1" dirty="0" err="1"/>
              <a:t>conditions</a:t>
            </a:r>
            <a:r>
              <a:rPr lang="sv-SE" sz="1900" b="1" dirty="0"/>
              <a:t> @2K </a:t>
            </a:r>
            <a:r>
              <a:rPr lang="sv-SE" sz="1900" b="1" u="sng" dirty="0" err="1"/>
              <a:t>starting</a:t>
            </a:r>
            <a:r>
              <a:rPr lang="sv-SE" sz="1900" b="1" dirty="0"/>
              <a:t> HP RF</a:t>
            </a:r>
          </a:p>
          <a:p>
            <a:pPr lvl="1"/>
            <a:r>
              <a:rPr lang="sv-SE" sz="1900" dirty="0"/>
              <a:t>Cold </a:t>
            </a:r>
            <a:r>
              <a:rPr lang="sv-SE" sz="1900" dirty="0" err="1"/>
              <a:t>coupler</a:t>
            </a:r>
            <a:r>
              <a:rPr lang="sv-SE" sz="1900" dirty="0"/>
              <a:t> </a:t>
            </a:r>
            <a:r>
              <a:rPr lang="sv-SE" sz="1900" b="1" dirty="0"/>
              <a:t>Conditioning</a:t>
            </a:r>
            <a:r>
              <a:rPr lang="sv-SE" sz="1900" dirty="0"/>
              <a:t> (off-</a:t>
            </a:r>
            <a:r>
              <a:rPr lang="sv-SE" sz="1900" dirty="0" err="1"/>
              <a:t>resonance</a:t>
            </a:r>
            <a:r>
              <a:rPr lang="sv-SE" sz="1900" dirty="0"/>
              <a:t>)</a:t>
            </a:r>
          </a:p>
          <a:p>
            <a:pPr lvl="1"/>
            <a:r>
              <a:rPr lang="sv-SE" sz="1900" dirty="0" err="1"/>
              <a:t>Open</a:t>
            </a:r>
            <a:r>
              <a:rPr lang="sv-SE" sz="1900" dirty="0"/>
              <a:t> loop operation at </a:t>
            </a:r>
            <a:r>
              <a:rPr lang="sv-SE" sz="1900" dirty="0" err="1"/>
              <a:t>low</a:t>
            </a:r>
            <a:r>
              <a:rPr lang="sv-SE" sz="1900" dirty="0"/>
              <a:t> forward </a:t>
            </a:r>
            <a:r>
              <a:rPr lang="sv-SE" sz="1900" dirty="0" err="1"/>
              <a:t>power</a:t>
            </a:r>
            <a:endParaRPr lang="sv-SE" sz="1900" dirty="0"/>
          </a:p>
          <a:p>
            <a:pPr lvl="1"/>
            <a:r>
              <a:rPr lang="sv-SE" sz="1900" dirty="0"/>
              <a:t>Fine </a:t>
            </a:r>
            <a:r>
              <a:rPr lang="sv-SE" sz="1900" dirty="0" err="1"/>
              <a:t>tuning</a:t>
            </a:r>
            <a:r>
              <a:rPr lang="sv-SE" sz="1900" dirty="0"/>
              <a:t> </a:t>
            </a:r>
            <a:r>
              <a:rPr lang="sv-SE" sz="1900" dirty="0" err="1"/>
              <a:t>with</a:t>
            </a:r>
            <a:r>
              <a:rPr lang="sv-SE" sz="1900" dirty="0"/>
              <a:t> Pt</a:t>
            </a:r>
          </a:p>
          <a:p>
            <a:pPr lvl="1"/>
            <a:r>
              <a:rPr lang="sv-SE" sz="1900" b="1" dirty="0" err="1"/>
              <a:t>Calibration</a:t>
            </a:r>
            <a:endParaRPr lang="sv-SE" sz="1900" b="1" dirty="0"/>
          </a:p>
          <a:p>
            <a:pPr lvl="1"/>
            <a:r>
              <a:rPr lang="sv-SE" sz="1900" dirty="0" err="1"/>
              <a:t>E</a:t>
            </a:r>
            <a:r>
              <a:rPr lang="sv-SE" sz="1900" baseline="-25000" dirty="0" err="1"/>
              <a:t>acc</a:t>
            </a:r>
            <a:r>
              <a:rPr lang="sv-SE" sz="1900" dirty="0"/>
              <a:t> ramp </a:t>
            </a:r>
            <a:r>
              <a:rPr lang="sv-SE" sz="1900" dirty="0" err="1"/>
              <a:t>up</a:t>
            </a:r>
            <a:r>
              <a:rPr lang="sv-SE" sz="1900" dirty="0"/>
              <a:t> (</a:t>
            </a:r>
            <a:r>
              <a:rPr lang="sv-SE" sz="1900" dirty="0" err="1"/>
              <a:t>cavities</a:t>
            </a:r>
            <a:r>
              <a:rPr lang="sv-SE" sz="1900" dirty="0"/>
              <a:t> on </a:t>
            </a:r>
            <a:r>
              <a:rPr lang="sv-SE" sz="1900" dirty="0" err="1"/>
              <a:t>resonance</a:t>
            </a:r>
            <a:r>
              <a:rPr lang="sv-SE" sz="1900" dirty="0"/>
              <a:t>)</a:t>
            </a:r>
          </a:p>
          <a:p>
            <a:pPr lvl="1"/>
            <a:r>
              <a:rPr lang="sv-SE" sz="1900" dirty="0" err="1"/>
              <a:t>Field</a:t>
            </a:r>
            <a:r>
              <a:rPr lang="sv-SE" sz="1900" dirty="0"/>
              <a:t> emission </a:t>
            </a:r>
            <a:r>
              <a:rPr lang="sv-SE" sz="1900" dirty="0" err="1"/>
              <a:t>measurements</a:t>
            </a:r>
            <a:r>
              <a:rPr lang="sv-SE" sz="1900" dirty="0"/>
              <a:t> (</a:t>
            </a:r>
            <a:r>
              <a:rPr lang="sv-SE" sz="1900" dirty="0" err="1"/>
              <a:t>dose</a:t>
            </a:r>
            <a:r>
              <a:rPr lang="sv-SE" sz="1900" dirty="0"/>
              <a:t> &amp; </a:t>
            </a:r>
            <a:r>
              <a:rPr lang="sv-SE" sz="1900" dirty="0" err="1"/>
              <a:t>energy</a:t>
            </a:r>
            <a:r>
              <a:rPr lang="sv-SE" sz="1900" dirty="0"/>
              <a:t> </a:t>
            </a:r>
            <a:r>
              <a:rPr lang="sv-SE" sz="1900" dirty="0" err="1"/>
              <a:t>spectrum</a:t>
            </a:r>
            <a:r>
              <a:rPr lang="sv-SE" sz="1900" dirty="0"/>
              <a:t>)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EFF923E-2115-F94A-981C-3455BBCA43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European Spallation Source ERIC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EEA3672-86FC-CD47-9B44-1057699B72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9</a:t>
            </a:fld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D774F3A-BD27-5149-BC2A-3AB8689FBD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Testing</a:t>
            </a:r>
            <a:r>
              <a:rPr lang="sv-SE" dirty="0"/>
              <a:t> at TS2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D033878-1CF3-3840-AD85-DB2FA40D9F1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Steady state test cycle: one CM/month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1E078B1-AA7B-1948-887A-6EC302900AF5}"/>
              </a:ext>
            </a:extLst>
          </p:cNvPr>
          <p:cNvSpPr txBox="1">
            <a:spLocks/>
          </p:cNvSpPr>
          <p:nvPr/>
        </p:nvSpPr>
        <p:spPr>
          <a:xfrm>
            <a:off x="1524000" y="4666230"/>
            <a:ext cx="8966200" cy="1886970"/>
          </a:xfrm>
          <a:prstGeom prst="rect">
            <a:avLst/>
          </a:prstGeom>
        </p:spPr>
        <p:txBody>
          <a:bodyPr vert="horz" lIns="120000" tIns="60960" rIns="121920" bIns="60960" rtlCol="0">
            <a:noAutofit/>
          </a:bodyPr>
          <a:lstStyle>
            <a:lvl1pPr marL="257175" indent="-257175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7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7910" indent="-160735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35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2938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125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00113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013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157288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14463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671638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928813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185988" indent="-128588" algn="l" defTabSz="51435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1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sv-SE" sz="2000" b="1" dirty="0"/>
              <a:t>Test </a:t>
            </a:r>
            <a:r>
              <a:rPr lang="sv-SE" sz="2000" b="1" dirty="0" err="1"/>
              <a:t>goals</a:t>
            </a:r>
            <a:endParaRPr lang="sv-SE" sz="2000" b="1" dirty="0"/>
          </a:p>
          <a:p>
            <a:pPr lvl="1"/>
            <a:r>
              <a:rPr lang="sv-SE" sz="2000" b="1" dirty="0" err="1">
                <a:solidFill>
                  <a:srgbClr val="FF0000"/>
                </a:solidFill>
              </a:rPr>
              <a:t>Performance</a:t>
            </a:r>
            <a:r>
              <a:rPr lang="sv-SE" sz="2000" b="1" dirty="0"/>
              <a:t> </a:t>
            </a:r>
            <a:r>
              <a:rPr lang="sv-SE" sz="2000" dirty="0" err="1"/>
              <a:t>assessment</a:t>
            </a:r>
            <a:r>
              <a:rPr lang="sv-SE" sz="2000" dirty="0"/>
              <a:t> (</a:t>
            </a:r>
            <a:r>
              <a:rPr lang="sv-SE" sz="2000" dirty="0" err="1"/>
              <a:t>specs</a:t>
            </a:r>
            <a:r>
              <a:rPr lang="sv-SE" sz="2000" dirty="0"/>
              <a:t> fulfilled?)</a:t>
            </a:r>
            <a:endParaRPr lang="sv-SE" sz="2000" b="1" dirty="0">
              <a:solidFill>
                <a:srgbClr val="FF0000"/>
              </a:solidFill>
            </a:endParaRPr>
          </a:p>
          <a:p>
            <a:pPr lvl="1"/>
            <a:r>
              <a:rPr lang="sv-SE" sz="2000" b="1" dirty="0" err="1">
                <a:solidFill>
                  <a:srgbClr val="FF0000"/>
                </a:solidFill>
              </a:rPr>
              <a:t>Limiting</a:t>
            </a:r>
            <a:r>
              <a:rPr lang="sv-SE" sz="2000" dirty="0"/>
              <a:t> </a:t>
            </a:r>
            <a:r>
              <a:rPr lang="sv-SE" sz="2000" dirty="0" err="1"/>
              <a:t>mechanisms</a:t>
            </a:r>
            <a:r>
              <a:rPr lang="sv-SE" sz="2000" dirty="0"/>
              <a:t> (</a:t>
            </a:r>
            <a:r>
              <a:rPr lang="sv-SE" sz="2000" dirty="0" err="1"/>
              <a:t>quench</a:t>
            </a:r>
            <a:r>
              <a:rPr lang="sv-SE" sz="2000" dirty="0"/>
              <a:t>, FE, Power limitations)</a:t>
            </a:r>
          </a:p>
          <a:p>
            <a:pPr lvl="1"/>
            <a:r>
              <a:rPr lang="sv-SE" sz="2000" b="1" dirty="0" err="1">
                <a:solidFill>
                  <a:srgbClr val="FF0000"/>
                </a:solidFill>
              </a:rPr>
              <a:t>Comparison</a:t>
            </a:r>
            <a:r>
              <a:rPr lang="sv-SE" sz="2000" dirty="0"/>
              <a:t>/</a:t>
            </a:r>
            <a:r>
              <a:rPr lang="sv-SE" sz="2000" dirty="0" err="1"/>
              <a:t>correlation</a:t>
            </a:r>
            <a:r>
              <a:rPr lang="sv-SE" sz="2000" dirty="0"/>
              <a:t> </a:t>
            </a:r>
            <a:r>
              <a:rPr lang="sv-SE" sz="2000" dirty="0" err="1"/>
              <a:t>wrt</a:t>
            </a:r>
            <a:r>
              <a:rPr lang="sv-SE" sz="2000" dirty="0"/>
              <a:t> VT </a:t>
            </a:r>
            <a:r>
              <a:rPr lang="sv-SE" sz="2000" dirty="0" err="1"/>
              <a:t>results</a:t>
            </a:r>
            <a:r>
              <a:rPr lang="sv-SE" sz="2000" dirty="0"/>
              <a:t> (and </a:t>
            </a:r>
            <a:r>
              <a:rPr lang="sv-SE" sz="2000" dirty="0" err="1"/>
              <a:t>cryomodule</a:t>
            </a:r>
            <a:r>
              <a:rPr lang="sv-SE" sz="2000" dirty="0"/>
              <a:t> </a:t>
            </a:r>
            <a:r>
              <a:rPr lang="sv-SE" sz="2000" dirty="0" err="1"/>
              <a:t>results</a:t>
            </a:r>
            <a:r>
              <a:rPr lang="sv-SE" sz="2000" dirty="0"/>
              <a:t>, </a:t>
            </a:r>
            <a:r>
              <a:rPr lang="sv-SE" sz="2000" dirty="0" err="1"/>
              <a:t>where</a:t>
            </a:r>
            <a:r>
              <a:rPr lang="sv-SE" sz="2000" dirty="0"/>
              <a:t> </a:t>
            </a:r>
            <a:r>
              <a:rPr lang="sv-SE" sz="2000" dirty="0" err="1"/>
              <a:t>possible</a:t>
            </a:r>
            <a:r>
              <a:rPr lang="sv-SE" sz="2000" dirty="0"/>
              <a:t>)</a:t>
            </a:r>
          </a:p>
          <a:p>
            <a:pPr lvl="1"/>
            <a:r>
              <a:rPr lang="sv-SE" sz="2000" b="1" dirty="0">
                <a:solidFill>
                  <a:srgbClr val="FF0000"/>
                </a:solidFill>
              </a:rPr>
              <a:t>Store</a:t>
            </a:r>
            <a:r>
              <a:rPr lang="sv-SE" sz="2000" dirty="0"/>
              <a:t> data for </a:t>
            </a:r>
            <a:r>
              <a:rPr lang="sv-SE" sz="2000" dirty="0" err="1"/>
              <a:t>future</a:t>
            </a:r>
            <a:r>
              <a:rPr lang="sv-SE" sz="2000" dirty="0"/>
              <a:t> </a:t>
            </a:r>
            <a:r>
              <a:rPr lang="sv-SE" sz="2000" dirty="0" err="1"/>
              <a:t>Linac</a:t>
            </a:r>
            <a:r>
              <a:rPr lang="sv-SE" sz="2000" dirty="0"/>
              <a:t> operations (degradation, perf. </a:t>
            </a:r>
            <a:r>
              <a:rPr lang="sv-SE" sz="2000" dirty="0" err="1"/>
              <a:t>recovery</a:t>
            </a:r>
            <a:r>
              <a:rPr lang="sv-SE" sz="2000" dirty="0"/>
              <a:t>)</a:t>
            </a:r>
          </a:p>
          <a:p>
            <a:pPr marL="342891" lvl="1" indent="0">
              <a:buNone/>
            </a:pPr>
            <a:endParaRPr lang="sv-SE" sz="2000" dirty="0"/>
          </a:p>
          <a:p>
            <a:pPr lvl="1"/>
            <a:endParaRPr lang="sv-SE" sz="2000" dirty="0"/>
          </a:p>
          <a:p>
            <a:pPr lvl="1"/>
            <a:endParaRPr lang="sv-SE" sz="2000" dirty="0"/>
          </a:p>
          <a:p>
            <a:pPr lvl="1"/>
            <a:endParaRPr lang="sv-SE" sz="2000" dirty="0"/>
          </a:p>
          <a:p>
            <a:pPr marL="342891" lvl="1" indent="0">
              <a:buNone/>
            </a:pPr>
            <a:endParaRPr lang="sv-SE" sz="2000" dirty="0"/>
          </a:p>
          <a:p>
            <a:pPr lvl="1"/>
            <a:endParaRPr lang="sv-SE" sz="2000" dirty="0"/>
          </a:p>
          <a:p>
            <a:pPr lvl="1"/>
            <a:endParaRPr lang="sv-SE" sz="2000" dirty="0"/>
          </a:p>
          <a:p>
            <a:pPr lvl="1"/>
            <a:endParaRPr lang="sv-SE" sz="2000" dirty="0"/>
          </a:p>
          <a:p>
            <a:pPr lvl="1"/>
            <a:endParaRPr lang="sv-SE" sz="2000" dirty="0"/>
          </a:p>
          <a:p>
            <a:pPr marL="342891" lvl="1" indent="0">
              <a:buNone/>
            </a:pPr>
            <a:endParaRPr lang="sv-SE" sz="2000" dirty="0"/>
          </a:p>
          <a:p>
            <a:pPr marL="342891" lvl="1" indent="0">
              <a:buNone/>
            </a:pPr>
            <a:endParaRPr lang="sv-SE" sz="2000" b="1" dirty="0"/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7BBAF1D9-06CA-A34E-B831-76AD3A3C2361}"/>
              </a:ext>
            </a:extLst>
          </p:cNvPr>
          <p:cNvSpPr/>
          <p:nvPr/>
        </p:nvSpPr>
        <p:spPr>
          <a:xfrm>
            <a:off x="673100" y="4706340"/>
            <a:ext cx="10668000" cy="1806750"/>
          </a:xfrm>
          <a:prstGeom prst="round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400"/>
          </a:p>
        </p:txBody>
      </p:sp>
    </p:spTree>
    <p:extLst>
      <p:ext uri="{BB962C8B-B14F-4D97-AF65-F5344CB8AC3E}">
        <p14:creationId xmlns:p14="http://schemas.microsoft.com/office/powerpoint/2010/main" val="2811252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C9C325-610D-324D-8146-5096D7F05C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Outlin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C6096E-75C1-3345-856A-7A12474277E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ESS Intro </a:t>
            </a:r>
          </a:p>
          <a:p>
            <a:pPr lvl="1"/>
            <a:r>
              <a:rPr lang="en-US" dirty="0"/>
              <a:t>From construction to operation in a (former) ”green-field” organization</a:t>
            </a:r>
          </a:p>
          <a:p>
            <a:r>
              <a:rPr lang="en-US" dirty="0"/>
              <a:t>High Level Accelerator Milestones</a:t>
            </a:r>
          </a:p>
          <a:p>
            <a:r>
              <a:rPr lang="en-US" dirty="0"/>
              <a:t>SRF Activities at ESS</a:t>
            </a:r>
          </a:p>
          <a:p>
            <a:pPr lvl="1"/>
            <a:r>
              <a:rPr lang="en-US" dirty="0"/>
              <a:t>Elliptical test stand preparation</a:t>
            </a:r>
          </a:p>
          <a:p>
            <a:pPr lvl="1"/>
            <a:r>
              <a:rPr lang="en-US" dirty="0"/>
              <a:t>Incoming cryomodule reception</a:t>
            </a:r>
          </a:p>
          <a:p>
            <a:pPr lvl="1"/>
            <a:r>
              <a:rPr lang="en-US" dirty="0"/>
              <a:t>(Preparation of) testing</a:t>
            </a:r>
          </a:p>
          <a:p>
            <a:r>
              <a:rPr lang="en-US" dirty="0"/>
              <a:t>Status of SRF infrastructure</a:t>
            </a:r>
          </a:p>
          <a:p>
            <a:pPr lvl="1"/>
            <a:r>
              <a:rPr lang="en-US" dirty="0"/>
              <a:t>Tunnel installations</a:t>
            </a:r>
          </a:p>
          <a:p>
            <a:pPr lvl="1"/>
            <a:r>
              <a:rPr lang="en-US" dirty="0"/>
              <a:t>Power RF installation activities in the service gallery</a:t>
            </a:r>
          </a:p>
          <a:p>
            <a:pPr lvl="1"/>
            <a:r>
              <a:rPr lang="en-US" dirty="0" err="1"/>
              <a:t>Cryoplants</a:t>
            </a:r>
            <a:r>
              <a:rPr lang="en-US" dirty="0"/>
              <a:t> status</a:t>
            </a:r>
          </a:p>
          <a:p>
            <a:r>
              <a:rPr lang="en-US"/>
              <a:t>Summary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60877B4-5CDE-9D46-A8C3-C11C2140B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E893F6BB-DAA2-3343-B541-251BF94DEEE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67724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9970F26-14C7-054C-8666-09F6C4D136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657101E-0F41-2443-8F65-0C42A987CA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20, concurrent SPK/MB ELL Component installatio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575AE7F-5944-3541-9625-0B6057F3DA4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1E7F2A7-C406-254A-ADB6-60B29EBAB9A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76845"/>
            <a:ext cx="12192000" cy="578115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F8723FB0-85A4-B44F-9E57-A415D26BA7E8}"/>
              </a:ext>
            </a:extLst>
          </p:cNvPr>
          <p:cNvSpPr txBox="1"/>
          <p:nvPr/>
        </p:nvSpPr>
        <p:spPr>
          <a:xfrm>
            <a:off x="2641601" y="1269921"/>
            <a:ext cx="1637287" cy="533544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667" dirty="0"/>
              <a:t>13 Spok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D9458EF-D75E-F64F-93F7-8B9D8104FEA7}"/>
              </a:ext>
            </a:extLst>
          </p:cNvPr>
          <p:cNvSpPr txBox="1"/>
          <p:nvPr/>
        </p:nvSpPr>
        <p:spPr>
          <a:xfrm>
            <a:off x="4903401" y="1269920"/>
            <a:ext cx="1637287" cy="533544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l"/>
            <a:r>
              <a:rPr lang="en-US" sz="2667" dirty="0"/>
              <a:t>9 MB ELL</a:t>
            </a:r>
          </a:p>
        </p:txBody>
      </p:sp>
    </p:spTree>
    <p:extLst>
      <p:ext uri="{BB962C8B-B14F-4D97-AF65-F5344CB8AC3E}">
        <p14:creationId xmlns:p14="http://schemas.microsoft.com/office/powerpoint/2010/main" val="68222147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CE1A5CD-F49D-DF48-BBCF-B914E7B3FB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21</a:t>
            </a:fld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0D52AF8-D9A5-3340-B1D3-3A098B00B5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oke section gallery preparation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C094433E-FE12-DF42-B738-8F14532C093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CEEBBAF-BDB5-F942-A19D-B5DE4A4BC39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800000">
            <a:off x="-152400" y="1465553"/>
            <a:ext cx="12192000" cy="5469670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6FBF5D04-96C5-8540-9D0C-FAE2DBD50FF8}"/>
              </a:ext>
            </a:extLst>
          </p:cNvPr>
          <p:cNvSpPr/>
          <p:nvPr/>
        </p:nvSpPr>
        <p:spPr>
          <a:xfrm>
            <a:off x="7467600" y="2876201"/>
            <a:ext cx="16510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Waveguide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D609A2B-7B90-B448-9CE3-D21B04FE835D}"/>
              </a:ext>
            </a:extLst>
          </p:cNvPr>
          <p:cNvSpPr/>
          <p:nvPr/>
        </p:nvSpPr>
        <p:spPr>
          <a:xfrm>
            <a:off x="1447800" y="4686300"/>
            <a:ext cx="13716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Manifold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15C169A-CD4C-0148-8B12-3E7CB5286058}"/>
              </a:ext>
            </a:extLst>
          </p:cNvPr>
          <p:cNvSpPr/>
          <p:nvPr/>
        </p:nvSpPr>
        <p:spPr>
          <a:xfrm rot="20822827">
            <a:off x="0" y="2514600"/>
            <a:ext cx="2378087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Cable trays for racks 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60059A2-3391-F04E-A565-95722867DFFA}"/>
              </a:ext>
            </a:extLst>
          </p:cNvPr>
          <p:cNvSpPr/>
          <p:nvPr/>
        </p:nvSpPr>
        <p:spPr>
          <a:xfrm rot="1501260">
            <a:off x="5638800" y="1751410"/>
            <a:ext cx="25146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support structure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359B39DA-D859-DB43-840E-61A6858BEA3A}"/>
              </a:ext>
            </a:extLst>
          </p:cNvPr>
          <p:cNvSpPr/>
          <p:nvPr/>
        </p:nvSpPr>
        <p:spPr>
          <a:xfrm>
            <a:off x="4380936" y="4200388"/>
            <a:ext cx="990600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Loads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3F320EEA-2154-D546-A0EB-044A6E875199}"/>
              </a:ext>
            </a:extLst>
          </p:cNvPr>
          <p:cNvSpPr/>
          <p:nvPr/>
        </p:nvSpPr>
        <p:spPr>
          <a:xfrm>
            <a:off x="4178160" y="3041113"/>
            <a:ext cx="136501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b="1" dirty="0">
                <a:solidFill>
                  <a:schemeClr val="bg1"/>
                </a:solidFill>
              </a:rPr>
              <a:t>Circulators</a:t>
            </a:r>
          </a:p>
        </p:txBody>
      </p:sp>
    </p:spTree>
    <p:extLst>
      <p:ext uri="{BB962C8B-B14F-4D97-AF65-F5344CB8AC3E}">
        <p14:creationId xmlns:p14="http://schemas.microsoft.com/office/powerpoint/2010/main" val="384396617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5F1F94-8E0A-7441-957C-85F5FB7849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livery of MB Klystron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1951DCF-5775-E748-8875-C420B4166E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MOFAA4, SRF19, Dresden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55DF6E3-9463-5E4B-A7B6-CC0A416E5C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22</a:t>
            </a:fld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6A382F1-0DED-F24E-B651-4D4C3D6F273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Half of production stored in gallery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A2FFE7F-BF04-654E-84FF-ABAA3A9258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Paolo Pierini, 1/7/2019</a:t>
            </a:r>
            <a:endParaRPr lang="en-US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585142AE-6C4F-4E47-A9B8-AFB6422137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</a:t>
            </a:r>
          </a:p>
        </p:txBody>
      </p:sp>
      <p:pic>
        <p:nvPicPr>
          <p:cNvPr id="11" name="Content Placeholder 8">
            <a:extLst>
              <a:ext uri="{FF2B5EF4-FFF2-40B4-BE49-F238E27FC236}">
                <a16:creationId xmlns:a16="http://schemas.microsoft.com/office/drawing/2014/main" id="{DD5D2DF8-772A-2A45-A775-15B45F080279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3922713" y="2324497"/>
            <a:ext cx="4346575" cy="3259931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9B0D51D-0F92-DB47-8A2C-5729CE8BE31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800000">
            <a:off x="6934196" y="1441938"/>
            <a:ext cx="5257803" cy="54102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9DD4ACD5-0313-3149-B5E9-06A01CB26BD9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0800000">
            <a:off x="-1" y="1441938"/>
            <a:ext cx="7221415" cy="5416061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35040976-8AF4-F84B-898C-7E5C499DF1DB}"/>
              </a:ext>
            </a:extLst>
          </p:cNvPr>
          <p:cNvSpPr txBox="1"/>
          <p:nvPr/>
        </p:nvSpPr>
        <p:spPr>
          <a:xfrm>
            <a:off x="7234967" y="6522407"/>
            <a:ext cx="2166940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/>
                </a:solidFill>
              </a:rPr>
              <a:t>A. </a:t>
            </a:r>
            <a:r>
              <a:rPr lang="en-US" sz="1400" dirty="0" err="1">
                <a:solidFill>
                  <a:schemeClr val="bg1"/>
                </a:solidFill>
              </a:rPr>
              <a:t>Sunesson</a:t>
            </a:r>
            <a:r>
              <a:rPr lang="en-US" sz="1400" dirty="0">
                <a:solidFill>
                  <a:schemeClr val="bg1"/>
                </a:solidFill>
              </a:rPr>
              <a:t>/</a:t>
            </a:r>
            <a:r>
              <a:rPr lang="en-US" sz="1400" dirty="0" err="1">
                <a:solidFill>
                  <a:schemeClr val="bg1"/>
                </a:solidFill>
              </a:rPr>
              <a:t>M.Jensen</a:t>
            </a:r>
            <a:r>
              <a:rPr lang="en-US" sz="1400" dirty="0">
                <a:solidFill>
                  <a:schemeClr val="bg1"/>
                </a:solidFill>
              </a:rPr>
              <a:t>, ESS</a:t>
            </a:r>
          </a:p>
        </p:txBody>
      </p:sp>
    </p:spTree>
    <p:extLst>
      <p:ext uri="{BB962C8B-B14F-4D97-AF65-F5344CB8AC3E}">
        <p14:creationId xmlns:p14="http://schemas.microsoft.com/office/powerpoint/2010/main" val="292413856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E532A-B38D-1D45-9DEA-F787098693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ubs, gallery sid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F323914-F233-9C4B-A85E-2050D01981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23</a:t>
            </a:fld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2CF4E3E-6854-E84E-9EA9-04B6D8BCD87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CC32783-4651-9045-ABAA-1B52E0C47CA2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-89124" y="2821477"/>
            <a:ext cx="4156636" cy="3264408"/>
          </a:xfrm>
          <a:prstGeom prst="rect">
            <a:avLst/>
          </a:prstGeom>
        </p:spPr>
      </p:pic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F957742-FA1F-D841-9292-200E068CE14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lose to completion, for the start of the cable pulling operations</a:t>
            </a:r>
          </a:p>
        </p:txBody>
      </p:sp>
      <p:pic>
        <p:nvPicPr>
          <p:cNvPr id="12" name="Content Placeholder 9">
            <a:extLst>
              <a:ext uri="{FF2B5EF4-FFF2-40B4-BE49-F238E27FC236}">
                <a16:creationId xmlns:a16="http://schemas.microsoft.com/office/drawing/2014/main" id="{43D62DAE-4DBC-5E4F-A8E1-0E7BC5689B5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3973922" y="2686880"/>
            <a:ext cx="4169797" cy="352044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358774E3-81C1-104B-8025-DA88D4074F35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8050130" y="2808314"/>
            <a:ext cx="4156636" cy="3264408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77EEBDBB-A8CC-8748-977A-26AE63506E20}"/>
              </a:ext>
            </a:extLst>
          </p:cNvPr>
          <p:cNvSpPr txBox="1"/>
          <p:nvPr/>
        </p:nvSpPr>
        <p:spPr>
          <a:xfrm>
            <a:off x="1662691" y="6020163"/>
            <a:ext cx="1199804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/>
              <a:t>Spoke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7C62CDA-5206-0246-B6F6-B5B9C102EDB1}"/>
              </a:ext>
            </a:extLst>
          </p:cNvPr>
          <p:cNvSpPr txBox="1"/>
          <p:nvPr/>
        </p:nvSpPr>
        <p:spPr>
          <a:xfrm>
            <a:off x="5241167" y="6021363"/>
            <a:ext cx="177800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/>
              <a:t>Transition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DDFEDF51-ADC1-A24B-AA22-C8112E0C88D6}"/>
              </a:ext>
            </a:extLst>
          </p:cNvPr>
          <p:cNvSpPr txBox="1"/>
          <p:nvPr/>
        </p:nvSpPr>
        <p:spPr>
          <a:xfrm>
            <a:off x="9271000" y="6006786"/>
            <a:ext cx="177800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/>
              <a:t>Elliptical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23693B36-F92B-FB4E-9DE3-BD1738CF3706}"/>
              </a:ext>
            </a:extLst>
          </p:cNvPr>
          <p:cNvSpPr txBox="1"/>
          <p:nvPr/>
        </p:nvSpPr>
        <p:spPr>
          <a:xfrm>
            <a:off x="4250174" y="2596658"/>
            <a:ext cx="2455426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Cable conduits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1BC45615-5246-9746-9B9F-F3C60633EB97}"/>
              </a:ext>
            </a:extLst>
          </p:cNvPr>
          <p:cNvCxnSpPr/>
          <p:nvPr/>
        </p:nvCxnSpPr>
        <p:spPr>
          <a:xfrm>
            <a:off x="5486400" y="3124200"/>
            <a:ext cx="76200" cy="457200"/>
          </a:xfrm>
          <a:prstGeom prst="straightConnector1">
            <a:avLst/>
          </a:prstGeom>
          <a:ln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35EC5288-F413-DA47-8671-1E531B0A7BC7}"/>
              </a:ext>
            </a:extLst>
          </p:cNvPr>
          <p:cNvSpPr txBox="1"/>
          <p:nvPr/>
        </p:nvSpPr>
        <p:spPr>
          <a:xfrm>
            <a:off x="1288752" y="5451960"/>
            <a:ext cx="1911648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/>
              <a:t>WR2300HH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5BAE7DB1-2EDD-1C49-B93F-0A38A98A3B33}"/>
              </a:ext>
            </a:extLst>
          </p:cNvPr>
          <p:cNvSpPr txBox="1"/>
          <p:nvPr/>
        </p:nvSpPr>
        <p:spPr>
          <a:xfrm>
            <a:off x="9349972" y="5470659"/>
            <a:ext cx="1911648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/>
              <a:t>WR1150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A013B860-27BC-FD4E-8E2A-24BE11480A42}"/>
              </a:ext>
            </a:extLst>
          </p:cNvPr>
          <p:cNvSpPr txBox="1"/>
          <p:nvPr/>
        </p:nvSpPr>
        <p:spPr>
          <a:xfrm>
            <a:off x="9906000" y="1969638"/>
            <a:ext cx="2166940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A. </a:t>
            </a:r>
            <a:r>
              <a:rPr lang="en-US" sz="1400" dirty="0" err="1">
                <a:solidFill>
                  <a:schemeClr val="bg1">
                    <a:lumMod val="50000"/>
                  </a:schemeClr>
                </a:solidFill>
              </a:rPr>
              <a:t>Sunesson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/</a:t>
            </a:r>
            <a:r>
              <a:rPr lang="en-US" sz="1400" dirty="0" err="1">
                <a:solidFill>
                  <a:schemeClr val="bg1">
                    <a:lumMod val="50000"/>
                  </a:schemeClr>
                </a:solidFill>
              </a:rPr>
              <a:t>M.Jensen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, ESS</a:t>
            </a:r>
          </a:p>
        </p:txBody>
      </p:sp>
    </p:spTree>
    <p:extLst>
      <p:ext uri="{BB962C8B-B14F-4D97-AF65-F5344CB8AC3E}">
        <p14:creationId xmlns:p14="http://schemas.microsoft.com/office/powerpoint/2010/main" val="2394897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12BE1A6-01AF-F142-9A77-E0C4C28F31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24</a:t>
            </a:fld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9894186-BA12-8D47-9F2A-2C325A0B11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tubs, tunnel side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5AE9BBF-0D08-9542-8B23-13AC117A0A0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Installation of tunnel components of RFDS before VB component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A11C9A8-5226-2045-A10F-15209171C1D2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1742961"/>
            <a:ext cx="5943073" cy="451484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300AA5E-D90A-B340-8158-ECC57E4377B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43073" y="1742960"/>
            <a:ext cx="6248927" cy="4514849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DEC7D598-342C-FC47-A774-AA3DB98057E4}"/>
              </a:ext>
            </a:extLst>
          </p:cNvPr>
          <p:cNvSpPr txBox="1"/>
          <p:nvPr/>
        </p:nvSpPr>
        <p:spPr>
          <a:xfrm>
            <a:off x="457200" y="3886200"/>
            <a:ext cx="152400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 err="1">
                <a:solidFill>
                  <a:schemeClr val="bg1"/>
                </a:solidFill>
              </a:rPr>
              <a:t>Cryoline</a:t>
            </a:r>
            <a:endParaRPr lang="en-US" sz="2133" dirty="0">
              <a:solidFill>
                <a:schemeClr val="bg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FA3A2B0-02C8-6E41-926A-D892CAA6FE7E}"/>
              </a:ext>
            </a:extLst>
          </p:cNvPr>
          <p:cNvSpPr txBox="1"/>
          <p:nvPr/>
        </p:nvSpPr>
        <p:spPr>
          <a:xfrm>
            <a:off x="2076954" y="3886200"/>
            <a:ext cx="1524000" cy="1107804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RFDS </a:t>
            </a:r>
            <a:br>
              <a:rPr lang="en-US" sz="2133" dirty="0">
                <a:solidFill>
                  <a:schemeClr val="bg1"/>
                </a:solidFill>
              </a:rPr>
            </a:br>
            <a:r>
              <a:rPr lang="en-US" sz="2133" dirty="0">
                <a:solidFill>
                  <a:schemeClr val="bg1"/>
                </a:solidFill>
              </a:rPr>
              <a:t>for 2 </a:t>
            </a:r>
            <a:br>
              <a:rPr lang="en-US" sz="2133" dirty="0">
                <a:solidFill>
                  <a:schemeClr val="bg1"/>
                </a:solidFill>
              </a:rPr>
            </a:br>
            <a:r>
              <a:rPr lang="en-US" sz="2133" dirty="0">
                <a:solidFill>
                  <a:schemeClr val="bg1"/>
                </a:solidFill>
              </a:rPr>
              <a:t>module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5550041-CB72-6841-8495-B8D1F59167AF}"/>
              </a:ext>
            </a:extLst>
          </p:cNvPr>
          <p:cNvSpPr txBox="1"/>
          <p:nvPr/>
        </p:nvSpPr>
        <p:spPr>
          <a:xfrm>
            <a:off x="10025060" y="6201684"/>
            <a:ext cx="2166940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A. </a:t>
            </a:r>
            <a:r>
              <a:rPr lang="en-US" sz="1400" dirty="0" err="1">
                <a:solidFill>
                  <a:schemeClr val="bg1">
                    <a:lumMod val="50000"/>
                  </a:schemeClr>
                </a:solidFill>
              </a:rPr>
              <a:t>Sunesson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/</a:t>
            </a:r>
            <a:r>
              <a:rPr lang="en-US" sz="1400" dirty="0" err="1">
                <a:solidFill>
                  <a:schemeClr val="bg1">
                    <a:lumMod val="50000"/>
                  </a:schemeClr>
                </a:solidFill>
              </a:rPr>
              <a:t>M.Jensen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, ESS</a:t>
            </a:r>
          </a:p>
        </p:txBody>
      </p:sp>
    </p:spTree>
    <p:extLst>
      <p:ext uri="{BB962C8B-B14F-4D97-AF65-F5344CB8AC3E}">
        <p14:creationId xmlns:p14="http://schemas.microsoft.com/office/powerpoint/2010/main" val="328645956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BD411CE-080F-4745-B4FD-BCF507ED3C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Paolo Pierini, 1/7/2019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908226-05E5-084A-9D0D-7091D715CA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MOFAA4, SRF19, Dresden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7B3FB1-D355-7048-97D3-BD11718498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25</a:t>
            </a:fld>
            <a:endParaRPr lang="en-US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866FA3A-6410-0148-8D82-DB584036DA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unnel: Cryomodule Dummies (and Soon Warm Units)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BD2648B-4552-DB4B-BE61-0871599BA03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In the accelerator “contingency” space (reserved for upgrades)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31B7E4C-8AA4-C14C-88B9-9EA70DE2FE8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388330"/>
            <a:ext cx="12192000" cy="546967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6423BC0F-4F70-E74C-841A-40A14D97FA24}"/>
              </a:ext>
            </a:extLst>
          </p:cNvPr>
          <p:cNvSpPr txBox="1"/>
          <p:nvPr/>
        </p:nvSpPr>
        <p:spPr>
          <a:xfrm>
            <a:off x="3845024" y="2474197"/>
            <a:ext cx="1524000" cy="77957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To the</a:t>
            </a:r>
            <a:br>
              <a:rPr lang="en-US" sz="2133" dirty="0">
                <a:solidFill>
                  <a:schemeClr val="bg1"/>
                </a:solidFill>
              </a:rPr>
            </a:br>
            <a:r>
              <a:rPr lang="en-US" sz="2133" dirty="0">
                <a:solidFill>
                  <a:schemeClr val="bg1"/>
                </a:solidFill>
              </a:rPr>
              <a:t>Dump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A55A4045-FCEF-5C40-B28B-422A524166BF}"/>
              </a:ext>
            </a:extLst>
          </p:cNvPr>
          <p:cNvCxnSpPr/>
          <p:nvPr/>
        </p:nvCxnSpPr>
        <p:spPr>
          <a:xfrm>
            <a:off x="4419600" y="3253769"/>
            <a:ext cx="0" cy="457200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4CC6A1EE-BAFA-7D4D-9404-C1A8245C4969}"/>
              </a:ext>
            </a:extLst>
          </p:cNvPr>
          <p:cNvSpPr txBox="1"/>
          <p:nvPr/>
        </p:nvSpPr>
        <p:spPr>
          <a:xfrm>
            <a:off x="1638300" y="6367119"/>
            <a:ext cx="449580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>
                <a:solidFill>
                  <a:schemeClr val="bg1"/>
                </a:solidFill>
              </a:rPr>
              <a:t>Same flange to flange length of CM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6C308CE9-E2DA-9941-9678-172BD51DE7D9}"/>
              </a:ext>
            </a:extLst>
          </p:cNvPr>
          <p:cNvCxnSpPr>
            <a:cxnSpLocks/>
          </p:cNvCxnSpPr>
          <p:nvPr/>
        </p:nvCxnSpPr>
        <p:spPr>
          <a:xfrm flipV="1">
            <a:off x="5715000" y="4339636"/>
            <a:ext cx="1149350" cy="2113701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B8670908-36EF-5244-AE09-175C95B3C377}"/>
              </a:ext>
            </a:extLst>
          </p:cNvPr>
          <p:cNvSpPr txBox="1"/>
          <p:nvPr/>
        </p:nvSpPr>
        <p:spPr>
          <a:xfrm>
            <a:off x="6867630" y="3818690"/>
            <a:ext cx="2825750" cy="451342"/>
          </a:xfrm>
          <a:prstGeom prst="rect">
            <a:avLst/>
          </a:prstGeom>
        </p:spPr>
        <p:txBody>
          <a:bodyPr vert="horz" wrap="square" lIns="121920" tIns="60960" rIns="121920" bIns="60960" rtlCol="0" anchor="t">
            <a:spAutoFit/>
          </a:bodyPr>
          <a:lstStyle/>
          <a:p>
            <a:pPr algn="ctr"/>
            <a:r>
              <a:rPr lang="en-US" sz="2133" dirty="0" err="1">
                <a:solidFill>
                  <a:schemeClr val="bg1"/>
                </a:solidFill>
              </a:rPr>
              <a:t>Linac</a:t>
            </a:r>
            <a:r>
              <a:rPr lang="en-US" sz="2133" dirty="0">
                <a:solidFill>
                  <a:schemeClr val="bg1"/>
                </a:solidFill>
              </a:rPr>
              <a:t> Warm Units here</a:t>
            </a: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8AA9BC84-5357-0641-8FB0-A96A02366519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76788" y="2075803"/>
            <a:ext cx="4610100" cy="3886200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D47F6FD2-590B-C143-9652-BE425AE3AFE8}"/>
              </a:ext>
            </a:extLst>
          </p:cNvPr>
          <p:cNvSpPr txBox="1"/>
          <p:nvPr/>
        </p:nvSpPr>
        <p:spPr>
          <a:xfrm>
            <a:off x="10152464" y="6413797"/>
            <a:ext cx="1639423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/>
                </a:solidFill>
              </a:rPr>
              <a:t>M. </a:t>
            </a:r>
            <a:r>
              <a:rPr lang="en-US" sz="1400" dirty="0" err="1">
                <a:solidFill>
                  <a:schemeClr val="bg1"/>
                </a:solidFill>
              </a:rPr>
              <a:t>Juni</a:t>
            </a:r>
            <a:r>
              <a:rPr lang="en-US" sz="1400" dirty="0">
                <a:solidFill>
                  <a:schemeClr val="bg1"/>
                </a:solidFill>
              </a:rPr>
              <a:t> Ferreira/ESS</a:t>
            </a:r>
          </a:p>
        </p:txBody>
      </p:sp>
    </p:spTree>
    <p:extLst>
      <p:ext uri="{BB962C8B-B14F-4D97-AF65-F5344CB8AC3E}">
        <p14:creationId xmlns:p14="http://schemas.microsoft.com/office/powerpoint/2010/main" val="34927454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E64E32-483A-CB43-9604-9AF025E2CE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yogenics for the </a:t>
            </a:r>
            <a:r>
              <a:rPr lang="en-US" dirty="0" err="1"/>
              <a:t>Linac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DAB0D7-120A-5243-9F4D-E24FF219CE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CCP (</a:t>
            </a:r>
            <a:r>
              <a:rPr lang="en-US" dirty="0" err="1"/>
              <a:t>ACcelerator</a:t>
            </a:r>
            <a:r>
              <a:rPr lang="en-US" dirty="0"/>
              <a:t> </a:t>
            </a:r>
            <a:r>
              <a:rPr lang="en-US" dirty="0" err="1"/>
              <a:t>CryoPlant</a:t>
            </a:r>
            <a:r>
              <a:rPr lang="en-US" dirty="0"/>
              <a:t>)</a:t>
            </a:r>
          </a:p>
          <a:p>
            <a:pPr lvl="1"/>
            <a:r>
              <a:rPr lang="en-US" dirty="0"/>
              <a:t>Main plant for the entire accelerator (96% of energy gain by SRF)</a:t>
            </a:r>
          </a:p>
          <a:p>
            <a:pPr lvl="1"/>
            <a:r>
              <a:rPr lang="en-US" dirty="0">
                <a:solidFill>
                  <a:srgbClr val="1E9FDB"/>
                </a:solidFill>
              </a:rPr>
              <a:t>3 kW @ 2K, 11.4 kW @ 40-50K, 9 g/s liquefaction</a:t>
            </a:r>
          </a:p>
          <a:p>
            <a:pPr lvl="1"/>
            <a:r>
              <a:rPr lang="en-US" dirty="0"/>
              <a:t>Designed to cope with upgrade scenario in the contingency space</a:t>
            </a:r>
          </a:p>
          <a:p>
            <a:pPr lvl="1"/>
            <a:r>
              <a:rPr lang="sv-SE" dirty="0" err="1"/>
              <a:t>Producing</a:t>
            </a:r>
            <a:r>
              <a:rPr lang="sv-SE" dirty="0"/>
              <a:t> </a:t>
            </a:r>
            <a:r>
              <a:rPr lang="sv-SE" dirty="0" err="1"/>
              <a:t>LHe</a:t>
            </a:r>
            <a:r>
              <a:rPr lang="sv-SE" dirty="0"/>
              <a:t>: ready for CDS </a:t>
            </a:r>
            <a:r>
              <a:rPr lang="sv-SE" dirty="0" err="1"/>
              <a:t>commissioning</a:t>
            </a:r>
            <a:r>
              <a:rPr lang="sv-SE" dirty="0"/>
              <a:t>  in Q1 2020. </a:t>
            </a:r>
          </a:p>
          <a:p>
            <a:pPr lvl="1"/>
            <a:r>
              <a:rPr lang="sv-SE" dirty="0" err="1"/>
              <a:t>Commissioning</a:t>
            </a:r>
            <a:r>
              <a:rPr lang="sv-SE" dirty="0"/>
              <a:t> (</a:t>
            </a:r>
            <a:r>
              <a:rPr lang="sv-SE" dirty="0" err="1"/>
              <a:t>including</a:t>
            </a:r>
            <a:r>
              <a:rPr lang="sv-SE" dirty="0"/>
              <a:t> 2 K operation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cold</a:t>
            </a:r>
            <a:r>
              <a:rPr lang="sv-SE" dirty="0"/>
              <a:t> </a:t>
            </a:r>
            <a:r>
              <a:rPr lang="sv-SE" dirty="0" err="1"/>
              <a:t>compressors</a:t>
            </a:r>
            <a:r>
              <a:rPr lang="sv-SE" dirty="0"/>
              <a:t>) </a:t>
            </a:r>
            <a:br>
              <a:rPr lang="sv-SE" dirty="0"/>
            </a:br>
            <a:r>
              <a:rPr lang="sv-SE" dirty="0" err="1"/>
              <a:t>completed</a:t>
            </a:r>
            <a:r>
              <a:rPr lang="sv-SE" dirty="0"/>
              <a:t> by 2019</a:t>
            </a:r>
            <a:endParaRPr lang="en-US" dirty="0"/>
          </a:p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5918963-B333-7A4C-A700-E44BF1BA5A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6</a:t>
            </a:fld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0448CD-DBB7-2B44-9924-C38E0E8FF83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Three </a:t>
            </a:r>
            <a:r>
              <a:rPr lang="en-US" dirty="0" err="1"/>
              <a:t>cryoplants</a:t>
            </a:r>
            <a:r>
              <a:rPr lang="en-US" dirty="0"/>
              <a:t> procured and being commissioned by ESS </a:t>
            </a:r>
            <a:r>
              <a:rPr lang="en-US" dirty="0" err="1"/>
              <a:t>Cryo</a:t>
            </a:r>
            <a:r>
              <a:rPr lang="en-US" dirty="0"/>
              <a:t> Team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BC3E8EE-B2E3-AB41-90F5-A8A2B76B4FFF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8548" y="1676400"/>
            <a:ext cx="4722615" cy="2656471"/>
          </a:xfrm>
          <a:prstGeom prst="rect">
            <a:avLst/>
          </a:prstGeo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032422B8-EE26-A640-9A39-E15042EE0A0E}"/>
              </a:ext>
            </a:extLst>
          </p:cNvPr>
          <p:cNvGrpSpPr>
            <a:grpSpLocks noChangeAspect="1"/>
          </p:cNvGrpSpPr>
          <p:nvPr/>
        </p:nvGrpSpPr>
        <p:grpSpPr>
          <a:xfrm>
            <a:off x="1752600" y="3975663"/>
            <a:ext cx="9186803" cy="2577537"/>
            <a:chOff x="1513517" y="3542897"/>
            <a:chExt cx="9263003" cy="2598916"/>
          </a:xfrm>
        </p:grpSpPr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D0408E76-7B2A-0747-8B0B-66586A4774BD}"/>
                </a:ext>
              </a:extLst>
            </p:cNvPr>
            <p:cNvGrpSpPr/>
            <p:nvPr/>
          </p:nvGrpSpPr>
          <p:grpSpPr>
            <a:xfrm>
              <a:off x="1700758" y="5150078"/>
              <a:ext cx="2098078" cy="990604"/>
              <a:chOff x="150729" y="5194066"/>
              <a:chExt cx="2098078" cy="990604"/>
            </a:xfrm>
          </p:grpSpPr>
          <p:sp>
            <p:nvSpPr>
              <p:cNvPr id="190" name="Rectangle 189">
                <a:extLst>
                  <a:ext uri="{FF2B5EF4-FFF2-40B4-BE49-F238E27FC236}">
                    <a16:creationId xmlns:a16="http://schemas.microsoft.com/office/drawing/2014/main" id="{B773C38B-7812-F644-BEFF-3429577FB8E4}"/>
                  </a:ext>
                </a:extLst>
              </p:cNvPr>
              <p:cNvSpPr/>
              <p:nvPr/>
            </p:nvSpPr>
            <p:spPr>
              <a:xfrm>
                <a:off x="331331" y="5538339"/>
                <a:ext cx="1720518" cy="646331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200" dirty="0"/>
                  <a:t>14 High Beta </a:t>
                </a:r>
                <a:r>
                  <a:rPr lang="en-US" sz="1200" dirty="0" err="1"/>
                  <a:t>Cryomodules</a:t>
                </a:r>
                <a:r>
                  <a:rPr lang="en-US" sz="1200" dirty="0"/>
                  <a:t> </a:t>
                </a:r>
              </a:p>
              <a:p>
                <a:pPr algn="ctr"/>
                <a:r>
                  <a:rPr lang="en-US" sz="1200" dirty="0"/>
                  <a:t>(Contingency, 116 m)</a:t>
                </a:r>
              </a:p>
            </p:txBody>
          </p:sp>
          <p:grpSp>
            <p:nvGrpSpPr>
              <p:cNvPr id="191" name="Group 190">
                <a:extLst>
                  <a:ext uri="{FF2B5EF4-FFF2-40B4-BE49-F238E27FC236}">
                    <a16:creationId xmlns:a16="http://schemas.microsoft.com/office/drawing/2014/main" id="{C552139E-D18D-6845-830D-55A2D89F748C}"/>
                  </a:ext>
                </a:extLst>
              </p:cNvPr>
              <p:cNvGrpSpPr/>
              <p:nvPr/>
            </p:nvGrpSpPr>
            <p:grpSpPr>
              <a:xfrm>
                <a:off x="150729" y="5194066"/>
                <a:ext cx="2098078" cy="283369"/>
                <a:chOff x="1775667" y="3501776"/>
                <a:chExt cx="2246202" cy="307400"/>
              </a:xfrm>
              <a:solidFill>
                <a:schemeClr val="accent2">
                  <a:lumMod val="75000"/>
                </a:schemeClr>
              </a:solidFill>
            </p:grpSpPr>
            <p:sp>
              <p:nvSpPr>
                <p:cNvPr id="192" name="Rectangle 191">
                  <a:extLst>
                    <a:ext uri="{FF2B5EF4-FFF2-40B4-BE49-F238E27FC236}">
                      <a16:creationId xmlns:a16="http://schemas.microsoft.com/office/drawing/2014/main" id="{9298E098-5DF5-6243-BE7B-3E5771E603BA}"/>
                    </a:ext>
                  </a:extLst>
                </p:cNvPr>
                <p:cNvSpPr/>
                <p:nvPr/>
              </p:nvSpPr>
              <p:spPr>
                <a:xfrm>
                  <a:off x="1775667" y="3504006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3" name="Rectangle 192">
                  <a:extLst>
                    <a:ext uri="{FF2B5EF4-FFF2-40B4-BE49-F238E27FC236}">
                      <a16:creationId xmlns:a16="http://schemas.microsoft.com/office/drawing/2014/main" id="{08B0F52E-1307-784D-B953-4E4A18B50B4F}"/>
                    </a:ext>
                  </a:extLst>
                </p:cNvPr>
                <p:cNvSpPr/>
                <p:nvPr/>
              </p:nvSpPr>
              <p:spPr>
                <a:xfrm>
                  <a:off x="1967018" y="3503634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4" name="Rectangle 193">
                  <a:extLst>
                    <a:ext uri="{FF2B5EF4-FFF2-40B4-BE49-F238E27FC236}">
                      <a16:creationId xmlns:a16="http://schemas.microsoft.com/office/drawing/2014/main" id="{AE067D31-F11B-6745-9380-9520C28670AE}"/>
                    </a:ext>
                  </a:extLst>
                </p:cNvPr>
                <p:cNvSpPr/>
                <p:nvPr/>
              </p:nvSpPr>
              <p:spPr>
                <a:xfrm>
                  <a:off x="2148820" y="3503077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5" name="Rectangle 194">
                  <a:extLst>
                    <a:ext uri="{FF2B5EF4-FFF2-40B4-BE49-F238E27FC236}">
                      <a16:creationId xmlns:a16="http://schemas.microsoft.com/office/drawing/2014/main" id="{C21FFAB2-C45A-414B-B931-5F86F2B5459F}"/>
                    </a:ext>
                  </a:extLst>
                </p:cNvPr>
                <p:cNvSpPr/>
                <p:nvPr/>
              </p:nvSpPr>
              <p:spPr>
                <a:xfrm>
                  <a:off x="2340171" y="3502705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6" name="Rectangle 195">
                  <a:extLst>
                    <a:ext uri="{FF2B5EF4-FFF2-40B4-BE49-F238E27FC236}">
                      <a16:creationId xmlns:a16="http://schemas.microsoft.com/office/drawing/2014/main" id="{55361A92-8E40-0F4D-81DA-C2C8E866CD55}"/>
                    </a:ext>
                  </a:extLst>
                </p:cNvPr>
                <p:cNvSpPr/>
                <p:nvPr/>
              </p:nvSpPr>
              <p:spPr>
                <a:xfrm>
                  <a:off x="2530767" y="3503449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7" name="Rectangle 196">
                  <a:extLst>
                    <a:ext uri="{FF2B5EF4-FFF2-40B4-BE49-F238E27FC236}">
                      <a16:creationId xmlns:a16="http://schemas.microsoft.com/office/drawing/2014/main" id="{413F7ACE-4E27-FE4D-984F-733BC486EC9F}"/>
                    </a:ext>
                  </a:extLst>
                </p:cNvPr>
                <p:cNvSpPr/>
                <p:nvPr/>
              </p:nvSpPr>
              <p:spPr>
                <a:xfrm>
                  <a:off x="2722118" y="3503077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8" name="Rectangle 197">
                  <a:extLst>
                    <a:ext uri="{FF2B5EF4-FFF2-40B4-BE49-F238E27FC236}">
                      <a16:creationId xmlns:a16="http://schemas.microsoft.com/office/drawing/2014/main" id="{AE8B40D1-9C36-224C-8E99-11EAD5D481F7}"/>
                    </a:ext>
                  </a:extLst>
                </p:cNvPr>
                <p:cNvSpPr/>
                <p:nvPr/>
              </p:nvSpPr>
              <p:spPr>
                <a:xfrm>
                  <a:off x="2912714" y="3502705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99" name="Rectangle 198">
                  <a:extLst>
                    <a:ext uri="{FF2B5EF4-FFF2-40B4-BE49-F238E27FC236}">
                      <a16:creationId xmlns:a16="http://schemas.microsoft.com/office/drawing/2014/main" id="{67E63405-3543-8C46-8186-E776FB4C72C3}"/>
                    </a:ext>
                  </a:extLst>
                </p:cNvPr>
                <p:cNvSpPr/>
                <p:nvPr/>
              </p:nvSpPr>
              <p:spPr>
                <a:xfrm>
                  <a:off x="3104065" y="3502333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200" name="Rectangle 199">
                  <a:extLst>
                    <a:ext uri="{FF2B5EF4-FFF2-40B4-BE49-F238E27FC236}">
                      <a16:creationId xmlns:a16="http://schemas.microsoft.com/office/drawing/2014/main" id="{CB5B35AA-28CC-7348-9DDB-317D363B9AEC}"/>
                    </a:ext>
                  </a:extLst>
                </p:cNvPr>
                <p:cNvSpPr/>
                <p:nvPr/>
              </p:nvSpPr>
              <p:spPr>
                <a:xfrm>
                  <a:off x="3285867" y="3502148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201" name="Rectangle 200">
                  <a:extLst>
                    <a:ext uri="{FF2B5EF4-FFF2-40B4-BE49-F238E27FC236}">
                      <a16:creationId xmlns:a16="http://schemas.microsoft.com/office/drawing/2014/main" id="{D6B7808E-1518-1844-9FD9-D30CA9E47FD1}"/>
                    </a:ext>
                  </a:extLst>
                </p:cNvPr>
                <p:cNvSpPr/>
                <p:nvPr/>
              </p:nvSpPr>
              <p:spPr>
                <a:xfrm>
                  <a:off x="3477218" y="3501776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202" name="Rectangle 201">
                  <a:extLst>
                    <a:ext uri="{FF2B5EF4-FFF2-40B4-BE49-F238E27FC236}">
                      <a16:creationId xmlns:a16="http://schemas.microsoft.com/office/drawing/2014/main" id="{377866CF-D58F-584C-87CF-47DD29F7AF22}"/>
                    </a:ext>
                  </a:extLst>
                </p:cNvPr>
                <p:cNvSpPr/>
                <p:nvPr/>
              </p:nvSpPr>
              <p:spPr>
                <a:xfrm>
                  <a:off x="3667814" y="3502520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203" name="Rectangle 202">
                  <a:extLst>
                    <a:ext uri="{FF2B5EF4-FFF2-40B4-BE49-F238E27FC236}">
                      <a16:creationId xmlns:a16="http://schemas.microsoft.com/office/drawing/2014/main" id="{5B11E50D-359E-3D4A-988D-B9CEEA17BFD4}"/>
                    </a:ext>
                  </a:extLst>
                </p:cNvPr>
                <p:cNvSpPr/>
                <p:nvPr/>
              </p:nvSpPr>
              <p:spPr>
                <a:xfrm>
                  <a:off x="3859165" y="3502148"/>
                  <a:ext cx="162704" cy="305170"/>
                </a:xfrm>
                <a:prstGeom prst="rect">
                  <a:avLst/>
                </a:prstGeom>
                <a:grpFill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</p:grp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3454B722-5516-B840-B529-F27F40E610EA}"/>
                </a:ext>
              </a:extLst>
            </p:cNvPr>
            <p:cNvGrpSpPr/>
            <p:nvPr/>
          </p:nvGrpSpPr>
          <p:grpSpPr>
            <a:xfrm>
              <a:off x="1513517" y="4203215"/>
              <a:ext cx="2295475" cy="951056"/>
              <a:chOff x="-36512" y="4247203"/>
              <a:chExt cx="2295475" cy="951056"/>
            </a:xfrm>
          </p:grpSpPr>
          <p:cxnSp>
            <p:nvCxnSpPr>
              <p:cNvPr id="161" name="Straight Connector 160">
                <a:extLst>
                  <a:ext uri="{FF2B5EF4-FFF2-40B4-BE49-F238E27FC236}">
                    <a16:creationId xmlns:a16="http://schemas.microsoft.com/office/drawing/2014/main" id="{2D9D4F0C-4254-CC4A-A2A2-A843D7227F09}"/>
                  </a:ext>
                </a:extLst>
              </p:cNvPr>
              <p:cNvCxnSpPr>
                <a:stCxn id="175" idx="4"/>
              </p:cNvCxnSpPr>
              <p:nvPr/>
            </p:nvCxnSpPr>
            <p:spPr>
              <a:xfrm flipH="1">
                <a:off x="224853" y="5064472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2" name="Straight Connector 161">
                <a:extLst>
                  <a:ext uri="{FF2B5EF4-FFF2-40B4-BE49-F238E27FC236}">
                    <a16:creationId xmlns:a16="http://schemas.microsoft.com/office/drawing/2014/main" id="{CE5CFA59-F80B-CA4F-9C7A-D374E706D0EF}"/>
                  </a:ext>
                </a:extLst>
              </p:cNvPr>
              <p:cNvCxnSpPr>
                <a:stCxn id="176" idx="4"/>
              </p:cNvCxnSpPr>
              <p:nvPr/>
            </p:nvCxnSpPr>
            <p:spPr>
              <a:xfrm flipH="1">
                <a:off x="403054" y="5064472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3" name="Straight Connector 162">
                <a:extLst>
                  <a:ext uri="{FF2B5EF4-FFF2-40B4-BE49-F238E27FC236}">
                    <a16:creationId xmlns:a16="http://schemas.microsoft.com/office/drawing/2014/main" id="{62D5284A-386E-F442-881F-BEF9AA130005}"/>
                  </a:ext>
                </a:extLst>
              </p:cNvPr>
              <p:cNvCxnSpPr>
                <a:stCxn id="177" idx="4"/>
              </p:cNvCxnSpPr>
              <p:nvPr/>
            </p:nvCxnSpPr>
            <p:spPr>
              <a:xfrm flipH="1">
                <a:off x="569129" y="5061560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4" name="Straight Connector 163">
                <a:extLst>
                  <a:ext uri="{FF2B5EF4-FFF2-40B4-BE49-F238E27FC236}">
                    <a16:creationId xmlns:a16="http://schemas.microsoft.com/office/drawing/2014/main" id="{636F9376-C404-D940-99D7-DAA2AA6447B3}"/>
                  </a:ext>
                </a:extLst>
              </p:cNvPr>
              <p:cNvCxnSpPr>
                <a:stCxn id="178" idx="4"/>
              </p:cNvCxnSpPr>
              <p:nvPr/>
            </p:nvCxnSpPr>
            <p:spPr>
              <a:xfrm flipH="1">
                <a:off x="753262" y="5060585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5" name="Straight Connector 164">
                <a:extLst>
                  <a:ext uri="{FF2B5EF4-FFF2-40B4-BE49-F238E27FC236}">
                    <a16:creationId xmlns:a16="http://schemas.microsoft.com/office/drawing/2014/main" id="{BF54626E-8D59-7246-A5D0-97F6DD2901BF}"/>
                  </a:ext>
                </a:extLst>
              </p:cNvPr>
              <p:cNvCxnSpPr>
                <a:stCxn id="179" idx="4"/>
              </p:cNvCxnSpPr>
              <p:nvPr/>
            </p:nvCxnSpPr>
            <p:spPr>
              <a:xfrm flipH="1">
                <a:off x="928337" y="505959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6" name="Straight Connector 165">
                <a:extLst>
                  <a:ext uri="{FF2B5EF4-FFF2-40B4-BE49-F238E27FC236}">
                    <a16:creationId xmlns:a16="http://schemas.microsoft.com/office/drawing/2014/main" id="{5297F982-30CB-0247-BE17-28A85B6B5709}"/>
                  </a:ext>
                </a:extLst>
              </p:cNvPr>
              <p:cNvCxnSpPr>
                <a:stCxn id="180" idx="4"/>
              </p:cNvCxnSpPr>
              <p:nvPr/>
            </p:nvCxnSpPr>
            <p:spPr>
              <a:xfrm flipH="1">
                <a:off x="1106538" y="505959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7" name="Straight Connector 166">
                <a:extLst>
                  <a:ext uri="{FF2B5EF4-FFF2-40B4-BE49-F238E27FC236}">
                    <a16:creationId xmlns:a16="http://schemas.microsoft.com/office/drawing/2014/main" id="{16253EF8-E0F0-0742-8678-29A8E1EF1891}"/>
                  </a:ext>
                </a:extLst>
              </p:cNvPr>
              <p:cNvCxnSpPr>
                <a:stCxn id="181" idx="4"/>
              </p:cNvCxnSpPr>
              <p:nvPr/>
            </p:nvCxnSpPr>
            <p:spPr>
              <a:xfrm flipH="1">
                <a:off x="1283233" y="505959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8" name="Straight Connector 167">
                <a:extLst>
                  <a:ext uri="{FF2B5EF4-FFF2-40B4-BE49-F238E27FC236}">
                    <a16:creationId xmlns:a16="http://schemas.microsoft.com/office/drawing/2014/main" id="{D7D40BA5-8E1B-6B44-B7F2-7DA41BA8A6D2}"/>
                  </a:ext>
                </a:extLst>
              </p:cNvPr>
              <p:cNvCxnSpPr>
                <a:stCxn id="182" idx="4"/>
              </p:cNvCxnSpPr>
              <p:nvPr/>
            </p:nvCxnSpPr>
            <p:spPr>
              <a:xfrm flipH="1">
                <a:off x="1461434" y="505959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69" name="Straight Connector 168">
                <a:extLst>
                  <a:ext uri="{FF2B5EF4-FFF2-40B4-BE49-F238E27FC236}">
                    <a16:creationId xmlns:a16="http://schemas.microsoft.com/office/drawing/2014/main" id="{87E2AFA1-B3D3-3249-B0BD-C80A6166A573}"/>
                  </a:ext>
                </a:extLst>
              </p:cNvPr>
              <p:cNvCxnSpPr>
                <a:stCxn id="183" idx="4"/>
              </p:cNvCxnSpPr>
              <p:nvPr/>
            </p:nvCxnSpPr>
            <p:spPr>
              <a:xfrm flipH="1">
                <a:off x="1627510" y="5056681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0" name="Straight Connector 169">
                <a:extLst>
                  <a:ext uri="{FF2B5EF4-FFF2-40B4-BE49-F238E27FC236}">
                    <a16:creationId xmlns:a16="http://schemas.microsoft.com/office/drawing/2014/main" id="{6A5AF30B-065A-5848-B92F-C9FB4879F6B3}"/>
                  </a:ext>
                </a:extLst>
              </p:cNvPr>
              <p:cNvCxnSpPr>
                <a:stCxn id="184" idx="4"/>
              </p:cNvCxnSpPr>
              <p:nvPr/>
            </p:nvCxnSpPr>
            <p:spPr>
              <a:xfrm flipH="1">
                <a:off x="1811643" y="5055706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1" name="Straight Connector 170">
                <a:extLst>
                  <a:ext uri="{FF2B5EF4-FFF2-40B4-BE49-F238E27FC236}">
                    <a16:creationId xmlns:a16="http://schemas.microsoft.com/office/drawing/2014/main" id="{8037E7D0-91B5-EF4B-8C4E-2C80472632C6}"/>
                  </a:ext>
                </a:extLst>
              </p:cNvPr>
              <p:cNvCxnSpPr>
                <a:stCxn id="185" idx="4"/>
              </p:cNvCxnSpPr>
              <p:nvPr/>
            </p:nvCxnSpPr>
            <p:spPr>
              <a:xfrm flipH="1">
                <a:off x="1989335" y="505471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2" name="Straight Connector 171">
                <a:extLst>
                  <a:ext uri="{FF2B5EF4-FFF2-40B4-BE49-F238E27FC236}">
                    <a16:creationId xmlns:a16="http://schemas.microsoft.com/office/drawing/2014/main" id="{2E8D5382-59C7-FE4A-8EA2-B13D6BF9E5C3}"/>
                  </a:ext>
                </a:extLst>
              </p:cNvPr>
              <p:cNvCxnSpPr>
                <a:stCxn id="186" idx="4"/>
              </p:cNvCxnSpPr>
              <p:nvPr/>
            </p:nvCxnSpPr>
            <p:spPr>
              <a:xfrm flipH="1">
                <a:off x="2167536" y="5066953"/>
                <a:ext cx="1507" cy="131306"/>
              </a:xfrm>
              <a:prstGeom prst="line">
                <a:avLst/>
              </a:prstGeom>
              <a:ln>
                <a:solidFill>
                  <a:srgbClr val="FF0000"/>
                </a:solidFill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73" name="Group 172">
                <a:extLst>
                  <a:ext uri="{FF2B5EF4-FFF2-40B4-BE49-F238E27FC236}">
                    <a16:creationId xmlns:a16="http://schemas.microsoft.com/office/drawing/2014/main" id="{07D6F1DE-16A3-D240-927D-9212D58EB8D9}"/>
                  </a:ext>
                </a:extLst>
              </p:cNvPr>
              <p:cNvGrpSpPr/>
              <p:nvPr/>
            </p:nvGrpSpPr>
            <p:grpSpPr>
              <a:xfrm>
                <a:off x="-36512" y="4247203"/>
                <a:ext cx="2295475" cy="819751"/>
                <a:chOff x="-36512" y="4247203"/>
                <a:chExt cx="2295475" cy="819751"/>
              </a:xfrm>
            </p:grpSpPr>
            <p:sp>
              <p:nvSpPr>
                <p:cNvPr id="174" name="Rectangle 173">
                  <a:extLst>
                    <a:ext uri="{FF2B5EF4-FFF2-40B4-BE49-F238E27FC236}">
                      <a16:creationId xmlns:a16="http://schemas.microsoft.com/office/drawing/2014/main" id="{F9B32719-DEDD-DA4C-B2B3-CC94749E2859}"/>
                    </a:ext>
                  </a:extLst>
                </p:cNvPr>
                <p:cNvSpPr/>
                <p:nvPr/>
              </p:nvSpPr>
              <p:spPr>
                <a:xfrm>
                  <a:off x="150729" y="4959805"/>
                  <a:ext cx="2052940" cy="66847"/>
                </a:xfrm>
                <a:prstGeom prst="rect">
                  <a:avLst/>
                </a:prstGeom>
                <a:solidFill>
                  <a:srgbClr val="FFCC66"/>
                </a:solidFill>
                <a:ln w="19050" cmpd="sng">
                  <a:solidFill>
                    <a:srgbClr val="FF6600"/>
                  </a:solidFill>
                  <a:prstDash val="sysDash"/>
                </a:ln>
              </p:spPr>
              <p:style>
                <a:lnRef idx="1">
                  <a:schemeClr val="accent2"/>
                </a:lnRef>
                <a:fillRef idx="3">
                  <a:schemeClr val="accent2"/>
                </a:fillRef>
                <a:effectRef idx="2">
                  <a:schemeClr val="accent2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75" name="Oval 174">
                  <a:extLst>
                    <a:ext uri="{FF2B5EF4-FFF2-40B4-BE49-F238E27FC236}">
                      <a16:creationId xmlns:a16="http://schemas.microsoft.com/office/drawing/2014/main" id="{C9A3548E-6A3C-754C-853C-F2F123C3F4B1}"/>
                    </a:ext>
                  </a:extLst>
                </p:cNvPr>
                <p:cNvSpPr/>
                <p:nvPr/>
              </p:nvSpPr>
              <p:spPr>
                <a:xfrm>
                  <a:off x="190507" y="4940572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76" name="Oval 175">
                  <a:extLst>
                    <a:ext uri="{FF2B5EF4-FFF2-40B4-BE49-F238E27FC236}">
                      <a16:creationId xmlns:a16="http://schemas.microsoft.com/office/drawing/2014/main" id="{280F5236-6B43-544E-92BC-5A1877D8C8F2}"/>
                    </a:ext>
                  </a:extLst>
                </p:cNvPr>
                <p:cNvSpPr/>
                <p:nvPr/>
              </p:nvSpPr>
              <p:spPr>
                <a:xfrm>
                  <a:off x="368709" y="4940572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77" name="Oval 176">
                  <a:extLst>
                    <a:ext uri="{FF2B5EF4-FFF2-40B4-BE49-F238E27FC236}">
                      <a16:creationId xmlns:a16="http://schemas.microsoft.com/office/drawing/2014/main" id="{9868A454-1750-7640-B2D5-F579DA6791E2}"/>
                    </a:ext>
                  </a:extLst>
                </p:cNvPr>
                <p:cNvSpPr/>
                <p:nvPr/>
              </p:nvSpPr>
              <p:spPr>
                <a:xfrm>
                  <a:off x="534784" y="4937660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78" name="Oval 177">
                  <a:extLst>
                    <a:ext uri="{FF2B5EF4-FFF2-40B4-BE49-F238E27FC236}">
                      <a16:creationId xmlns:a16="http://schemas.microsoft.com/office/drawing/2014/main" id="{F9D9961E-3C31-404E-8021-D0450ED6A9BE}"/>
                    </a:ext>
                  </a:extLst>
                </p:cNvPr>
                <p:cNvSpPr/>
                <p:nvPr/>
              </p:nvSpPr>
              <p:spPr>
                <a:xfrm>
                  <a:off x="718917" y="4936686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79" name="Oval 178">
                  <a:extLst>
                    <a:ext uri="{FF2B5EF4-FFF2-40B4-BE49-F238E27FC236}">
                      <a16:creationId xmlns:a16="http://schemas.microsoft.com/office/drawing/2014/main" id="{8B875F8C-CC58-8D47-BB4B-A6DA8EAEBC8F}"/>
                    </a:ext>
                  </a:extLst>
                </p:cNvPr>
                <p:cNvSpPr/>
                <p:nvPr/>
              </p:nvSpPr>
              <p:spPr>
                <a:xfrm>
                  <a:off x="893992" y="4935693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0" name="Oval 179">
                  <a:extLst>
                    <a:ext uri="{FF2B5EF4-FFF2-40B4-BE49-F238E27FC236}">
                      <a16:creationId xmlns:a16="http://schemas.microsoft.com/office/drawing/2014/main" id="{46E7FA7B-A106-6A45-98C2-49E79A7CFDC5}"/>
                    </a:ext>
                  </a:extLst>
                </p:cNvPr>
                <p:cNvSpPr/>
                <p:nvPr/>
              </p:nvSpPr>
              <p:spPr>
                <a:xfrm>
                  <a:off x="1072193" y="4935693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1" name="Oval 180">
                  <a:extLst>
                    <a:ext uri="{FF2B5EF4-FFF2-40B4-BE49-F238E27FC236}">
                      <a16:creationId xmlns:a16="http://schemas.microsoft.com/office/drawing/2014/main" id="{9DDC2A36-A526-C844-9B88-2AD99C47608B}"/>
                    </a:ext>
                  </a:extLst>
                </p:cNvPr>
                <p:cNvSpPr/>
                <p:nvPr/>
              </p:nvSpPr>
              <p:spPr>
                <a:xfrm>
                  <a:off x="1248888" y="4935693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2" name="Oval 181">
                  <a:extLst>
                    <a:ext uri="{FF2B5EF4-FFF2-40B4-BE49-F238E27FC236}">
                      <a16:creationId xmlns:a16="http://schemas.microsoft.com/office/drawing/2014/main" id="{C6B34F9C-DA4F-2643-99B2-C2CA771FB46D}"/>
                    </a:ext>
                  </a:extLst>
                </p:cNvPr>
                <p:cNvSpPr/>
                <p:nvPr/>
              </p:nvSpPr>
              <p:spPr>
                <a:xfrm>
                  <a:off x="1427089" y="4935693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3" name="Oval 182">
                  <a:extLst>
                    <a:ext uri="{FF2B5EF4-FFF2-40B4-BE49-F238E27FC236}">
                      <a16:creationId xmlns:a16="http://schemas.microsoft.com/office/drawing/2014/main" id="{F0AB4943-77B8-AA40-947B-CB9D5F5AE8EF}"/>
                    </a:ext>
                  </a:extLst>
                </p:cNvPr>
                <p:cNvSpPr/>
                <p:nvPr/>
              </p:nvSpPr>
              <p:spPr>
                <a:xfrm>
                  <a:off x="1593164" y="4932781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4" name="Oval 183">
                  <a:extLst>
                    <a:ext uri="{FF2B5EF4-FFF2-40B4-BE49-F238E27FC236}">
                      <a16:creationId xmlns:a16="http://schemas.microsoft.com/office/drawing/2014/main" id="{91542AA9-73AF-4F49-B90A-989DDB64112F}"/>
                    </a:ext>
                  </a:extLst>
                </p:cNvPr>
                <p:cNvSpPr/>
                <p:nvPr/>
              </p:nvSpPr>
              <p:spPr>
                <a:xfrm>
                  <a:off x="1777298" y="4931807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5" name="Oval 184">
                  <a:extLst>
                    <a:ext uri="{FF2B5EF4-FFF2-40B4-BE49-F238E27FC236}">
                      <a16:creationId xmlns:a16="http://schemas.microsoft.com/office/drawing/2014/main" id="{5CB2F020-D6E1-8349-843C-0888300D1AD9}"/>
                    </a:ext>
                  </a:extLst>
                </p:cNvPr>
                <p:cNvSpPr/>
                <p:nvPr/>
              </p:nvSpPr>
              <p:spPr>
                <a:xfrm>
                  <a:off x="1954990" y="4930814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6" name="Oval 185">
                  <a:extLst>
                    <a:ext uri="{FF2B5EF4-FFF2-40B4-BE49-F238E27FC236}">
                      <a16:creationId xmlns:a16="http://schemas.microsoft.com/office/drawing/2014/main" id="{5F38A994-F490-C744-885F-26B9B906906C}"/>
                    </a:ext>
                  </a:extLst>
                </p:cNvPr>
                <p:cNvSpPr/>
                <p:nvPr/>
              </p:nvSpPr>
              <p:spPr>
                <a:xfrm>
                  <a:off x="2133191" y="4943054"/>
                  <a:ext cx="71703" cy="123900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7" name="Oval 186">
                  <a:extLst>
                    <a:ext uri="{FF2B5EF4-FFF2-40B4-BE49-F238E27FC236}">
                      <a16:creationId xmlns:a16="http://schemas.microsoft.com/office/drawing/2014/main" id="{8433E7F9-10C9-C540-B286-91A61D8B33D8}"/>
                    </a:ext>
                  </a:extLst>
                </p:cNvPr>
                <p:cNvSpPr/>
                <p:nvPr/>
              </p:nvSpPr>
              <p:spPr>
                <a:xfrm>
                  <a:off x="32688" y="4930426"/>
                  <a:ext cx="130749" cy="119039"/>
                </a:xfrm>
                <a:prstGeom prst="ellipse">
                  <a:avLst/>
                </a:prstGeom>
                <a:solidFill>
                  <a:srgbClr val="FF0000"/>
                </a:solidFill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1200"/>
                </a:p>
              </p:txBody>
            </p:sp>
            <p:sp>
              <p:nvSpPr>
                <p:cNvPr id="188" name="Rectangle 187">
                  <a:extLst>
                    <a:ext uri="{FF2B5EF4-FFF2-40B4-BE49-F238E27FC236}">
                      <a16:creationId xmlns:a16="http://schemas.microsoft.com/office/drawing/2014/main" id="{7FF1C34C-F315-1C42-A648-926738FBAC7A}"/>
                    </a:ext>
                  </a:extLst>
                </p:cNvPr>
                <p:cNvSpPr/>
                <p:nvPr/>
              </p:nvSpPr>
              <p:spPr>
                <a:xfrm>
                  <a:off x="-36512" y="4640150"/>
                  <a:ext cx="789773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r>
                    <a:rPr lang="en-US" sz="1200" dirty="0" err="1"/>
                    <a:t>Endbox</a:t>
                  </a:r>
                  <a:endParaRPr lang="en-US" sz="1200" dirty="0"/>
                </a:p>
              </p:txBody>
            </p:sp>
            <p:sp>
              <p:nvSpPr>
                <p:cNvPr id="189" name="Rectangle 188">
                  <a:extLst>
                    <a:ext uri="{FF2B5EF4-FFF2-40B4-BE49-F238E27FC236}">
                      <a16:creationId xmlns:a16="http://schemas.microsoft.com/office/drawing/2014/main" id="{5BAF2661-9217-EF4E-A4EC-9118AAFF10C0}"/>
                    </a:ext>
                  </a:extLst>
                </p:cNvPr>
                <p:cNvSpPr/>
                <p:nvPr/>
              </p:nvSpPr>
              <p:spPr>
                <a:xfrm>
                  <a:off x="553738" y="4247203"/>
                  <a:ext cx="1705225" cy="646331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/>
                  <a:r>
                    <a:rPr lang="en-US" sz="1200" dirty="0"/>
                    <a:t>Cryogenic </a:t>
                  </a:r>
                  <a:br>
                    <a:rPr lang="en-US" sz="1200" dirty="0"/>
                  </a:br>
                  <a:r>
                    <a:rPr lang="en-US" sz="1200" dirty="0"/>
                    <a:t>Distribution Line </a:t>
                  </a:r>
                </a:p>
                <a:p>
                  <a:pPr algn="ctr"/>
                  <a:r>
                    <a:rPr lang="en-US" sz="1200" dirty="0"/>
                    <a:t>(120 m) </a:t>
                  </a:r>
                </a:p>
              </p:txBody>
            </p:sp>
          </p:grp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52F5E7AC-48FC-9D4E-994E-695506FCE2AF}"/>
                </a:ext>
              </a:extLst>
            </p:cNvPr>
            <p:cNvGrpSpPr/>
            <p:nvPr/>
          </p:nvGrpSpPr>
          <p:grpSpPr>
            <a:xfrm>
              <a:off x="2811752" y="3542897"/>
              <a:ext cx="7964768" cy="2598916"/>
              <a:chOff x="1261723" y="3586885"/>
              <a:chExt cx="7964768" cy="2598916"/>
            </a:xfrm>
          </p:grpSpPr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A76ABA7F-1C69-0046-A32D-47E738D3469B}"/>
                  </a:ext>
                </a:extLst>
              </p:cNvPr>
              <p:cNvSpPr/>
              <p:nvPr/>
            </p:nvSpPr>
            <p:spPr>
              <a:xfrm>
                <a:off x="2285550" y="5539470"/>
                <a:ext cx="3517608" cy="646331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1200" dirty="0"/>
                  <a:t>21 High Beta </a:t>
                </a:r>
                <a:br>
                  <a:rPr lang="en-US" sz="1200" dirty="0"/>
                </a:br>
                <a:r>
                  <a:rPr lang="en-US" sz="1200" dirty="0" err="1"/>
                  <a:t>Cryomodules</a:t>
                </a:r>
                <a:r>
                  <a:rPr lang="en-US" sz="1200" dirty="0"/>
                  <a:t> </a:t>
                </a:r>
                <a:br>
                  <a:rPr lang="en-US" sz="1200" dirty="0"/>
                </a:br>
                <a:r>
                  <a:rPr lang="en-US" sz="1200" dirty="0"/>
                  <a:t>(174 m)</a:t>
                </a:r>
              </a:p>
            </p:txBody>
          </p:sp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FA2EBFEB-CA9A-7248-AF3A-58F4CF015530}"/>
                  </a:ext>
                </a:extLst>
              </p:cNvPr>
              <p:cNvSpPr/>
              <p:nvPr/>
            </p:nvSpPr>
            <p:spPr>
              <a:xfrm>
                <a:off x="6173932" y="5539470"/>
                <a:ext cx="1179041" cy="646331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ctr"/>
                <a:r>
                  <a:rPr lang="en-US" sz="1200" dirty="0"/>
                  <a:t>9 Medium Beta </a:t>
                </a:r>
              </a:p>
              <a:p>
                <a:pPr algn="ctr"/>
                <a:r>
                  <a:rPr lang="en-US" sz="1200" dirty="0" err="1"/>
                  <a:t>Cryomodules</a:t>
                </a:r>
                <a:endParaRPr lang="en-US" sz="1200" dirty="0"/>
              </a:p>
              <a:p>
                <a:pPr algn="ctr"/>
                <a:r>
                  <a:rPr lang="en-US" sz="1200" dirty="0"/>
                  <a:t>(75 m)</a:t>
                </a:r>
              </a:p>
            </p:txBody>
          </p:sp>
          <p:sp>
            <p:nvSpPr>
              <p:cNvPr id="15" name="Rectangle 14">
                <a:extLst>
                  <a:ext uri="{FF2B5EF4-FFF2-40B4-BE49-F238E27FC236}">
                    <a16:creationId xmlns:a16="http://schemas.microsoft.com/office/drawing/2014/main" id="{619110F6-4BC4-4144-B299-49262AECAA46}"/>
                  </a:ext>
                </a:extLst>
              </p:cNvPr>
              <p:cNvSpPr/>
              <p:nvPr/>
            </p:nvSpPr>
            <p:spPr>
              <a:xfrm>
                <a:off x="2259496" y="519738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171B984A-104C-9D43-B457-428A76866F83}"/>
                  </a:ext>
                </a:extLst>
              </p:cNvPr>
              <p:cNvSpPr/>
              <p:nvPr/>
            </p:nvSpPr>
            <p:spPr>
              <a:xfrm>
                <a:off x="2437523" y="5198070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17" name="Rectangle 16">
                <a:extLst>
                  <a:ext uri="{FF2B5EF4-FFF2-40B4-BE49-F238E27FC236}">
                    <a16:creationId xmlns:a16="http://schemas.microsoft.com/office/drawing/2014/main" id="{597E959F-0003-4C4F-84D2-8A65397D6E40}"/>
                  </a:ext>
                </a:extLst>
              </p:cNvPr>
              <p:cNvSpPr/>
              <p:nvPr/>
            </p:nvSpPr>
            <p:spPr>
              <a:xfrm>
                <a:off x="2616256" y="5197727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18" name="Rectangle 17">
                <a:extLst>
                  <a:ext uri="{FF2B5EF4-FFF2-40B4-BE49-F238E27FC236}">
                    <a16:creationId xmlns:a16="http://schemas.microsoft.com/office/drawing/2014/main" id="{6AD5B3EC-F515-7646-9169-B31DB41E2BD0}"/>
                  </a:ext>
                </a:extLst>
              </p:cNvPr>
              <p:cNvSpPr/>
              <p:nvPr/>
            </p:nvSpPr>
            <p:spPr>
              <a:xfrm>
                <a:off x="2786069" y="519721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19" name="Rectangle 18">
                <a:extLst>
                  <a:ext uri="{FF2B5EF4-FFF2-40B4-BE49-F238E27FC236}">
                    <a16:creationId xmlns:a16="http://schemas.microsoft.com/office/drawing/2014/main" id="{FA0322E3-E97B-F84D-A736-CE2EEDBBFEDA}"/>
                  </a:ext>
                </a:extLst>
              </p:cNvPr>
              <p:cNvSpPr/>
              <p:nvPr/>
            </p:nvSpPr>
            <p:spPr>
              <a:xfrm>
                <a:off x="2964802" y="5196871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0" name="Rectangle 19">
                <a:extLst>
                  <a:ext uri="{FF2B5EF4-FFF2-40B4-BE49-F238E27FC236}">
                    <a16:creationId xmlns:a16="http://schemas.microsoft.com/office/drawing/2014/main" id="{A58DC200-8CB8-DA48-8811-B434E837C47C}"/>
                  </a:ext>
                </a:extLst>
              </p:cNvPr>
              <p:cNvSpPr/>
              <p:nvPr/>
            </p:nvSpPr>
            <p:spPr>
              <a:xfrm>
                <a:off x="3142829" y="5197556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1" name="Rectangle 20">
                <a:extLst>
                  <a:ext uri="{FF2B5EF4-FFF2-40B4-BE49-F238E27FC236}">
                    <a16:creationId xmlns:a16="http://schemas.microsoft.com/office/drawing/2014/main" id="{7A7C1541-840F-7C4A-A83D-E55D9973C591}"/>
                  </a:ext>
                </a:extLst>
              </p:cNvPr>
              <p:cNvSpPr/>
              <p:nvPr/>
            </p:nvSpPr>
            <p:spPr>
              <a:xfrm>
                <a:off x="3321561" y="519721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2" name="Rectangle 21">
                <a:extLst>
                  <a:ext uri="{FF2B5EF4-FFF2-40B4-BE49-F238E27FC236}">
                    <a16:creationId xmlns:a16="http://schemas.microsoft.com/office/drawing/2014/main" id="{0FB42DED-62A6-1B43-B43B-082352050262}"/>
                  </a:ext>
                </a:extLst>
              </p:cNvPr>
              <p:cNvSpPr/>
              <p:nvPr/>
            </p:nvSpPr>
            <p:spPr>
              <a:xfrm>
                <a:off x="3499589" y="5196871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3" name="Rectangle 22">
                <a:extLst>
                  <a:ext uri="{FF2B5EF4-FFF2-40B4-BE49-F238E27FC236}">
                    <a16:creationId xmlns:a16="http://schemas.microsoft.com/office/drawing/2014/main" id="{39AC941A-B68F-204B-91B9-AF6C1CB7E32A}"/>
                  </a:ext>
                </a:extLst>
              </p:cNvPr>
              <p:cNvSpPr/>
              <p:nvPr/>
            </p:nvSpPr>
            <p:spPr>
              <a:xfrm>
                <a:off x="3678321" y="5196528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4" name="Rectangle 23">
                <a:extLst>
                  <a:ext uri="{FF2B5EF4-FFF2-40B4-BE49-F238E27FC236}">
                    <a16:creationId xmlns:a16="http://schemas.microsoft.com/office/drawing/2014/main" id="{E4CA6E85-E72B-2C4B-A1CF-B9626B5CB571}"/>
                  </a:ext>
                </a:extLst>
              </p:cNvPr>
              <p:cNvSpPr/>
              <p:nvPr/>
            </p:nvSpPr>
            <p:spPr>
              <a:xfrm>
                <a:off x="3848135" y="5196357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E1683134-01D0-EE44-990B-18E622267DA6}"/>
                  </a:ext>
                </a:extLst>
              </p:cNvPr>
              <p:cNvSpPr/>
              <p:nvPr/>
            </p:nvSpPr>
            <p:spPr>
              <a:xfrm>
                <a:off x="4026867" y="519601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6" name="Rectangle 25">
                <a:extLst>
                  <a:ext uri="{FF2B5EF4-FFF2-40B4-BE49-F238E27FC236}">
                    <a16:creationId xmlns:a16="http://schemas.microsoft.com/office/drawing/2014/main" id="{C7D93289-7E2E-BE4D-A7DB-A33D72552BE5}"/>
                  </a:ext>
                </a:extLst>
              </p:cNvPr>
              <p:cNvSpPr/>
              <p:nvPr/>
            </p:nvSpPr>
            <p:spPr>
              <a:xfrm>
                <a:off x="4204894" y="5196700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7" name="Rectangle 26">
                <a:extLst>
                  <a:ext uri="{FF2B5EF4-FFF2-40B4-BE49-F238E27FC236}">
                    <a16:creationId xmlns:a16="http://schemas.microsoft.com/office/drawing/2014/main" id="{B904F169-9931-D548-9057-8DEB67A2A686}"/>
                  </a:ext>
                </a:extLst>
              </p:cNvPr>
              <p:cNvSpPr/>
              <p:nvPr/>
            </p:nvSpPr>
            <p:spPr>
              <a:xfrm>
                <a:off x="4383627" y="5196357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8" name="Rectangle 27">
                <a:extLst>
                  <a:ext uri="{FF2B5EF4-FFF2-40B4-BE49-F238E27FC236}">
                    <a16:creationId xmlns:a16="http://schemas.microsoft.com/office/drawing/2014/main" id="{2431287F-04EE-4F44-9300-F2D5D645C1AE}"/>
                  </a:ext>
                </a:extLst>
              </p:cNvPr>
              <p:cNvSpPr/>
              <p:nvPr/>
            </p:nvSpPr>
            <p:spPr>
              <a:xfrm>
                <a:off x="4553440" y="519584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29" name="Rectangle 28">
                <a:extLst>
                  <a:ext uri="{FF2B5EF4-FFF2-40B4-BE49-F238E27FC236}">
                    <a16:creationId xmlns:a16="http://schemas.microsoft.com/office/drawing/2014/main" id="{503F4F09-5D4C-094B-A02D-33BCFE02AED0}"/>
                  </a:ext>
                </a:extLst>
              </p:cNvPr>
              <p:cNvSpPr/>
              <p:nvPr/>
            </p:nvSpPr>
            <p:spPr>
              <a:xfrm>
                <a:off x="4732173" y="5195501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1D70D978-1298-4547-8951-6A4DFD9F1C1F}"/>
                  </a:ext>
                </a:extLst>
              </p:cNvPr>
              <p:cNvSpPr/>
              <p:nvPr/>
            </p:nvSpPr>
            <p:spPr>
              <a:xfrm>
                <a:off x="4910200" y="5196187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1" name="Rectangle 30">
                <a:extLst>
                  <a:ext uri="{FF2B5EF4-FFF2-40B4-BE49-F238E27FC236}">
                    <a16:creationId xmlns:a16="http://schemas.microsoft.com/office/drawing/2014/main" id="{FC15FA1E-B44D-EE4E-8681-85FD30F12D80}"/>
                  </a:ext>
                </a:extLst>
              </p:cNvPr>
              <p:cNvSpPr/>
              <p:nvPr/>
            </p:nvSpPr>
            <p:spPr>
              <a:xfrm>
                <a:off x="5088933" y="5195844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2" name="Rectangle 31">
                <a:extLst>
                  <a:ext uri="{FF2B5EF4-FFF2-40B4-BE49-F238E27FC236}">
                    <a16:creationId xmlns:a16="http://schemas.microsoft.com/office/drawing/2014/main" id="{9DE43097-4B80-FF47-8F83-7FE16BD6B4CB}"/>
                  </a:ext>
                </a:extLst>
              </p:cNvPr>
              <p:cNvSpPr/>
              <p:nvPr/>
            </p:nvSpPr>
            <p:spPr>
              <a:xfrm>
                <a:off x="5266960" y="5195501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3" name="Rectangle 32">
                <a:extLst>
                  <a:ext uri="{FF2B5EF4-FFF2-40B4-BE49-F238E27FC236}">
                    <a16:creationId xmlns:a16="http://schemas.microsoft.com/office/drawing/2014/main" id="{0A2D356D-A3D9-AA4D-87CF-53D77EFC7147}"/>
                  </a:ext>
                </a:extLst>
              </p:cNvPr>
              <p:cNvSpPr/>
              <p:nvPr/>
            </p:nvSpPr>
            <p:spPr>
              <a:xfrm>
                <a:off x="5445692" y="5195158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4" name="Rectangle 33">
                <a:extLst>
                  <a:ext uri="{FF2B5EF4-FFF2-40B4-BE49-F238E27FC236}">
                    <a16:creationId xmlns:a16="http://schemas.microsoft.com/office/drawing/2014/main" id="{643674F8-88CB-AC4A-92A4-D6807C02D8B7}"/>
                  </a:ext>
                </a:extLst>
              </p:cNvPr>
              <p:cNvSpPr/>
              <p:nvPr/>
            </p:nvSpPr>
            <p:spPr>
              <a:xfrm>
                <a:off x="5624425" y="5195158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5" name="Rectangle 34">
                <a:extLst>
                  <a:ext uri="{FF2B5EF4-FFF2-40B4-BE49-F238E27FC236}">
                    <a16:creationId xmlns:a16="http://schemas.microsoft.com/office/drawing/2014/main" id="{1DB79FF1-8C33-8647-A731-975EEC648E76}"/>
                  </a:ext>
                </a:extLst>
              </p:cNvPr>
              <p:cNvSpPr/>
              <p:nvPr/>
            </p:nvSpPr>
            <p:spPr>
              <a:xfrm>
                <a:off x="5803157" y="5194815"/>
                <a:ext cx="151975" cy="281313"/>
              </a:xfrm>
              <a:prstGeom prst="rect">
                <a:avLst/>
              </a:prstGeom>
              <a:solidFill>
                <a:schemeClr val="accent6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6" name="Rectangle 35">
                <a:extLst>
                  <a:ext uri="{FF2B5EF4-FFF2-40B4-BE49-F238E27FC236}">
                    <a16:creationId xmlns:a16="http://schemas.microsoft.com/office/drawing/2014/main" id="{624B91ED-135D-2346-AF23-F7CD80F6B58D}"/>
                  </a:ext>
                </a:extLst>
              </p:cNvPr>
              <p:cNvSpPr/>
              <p:nvPr/>
            </p:nvSpPr>
            <p:spPr>
              <a:xfrm>
                <a:off x="6158558" y="5199099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7" name="Rectangle 36">
                <a:extLst>
                  <a:ext uri="{FF2B5EF4-FFF2-40B4-BE49-F238E27FC236}">
                    <a16:creationId xmlns:a16="http://schemas.microsoft.com/office/drawing/2014/main" id="{35116AA3-4976-E449-BD7D-AE96176A1BA7}"/>
                  </a:ext>
                </a:extLst>
              </p:cNvPr>
              <p:cNvSpPr/>
              <p:nvPr/>
            </p:nvSpPr>
            <p:spPr>
              <a:xfrm>
                <a:off x="6337291" y="5198756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8" name="Rectangle 37">
                <a:extLst>
                  <a:ext uri="{FF2B5EF4-FFF2-40B4-BE49-F238E27FC236}">
                    <a16:creationId xmlns:a16="http://schemas.microsoft.com/office/drawing/2014/main" id="{9F17D58F-3D8D-594E-A6EB-86DCAC5A429F}"/>
                  </a:ext>
                </a:extLst>
              </p:cNvPr>
              <p:cNvSpPr/>
              <p:nvPr/>
            </p:nvSpPr>
            <p:spPr>
              <a:xfrm>
                <a:off x="6515318" y="5199442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39" name="Rectangle 38">
                <a:extLst>
                  <a:ext uri="{FF2B5EF4-FFF2-40B4-BE49-F238E27FC236}">
                    <a16:creationId xmlns:a16="http://schemas.microsoft.com/office/drawing/2014/main" id="{53677FB4-BE46-4B49-B323-C335D332CDF5}"/>
                  </a:ext>
                </a:extLst>
              </p:cNvPr>
              <p:cNvSpPr/>
              <p:nvPr/>
            </p:nvSpPr>
            <p:spPr>
              <a:xfrm>
                <a:off x="6694051" y="5199099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0" name="Rectangle 39">
                <a:extLst>
                  <a:ext uri="{FF2B5EF4-FFF2-40B4-BE49-F238E27FC236}">
                    <a16:creationId xmlns:a16="http://schemas.microsoft.com/office/drawing/2014/main" id="{6E042C2E-D72B-9647-AF91-71FF33EDFB3B}"/>
                  </a:ext>
                </a:extLst>
              </p:cNvPr>
              <p:cNvSpPr/>
              <p:nvPr/>
            </p:nvSpPr>
            <p:spPr>
              <a:xfrm>
                <a:off x="6872078" y="5198756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1" name="Rectangle 40">
                <a:extLst>
                  <a:ext uri="{FF2B5EF4-FFF2-40B4-BE49-F238E27FC236}">
                    <a16:creationId xmlns:a16="http://schemas.microsoft.com/office/drawing/2014/main" id="{61C2B29B-D62A-7947-9D5C-7E3438385BB2}"/>
                  </a:ext>
                </a:extLst>
              </p:cNvPr>
              <p:cNvSpPr/>
              <p:nvPr/>
            </p:nvSpPr>
            <p:spPr>
              <a:xfrm>
                <a:off x="7050810" y="5198413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2" name="Rectangle 41">
                <a:extLst>
                  <a:ext uri="{FF2B5EF4-FFF2-40B4-BE49-F238E27FC236}">
                    <a16:creationId xmlns:a16="http://schemas.microsoft.com/office/drawing/2014/main" id="{917E3BAA-3024-F541-8E52-34D58F29E50C}"/>
                  </a:ext>
                </a:extLst>
              </p:cNvPr>
              <p:cNvSpPr/>
              <p:nvPr/>
            </p:nvSpPr>
            <p:spPr>
              <a:xfrm>
                <a:off x="7229543" y="5198413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3" name="Rectangle 42">
                <a:extLst>
                  <a:ext uri="{FF2B5EF4-FFF2-40B4-BE49-F238E27FC236}">
                    <a16:creationId xmlns:a16="http://schemas.microsoft.com/office/drawing/2014/main" id="{46A3D512-2331-224C-9581-E07A32CF18DC}"/>
                  </a:ext>
                </a:extLst>
              </p:cNvPr>
              <p:cNvSpPr/>
              <p:nvPr/>
            </p:nvSpPr>
            <p:spPr>
              <a:xfrm>
                <a:off x="7408276" y="5198070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4" name="Rectangle 43">
                <a:extLst>
                  <a:ext uri="{FF2B5EF4-FFF2-40B4-BE49-F238E27FC236}">
                    <a16:creationId xmlns:a16="http://schemas.microsoft.com/office/drawing/2014/main" id="{5836D6A2-B17A-6F4F-9003-285891FB7B79}"/>
                  </a:ext>
                </a:extLst>
              </p:cNvPr>
              <p:cNvSpPr/>
              <p:nvPr/>
            </p:nvSpPr>
            <p:spPr>
              <a:xfrm>
                <a:off x="7686472" y="5201154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5" name="Rectangle 44">
                <a:extLst>
                  <a:ext uri="{FF2B5EF4-FFF2-40B4-BE49-F238E27FC236}">
                    <a16:creationId xmlns:a16="http://schemas.microsoft.com/office/drawing/2014/main" id="{12D747D8-9035-0A45-9F64-42ABC6A3CBF3}"/>
                  </a:ext>
                </a:extLst>
              </p:cNvPr>
              <p:cNvSpPr/>
              <p:nvPr/>
            </p:nvSpPr>
            <p:spPr>
              <a:xfrm>
                <a:off x="7795807" y="5200811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6" name="Rectangle 45">
                <a:extLst>
                  <a:ext uri="{FF2B5EF4-FFF2-40B4-BE49-F238E27FC236}">
                    <a16:creationId xmlns:a16="http://schemas.microsoft.com/office/drawing/2014/main" id="{955A5EB7-755A-8E4B-8C90-C789C8170349}"/>
                  </a:ext>
                </a:extLst>
              </p:cNvPr>
              <p:cNvSpPr/>
              <p:nvPr/>
            </p:nvSpPr>
            <p:spPr>
              <a:xfrm>
                <a:off x="7904709" y="5201497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7" name="Rectangle 46">
                <a:extLst>
                  <a:ext uri="{FF2B5EF4-FFF2-40B4-BE49-F238E27FC236}">
                    <a16:creationId xmlns:a16="http://schemas.microsoft.com/office/drawing/2014/main" id="{EBC5A161-9BA8-8A42-BD62-479DF2C1BA0D}"/>
                  </a:ext>
                </a:extLst>
              </p:cNvPr>
              <p:cNvSpPr/>
              <p:nvPr/>
            </p:nvSpPr>
            <p:spPr>
              <a:xfrm>
                <a:off x="8014044" y="5201154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8" name="Rectangle 47">
                <a:extLst>
                  <a:ext uri="{FF2B5EF4-FFF2-40B4-BE49-F238E27FC236}">
                    <a16:creationId xmlns:a16="http://schemas.microsoft.com/office/drawing/2014/main" id="{BFC91F2C-FB2C-1B4C-AC9F-F6A329822049}"/>
                  </a:ext>
                </a:extLst>
              </p:cNvPr>
              <p:cNvSpPr/>
              <p:nvPr/>
            </p:nvSpPr>
            <p:spPr>
              <a:xfrm>
                <a:off x="8117923" y="5200641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49" name="Rectangle 48">
                <a:extLst>
                  <a:ext uri="{FF2B5EF4-FFF2-40B4-BE49-F238E27FC236}">
                    <a16:creationId xmlns:a16="http://schemas.microsoft.com/office/drawing/2014/main" id="{115FFF4D-3BEC-1B43-B6B6-20F0240FC81A}"/>
                  </a:ext>
                </a:extLst>
              </p:cNvPr>
              <p:cNvSpPr/>
              <p:nvPr/>
            </p:nvSpPr>
            <p:spPr>
              <a:xfrm>
                <a:off x="8227257" y="5200298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0" name="Rectangle 49">
                <a:extLst>
                  <a:ext uri="{FF2B5EF4-FFF2-40B4-BE49-F238E27FC236}">
                    <a16:creationId xmlns:a16="http://schemas.microsoft.com/office/drawing/2014/main" id="{0BA76097-D839-0B44-A80E-89FC7982CD63}"/>
                  </a:ext>
                </a:extLst>
              </p:cNvPr>
              <p:cNvSpPr/>
              <p:nvPr/>
            </p:nvSpPr>
            <p:spPr>
              <a:xfrm>
                <a:off x="8336160" y="5200984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1" name="Rectangle 50">
                <a:extLst>
                  <a:ext uri="{FF2B5EF4-FFF2-40B4-BE49-F238E27FC236}">
                    <a16:creationId xmlns:a16="http://schemas.microsoft.com/office/drawing/2014/main" id="{ACA2AFF4-DD47-BF49-B290-70B91A7E3900}"/>
                  </a:ext>
                </a:extLst>
              </p:cNvPr>
              <p:cNvSpPr/>
              <p:nvPr/>
            </p:nvSpPr>
            <p:spPr>
              <a:xfrm>
                <a:off x="8445494" y="5200641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2" name="Rectangle 51">
                <a:extLst>
                  <a:ext uri="{FF2B5EF4-FFF2-40B4-BE49-F238E27FC236}">
                    <a16:creationId xmlns:a16="http://schemas.microsoft.com/office/drawing/2014/main" id="{E7BB5879-8838-0548-9CC5-4256C803DF5E}"/>
                  </a:ext>
                </a:extLst>
              </p:cNvPr>
              <p:cNvSpPr/>
              <p:nvPr/>
            </p:nvSpPr>
            <p:spPr>
              <a:xfrm>
                <a:off x="8554398" y="5200298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3" name="Rectangle 52">
                <a:extLst>
                  <a:ext uri="{FF2B5EF4-FFF2-40B4-BE49-F238E27FC236}">
                    <a16:creationId xmlns:a16="http://schemas.microsoft.com/office/drawing/2014/main" id="{B6173C22-1202-AA4B-810B-A41C6E5C8365}"/>
                  </a:ext>
                </a:extLst>
              </p:cNvPr>
              <p:cNvSpPr/>
              <p:nvPr/>
            </p:nvSpPr>
            <p:spPr>
              <a:xfrm>
                <a:off x="8663732" y="5199955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4" name="Rectangle 53">
                <a:extLst>
                  <a:ext uri="{FF2B5EF4-FFF2-40B4-BE49-F238E27FC236}">
                    <a16:creationId xmlns:a16="http://schemas.microsoft.com/office/drawing/2014/main" id="{64FBE51C-0AD1-2246-A871-5A74F9909460}"/>
                  </a:ext>
                </a:extLst>
              </p:cNvPr>
              <p:cNvSpPr/>
              <p:nvPr/>
            </p:nvSpPr>
            <p:spPr>
              <a:xfrm>
                <a:off x="8767610" y="5199784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5" name="Rectangle 54">
                <a:extLst>
                  <a:ext uri="{FF2B5EF4-FFF2-40B4-BE49-F238E27FC236}">
                    <a16:creationId xmlns:a16="http://schemas.microsoft.com/office/drawing/2014/main" id="{71288267-E140-A940-AA81-D7B7986593AB}"/>
                  </a:ext>
                </a:extLst>
              </p:cNvPr>
              <p:cNvSpPr/>
              <p:nvPr/>
            </p:nvSpPr>
            <p:spPr>
              <a:xfrm>
                <a:off x="8876945" y="5199442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6" name="Rectangle 55">
                <a:extLst>
                  <a:ext uri="{FF2B5EF4-FFF2-40B4-BE49-F238E27FC236}">
                    <a16:creationId xmlns:a16="http://schemas.microsoft.com/office/drawing/2014/main" id="{0377ADDD-8805-484B-8C16-6C900B5329D8}"/>
                  </a:ext>
                </a:extLst>
              </p:cNvPr>
              <p:cNvSpPr/>
              <p:nvPr/>
            </p:nvSpPr>
            <p:spPr>
              <a:xfrm>
                <a:off x="7577138" y="5199442"/>
                <a:ext cx="92966" cy="281313"/>
              </a:xfrm>
              <a:prstGeom prst="rect">
                <a:avLst/>
              </a:prstGeom>
              <a:solidFill>
                <a:schemeClr val="accent5">
                  <a:lumMod val="60000"/>
                  <a:lumOff val="40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7" name="Rectangle 56">
                <a:extLst>
                  <a:ext uri="{FF2B5EF4-FFF2-40B4-BE49-F238E27FC236}">
                    <a16:creationId xmlns:a16="http://schemas.microsoft.com/office/drawing/2014/main" id="{99F5C173-727D-1544-9402-EA0241CD69D2}"/>
                  </a:ext>
                </a:extLst>
              </p:cNvPr>
              <p:cNvSpPr/>
              <p:nvPr/>
            </p:nvSpPr>
            <p:spPr>
              <a:xfrm>
                <a:off x="7749192" y="5539470"/>
                <a:ext cx="1007584" cy="646331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ctr"/>
                <a:r>
                  <a:rPr lang="en-US" sz="1200" dirty="0"/>
                  <a:t>13 Spoke </a:t>
                </a:r>
              </a:p>
              <a:p>
                <a:pPr algn="ctr"/>
                <a:r>
                  <a:rPr lang="en-US" sz="1200" dirty="0" err="1"/>
                  <a:t>Cryomodules</a:t>
                </a:r>
                <a:endParaRPr lang="en-US" sz="1200" dirty="0"/>
              </a:p>
              <a:p>
                <a:pPr algn="ctr"/>
                <a:r>
                  <a:rPr lang="en-US" sz="1200" dirty="0"/>
                  <a:t>(54 m)</a:t>
                </a:r>
              </a:p>
            </p:txBody>
          </p:sp>
          <p:sp>
            <p:nvSpPr>
              <p:cNvPr id="58" name="Rectangle 57">
                <a:extLst>
                  <a:ext uri="{FF2B5EF4-FFF2-40B4-BE49-F238E27FC236}">
                    <a16:creationId xmlns:a16="http://schemas.microsoft.com/office/drawing/2014/main" id="{8F8586DD-0209-DA41-B44A-09825F6B9685}"/>
                  </a:ext>
                </a:extLst>
              </p:cNvPr>
              <p:cNvSpPr/>
              <p:nvPr/>
            </p:nvSpPr>
            <p:spPr>
              <a:xfrm rot="5400000">
                <a:off x="2058176" y="3637518"/>
                <a:ext cx="386864" cy="445929"/>
              </a:xfrm>
              <a:prstGeom prst="rect">
                <a:avLst/>
              </a:prstGeom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sp>
            <p:nvSpPr>
              <p:cNvPr id="59" name="Rectangle 58">
                <a:extLst>
                  <a:ext uri="{FF2B5EF4-FFF2-40B4-BE49-F238E27FC236}">
                    <a16:creationId xmlns:a16="http://schemas.microsoft.com/office/drawing/2014/main" id="{D3EBEB7E-C9E6-094B-9AE3-07F689B59C2D}"/>
                  </a:ext>
                </a:extLst>
              </p:cNvPr>
              <p:cNvSpPr/>
              <p:nvPr/>
            </p:nvSpPr>
            <p:spPr>
              <a:xfrm>
                <a:off x="1261723" y="3586885"/>
                <a:ext cx="788164" cy="461665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r"/>
                <a:r>
                  <a:rPr lang="en-US" sz="1200" dirty="0" err="1"/>
                  <a:t>Linac</a:t>
                </a:r>
                <a:endParaRPr lang="en-US" sz="1200" dirty="0"/>
              </a:p>
              <a:p>
                <a:pPr algn="r"/>
                <a:r>
                  <a:rPr lang="en-US" sz="1200" dirty="0" err="1"/>
                  <a:t>Cryoplant</a:t>
                </a:r>
                <a:endParaRPr lang="en-US" sz="1200" dirty="0"/>
              </a:p>
            </p:txBody>
          </p:sp>
          <p:sp>
            <p:nvSpPr>
              <p:cNvPr id="60" name="Rectangle 59">
                <a:extLst>
                  <a:ext uri="{FF2B5EF4-FFF2-40B4-BE49-F238E27FC236}">
                    <a16:creationId xmlns:a16="http://schemas.microsoft.com/office/drawing/2014/main" id="{8A4758A3-5311-EB49-A54E-9B087001BDC9}"/>
                  </a:ext>
                </a:extLst>
              </p:cNvPr>
              <p:cNvSpPr/>
              <p:nvPr/>
            </p:nvSpPr>
            <p:spPr>
              <a:xfrm>
                <a:off x="5982377" y="5197788"/>
                <a:ext cx="151975" cy="281313"/>
              </a:xfrm>
              <a:prstGeom prst="rect">
                <a:avLst/>
              </a:prstGeom>
              <a:solidFill>
                <a:schemeClr val="accent3">
                  <a:lumMod val="75000"/>
                </a:schemeClr>
              </a:solidFill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200"/>
              </a:p>
            </p:txBody>
          </p:sp>
          <p:grpSp>
            <p:nvGrpSpPr>
              <p:cNvPr id="61" name="Group 60">
                <a:extLst>
                  <a:ext uri="{FF2B5EF4-FFF2-40B4-BE49-F238E27FC236}">
                    <a16:creationId xmlns:a16="http://schemas.microsoft.com/office/drawing/2014/main" id="{D7E54886-43FE-1B4F-A623-95B78E544E14}"/>
                  </a:ext>
                </a:extLst>
              </p:cNvPr>
              <p:cNvGrpSpPr/>
              <p:nvPr/>
            </p:nvGrpSpPr>
            <p:grpSpPr>
              <a:xfrm>
                <a:off x="2190484" y="4050691"/>
                <a:ext cx="7036007" cy="1147036"/>
                <a:chOff x="2190484" y="4050691"/>
                <a:chExt cx="7036007" cy="1147036"/>
              </a:xfrm>
            </p:grpSpPr>
            <p:grpSp>
              <p:nvGrpSpPr>
                <p:cNvPr id="62" name="Group 61">
                  <a:extLst>
                    <a:ext uri="{FF2B5EF4-FFF2-40B4-BE49-F238E27FC236}">
                      <a16:creationId xmlns:a16="http://schemas.microsoft.com/office/drawing/2014/main" id="{606C66BF-FCCF-EC45-A499-585D5D251D1F}"/>
                    </a:ext>
                  </a:extLst>
                </p:cNvPr>
                <p:cNvGrpSpPr/>
                <p:nvPr/>
              </p:nvGrpSpPr>
              <p:grpSpPr>
                <a:xfrm>
                  <a:off x="2190484" y="4050691"/>
                  <a:ext cx="7036007" cy="1147036"/>
                  <a:chOff x="2190484" y="4050691"/>
                  <a:chExt cx="7036007" cy="1147036"/>
                </a:xfrm>
              </p:grpSpPr>
              <p:sp>
                <p:nvSpPr>
                  <p:cNvPr id="64" name="Rectangle 63">
                    <a:extLst>
                      <a:ext uri="{FF2B5EF4-FFF2-40B4-BE49-F238E27FC236}">
                        <a16:creationId xmlns:a16="http://schemas.microsoft.com/office/drawing/2014/main" id="{53BCBD3D-635D-9443-A183-5D1AE23119F9}"/>
                      </a:ext>
                    </a:extLst>
                  </p:cNvPr>
                  <p:cNvSpPr/>
                  <p:nvPr/>
                </p:nvSpPr>
                <p:spPr>
                  <a:xfrm>
                    <a:off x="4071833" y="4438876"/>
                    <a:ext cx="3678953" cy="461665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pPr algn="ctr"/>
                    <a:r>
                      <a:rPr lang="en-US" sz="1200" dirty="0"/>
                      <a:t>Cryogenic Distribution Line </a:t>
                    </a:r>
                    <a:br>
                      <a:rPr lang="en-US" sz="1200" dirty="0"/>
                    </a:br>
                    <a:r>
                      <a:rPr lang="en-US" sz="1200" dirty="0"/>
                      <a:t> (310 m) </a:t>
                    </a:r>
                  </a:p>
                </p:txBody>
              </p:sp>
              <p:sp>
                <p:nvSpPr>
                  <p:cNvPr id="65" name="Rectangle 64">
                    <a:extLst>
                      <a:ext uri="{FF2B5EF4-FFF2-40B4-BE49-F238E27FC236}">
                        <a16:creationId xmlns:a16="http://schemas.microsoft.com/office/drawing/2014/main" id="{1EBC08F5-A21D-5240-8037-CFEF4F23AD68}"/>
                      </a:ext>
                    </a:extLst>
                  </p:cNvPr>
                  <p:cNvSpPr/>
                  <p:nvPr/>
                </p:nvSpPr>
                <p:spPr>
                  <a:xfrm>
                    <a:off x="8431156" y="4644167"/>
                    <a:ext cx="795335" cy="276999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r>
                      <a:rPr lang="en-US" sz="1200" dirty="0" err="1"/>
                      <a:t>Endbox</a:t>
                    </a:r>
                    <a:endParaRPr lang="en-US" sz="1200" dirty="0"/>
                  </a:p>
                </p:txBody>
              </p:sp>
              <p:grpSp>
                <p:nvGrpSpPr>
                  <p:cNvPr id="66" name="Group 65">
                    <a:extLst>
                      <a:ext uri="{FF2B5EF4-FFF2-40B4-BE49-F238E27FC236}">
                        <a16:creationId xmlns:a16="http://schemas.microsoft.com/office/drawing/2014/main" id="{706972E2-E588-4347-ABE1-E462BBD54F25}"/>
                      </a:ext>
                    </a:extLst>
                  </p:cNvPr>
                  <p:cNvGrpSpPr/>
                  <p:nvPr/>
                </p:nvGrpSpPr>
                <p:grpSpPr>
                  <a:xfrm>
                    <a:off x="2190484" y="4927883"/>
                    <a:ext cx="6910175" cy="269844"/>
                    <a:chOff x="1298961" y="3596688"/>
                    <a:chExt cx="7398032" cy="292728"/>
                  </a:xfrm>
                </p:grpSpPr>
                <p:sp>
                  <p:nvSpPr>
                    <p:cNvPr id="74" name="Rectangle 73">
                      <a:extLst>
                        <a:ext uri="{FF2B5EF4-FFF2-40B4-BE49-F238E27FC236}">
                          <a16:creationId xmlns:a16="http://schemas.microsoft.com/office/drawing/2014/main" id="{37BB18C3-B060-6940-9DCF-AB8F102FD45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298961" y="3632544"/>
                      <a:ext cx="7323977" cy="72516"/>
                    </a:xfrm>
                    <a:prstGeom prst="rect">
                      <a:avLst/>
                    </a:prstGeom>
                  </p:spPr>
                  <p:style>
                    <a:lnRef idx="1">
                      <a:schemeClr val="accent2"/>
                    </a:lnRef>
                    <a:fillRef idx="3">
                      <a:schemeClr val="accent2"/>
                    </a:fillRef>
                    <a:effectRef idx="2">
                      <a:schemeClr val="accent2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sp>
                  <p:nvSpPr>
                    <p:cNvPr id="75" name="Oval 74">
                      <a:extLst>
                        <a:ext uri="{FF2B5EF4-FFF2-40B4-BE49-F238E27FC236}">
                          <a16:creationId xmlns:a16="http://schemas.microsoft.com/office/drawing/2014/main" id="{14305CD0-B93C-6041-9D92-DD356AA38AB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416858" y="3612567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76" name="Straight Connector 75">
                      <a:extLst>
                        <a:ext uri="{FF2B5EF4-FFF2-40B4-BE49-F238E27FC236}">
                          <a16:creationId xmlns:a16="http://schemas.microsoft.com/office/drawing/2014/main" id="{CE454CB2-1FB4-954A-9109-478690450E8D}"/>
                        </a:ext>
                      </a:extLst>
                    </p:cNvPr>
                    <p:cNvCxnSpPr>
                      <a:stCxn id="75" idx="4"/>
                    </p:cNvCxnSpPr>
                    <p:nvPr/>
                  </p:nvCxnSpPr>
                  <p:spPr>
                    <a:xfrm flipH="1">
                      <a:off x="1453628" y="3746974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77" name="Oval 76">
                      <a:extLst>
                        <a:ext uri="{FF2B5EF4-FFF2-40B4-BE49-F238E27FC236}">
                          <a16:creationId xmlns:a16="http://schemas.microsoft.com/office/drawing/2014/main" id="{02744012-9E98-7D42-BBDA-E0658C9F2D1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606028" y="3612567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78" name="Straight Connector 77">
                      <a:extLst>
                        <a:ext uri="{FF2B5EF4-FFF2-40B4-BE49-F238E27FC236}">
                          <a16:creationId xmlns:a16="http://schemas.microsoft.com/office/drawing/2014/main" id="{84F697F3-8B19-DD49-B710-AB5097F23C0E}"/>
                        </a:ext>
                      </a:extLst>
                    </p:cNvPr>
                    <p:cNvCxnSpPr>
                      <a:stCxn id="77" idx="4"/>
                    </p:cNvCxnSpPr>
                    <p:nvPr/>
                  </p:nvCxnSpPr>
                  <p:spPr>
                    <a:xfrm flipH="1">
                      <a:off x="1642798" y="3746974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79" name="Oval 78">
                      <a:extLst>
                        <a:ext uri="{FF2B5EF4-FFF2-40B4-BE49-F238E27FC236}">
                          <a16:creationId xmlns:a16="http://schemas.microsoft.com/office/drawing/2014/main" id="{1F9EE162-D55B-214E-8BE3-A59F3D368C43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796810" y="3612567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80" name="Straight Connector 79">
                      <a:extLst>
                        <a:ext uri="{FF2B5EF4-FFF2-40B4-BE49-F238E27FC236}">
                          <a16:creationId xmlns:a16="http://schemas.microsoft.com/office/drawing/2014/main" id="{08CD1CBA-A4D5-8147-A514-C500B32513BA}"/>
                        </a:ext>
                      </a:extLst>
                    </p:cNvPr>
                    <p:cNvCxnSpPr>
                      <a:stCxn id="79" idx="4"/>
                    </p:cNvCxnSpPr>
                    <p:nvPr/>
                  </p:nvCxnSpPr>
                  <p:spPr>
                    <a:xfrm flipH="1">
                      <a:off x="1833580" y="3746974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81" name="Oval 80">
                      <a:extLst>
                        <a:ext uri="{FF2B5EF4-FFF2-40B4-BE49-F238E27FC236}">
                          <a16:creationId xmlns:a16="http://schemas.microsoft.com/office/drawing/2014/main" id="{7F22B4E2-DAB7-7E49-A3E5-2024976F88C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974610" y="360940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82" name="Straight Connector 81">
                      <a:extLst>
                        <a:ext uri="{FF2B5EF4-FFF2-40B4-BE49-F238E27FC236}">
                          <a16:creationId xmlns:a16="http://schemas.microsoft.com/office/drawing/2014/main" id="{D28D61D5-A88D-CC42-A4DE-D39406B081BA}"/>
                        </a:ext>
                      </a:extLst>
                    </p:cNvPr>
                    <p:cNvCxnSpPr>
                      <a:stCxn id="81" idx="4"/>
                    </p:cNvCxnSpPr>
                    <p:nvPr/>
                  </p:nvCxnSpPr>
                  <p:spPr>
                    <a:xfrm flipH="1">
                      <a:off x="2011380" y="374381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83" name="Oval 82">
                      <a:extLst>
                        <a:ext uri="{FF2B5EF4-FFF2-40B4-BE49-F238E27FC236}">
                          <a16:creationId xmlns:a16="http://schemas.microsoft.com/office/drawing/2014/main" id="{222F8C74-CB29-104D-94DE-A87AEB1F315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171743" y="360835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84" name="Straight Connector 83">
                      <a:extLst>
                        <a:ext uri="{FF2B5EF4-FFF2-40B4-BE49-F238E27FC236}">
                          <a16:creationId xmlns:a16="http://schemas.microsoft.com/office/drawing/2014/main" id="{6A109BEA-02AC-C742-9673-49E340218EAA}"/>
                        </a:ext>
                      </a:extLst>
                    </p:cNvPr>
                    <p:cNvCxnSpPr>
                      <a:stCxn id="83" idx="4"/>
                    </p:cNvCxnSpPr>
                    <p:nvPr/>
                  </p:nvCxnSpPr>
                  <p:spPr>
                    <a:xfrm flipH="1">
                      <a:off x="2208513" y="374275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85" name="Oval 84">
                      <a:extLst>
                        <a:ext uri="{FF2B5EF4-FFF2-40B4-BE49-F238E27FC236}">
                          <a16:creationId xmlns:a16="http://schemas.microsoft.com/office/drawing/2014/main" id="{1D29B1A2-7D3C-AA4F-BAF1-2FCB1084942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359178" y="3607274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86" name="Straight Connector 85">
                      <a:extLst>
                        <a:ext uri="{FF2B5EF4-FFF2-40B4-BE49-F238E27FC236}">
                          <a16:creationId xmlns:a16="http://schemas.microsoft.com/office/drawing/2014/main" id="{835A7FB0-1FE0-0940-AC9D-4EB5B78FF8CC}"/>
                        </a:ext>
                      </a:extLst>
                    </p:cNvPr>
                    <p:cNvCxnSpPr>
                      <a:stCxn id="85" idx="4"/>
                    </p:cNvCxnSpPr>
                    <p:nvPr/>
                  </p:nvCxnSpPr>
                  <p:spPr>
                    <a:xfrm flipH="1">
                      <a:off x="2395948" y="3741681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87" name="Oval 86">
                      <a:extLst>
                        <a:ext uri="{FF2B5EF4-FFF2-40B4-BE49-F238E27FC236}">
                          <a16:creationId xmlns:a16="http://schemas.microsoft.com/office/drawing/2014/main" id="{4759C669-0DBE-784B-A28B-6A2C058EFECD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549960" y="3607274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88" name="Straight Connector 87">
                      <a:extLst>
                        <a:ext uri="{FF2B5EF4-FFF2-40B4-BE49-F238E27FC236}">
                          <a16:creationId xmlns:a16="http://schemas.microsoft.com/office/drawing/2014/main" id="{9D1D04A0-A010-0047-B191-06D0CF5B1391}"/>
                        </a:ext>
                      </a:extLst>
                    </p:cNvPr>
                    <p:cNvCxnSpPr>
                      <a:stCxn id="87" idx="4"/>
                    </p:cNvCxnSpPr>
                    <p:nvPr/>
                  </p:nvCxnSpPr>
                  <p:spPr>
                    <a:xfrm flipH="1">
                      <a:off x="2586730" y="3741681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89" name="Oval 88">
                      <a:extLst>
                        <a:ext uri="{FF2B5EF4-FFF2-40B4-BE49-F238E27FC236}">
                          <a16:creationId xmlns:a16="http://schemas.microsoft.com/office/drawing/2014/main" id="{13F9008F-D3BE-BF42-98C2-6A428F70AB3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739130" y="3607274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90" name="Straight Connector 89">
                      <a:extLst>
                        <a:ext uri="{FF2B5EF4-FFF2-40B4-BE49-F238E27FC236}">
                          <a16:creationId xmlns:a16="http://schemas.microsoft.com/office/drawing/2014/main" id="{647A377C-E9C5-0346-851F-65FD64923969}"/>
                        </a:ext>
                      </a:extLst>
                    </p:cNvPr>
                    <p:cNvCxnSpPr>
                      <a:stCxn id="89" idx="4"/>
                    </p:cNvCxnSpPr>
                    <p:nvPr/>
                  </p:nvCxnSpPr>
                  <p:spPr>
                    <a:xfrm flipH="1">
                      <a:off x="2775900" y="3741681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91" name="Oval 90">
                      <a:extLst>
                        <a:ext uri="{FF2B5EF4-FFF2-40B4-BE49-F238E27FC236}">
                          <a16:creationId xmlns:a16="http://schemas.microsoft.com/office/drawing/2014/main" id="{5118BC72-9C4D-2B4F-AB3F-64D84C815D32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2929912" y="3607274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92" name="Straight Connector 91">
                      <a:extLst>
                        <a:ext uri="{FF2B5EF4-FFF2-40B4-BE49-F238E27FC236}">
                          <a16:creationId xmlns:a16="http://schemas.microsoft.com/office/drawing/2014/main" id="{981343D5-FAE7-6F42-901B-BB0140F5FB18}"/>
                        </a:ext>
                      </a:extLst>
                    </p:cNvPr>
                    <p:cNvCxnSpPr>
                      <a:stCxn id="91" idx="4"/>
                    </p:cNvCxnSpPr>
                    <p:nvPr/>
                  </p:nvCxnSpPr>
                  <p:spPr>
                    <a:xfrm flipH="1">
                      <a:off x="2966682" y="3741681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93" name="Oval 92">
                      <a:extLst>
                        <a:ext uri="{FF2B5EF4-FFF2-40B4-BE49-F238E27FC236}">
                          <a16:creationId xmlns:a16="http://schemas.microsoft.com/office/drawing/2014/main" id="{A9E64532-9BAF-2747-B8D2-782F7834DC0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107712" y="3604115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94" name="Straight Connector 93">
                      <a:extLst>
                        <a:ext uri="{FF2B5EF4-FFF2-40B4-BE49-F238E27FC236}">
                          <a16:creationId xmlns:a16="http://schemas.microsoft.com/office/drawing/2014/main" id="{3CCE19FC-CC3E-8E48-BF51-9755054373B3}"/>
                        </a:ext>
                      </a:extLst>
                    </p:cNvPr>
                    <p:cNvCxnSpPr>
                      <a:stCxn id="93" idx="4"/>
                    </p:cNvCxnSpPr>
                    <p:nvPr/>
                  </p:nvCxnSpPr>
                  <p:spPr>
                    <a:xfrm flipH="1">
                      <a:off x="3144482" y="3738522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95" name="Oval 94">
                      <a:extLst>
                        <a:ext uri="{FF2B5EF4-FFF2-40B4-BE49-F238E27FC236}">
                          <a16:creationId xmlns:a16="http://schemas.microsoft.com/office/drawing/2014/main" id="{174C0BD7-F4CA-6F45-A0D9-B2A045A0C65D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304845" y="360305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96" name="Straight Connector 95">
                      <a:extLst>
                        <a:ext uri="{FF2B5EF4-FFF2-40B4-BE49-F238E27FC236}">
                          <a16:creationId xmlns:a16="http://schemas.microsoft.com/office/drawing/2014/main" id="{4C513A1E-0BC1-FF42-88DF-408E0951CBBB}"/>
                        </a:ext>
                      </a:extLst>
                    </p:cNvPr>
                    <p:cNvCxnSpPr>
                      <a:stCxn id="95" idx="4"/>
                    </p:cNvCxnSpPr>
                    <p:nvPr/>
                  </p:nvCxnSpPr>
                  <p:spPr>
                    <a:xfrm flipH="1">
                      <a:off x="3341615" y="373746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97" name="Oval 96">
                      <a:extLst>
                        <a:ext uri="{FF2B5EF4-FFF2-40B4-BE49-F238E27FC236}">
                          <a16:creationId xmlns:a16="http://schemas.microsoft.com/office/drawing/2014/main" id="{CCB55AED-8170-914A-BA7A-9AA9A3B80A5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495082" y="360198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98" name="Straight Connector 97">
                      <a:extLst>
                        <a:ext uri="{FF2B5EF4-FFF2-40B4-BE49-F238E27FC236}">
                          <a16:creationId xmlns:a16="http://schemas.microsoft.com/office/drawing/2014/main" id="{2E903D36-A266-3045-9792-70FF858F3D82}"/>
                        </a:ext>
                      </a:extLst>
                    </p:cNvPr>
                    <p:cNvCxnSpPr>
                      <a:stCxn id="97" idx="4"/>
                    </p:cNvCxnSpPr>
                    <p:nvPr/>
                  </p:nvCxnSpPr>
                  <p:spPr>
                    <a:xfrm flipH="1">
                      <a:off x="3531852" y="373638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99" name="Oval 98">
                      <a:extLst>
                        <a:ext uri="{FF2B5EF4-FFF2-40B4-BE49-F238E27FC236}">
                          <a16:creationId xmlns:a16="http://schemas.microsoft.com/office/drawing/2014/main" id="{AAAB3FDF-FBF3-3E46-9F4A-A548787E10F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685864" y="360198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00" name="Straight Connector 99">
                      <a:extLst>
                        <a:ext uri="{FF2B5EF4-FFF2-40B4-BE49-F238E27FC236}">
                          <a16:creationId xmlns:a16="http://schemas.microsoft.com/office/drawing/2014/main" id="{8474AE8A-263F-8043-B3CE-D317D660E461}"/>
                        </a:ext>
                      </a:extLst>
                    </p:cNvPr>
                    <p:cNvCxnSpPr>
                      <a:stCxn id="99" idx="4"/>
                    </p:cNvCxnSpPr>
                    <p:nvPr/>
                  </p:nvCxnSpPr>
                  <p:spPr>
                    <a:xfrm flipH="1">
                      <a:off x="3722634" y="373638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01" name="Oval 100">
                      <a:extLst>
                        <a:ext uri="{FF2B5EF4-FFF2-40B4-BE49-F238E27FC236}">
                          <a16:creationId xmlns:a16="http://schemas.microsoft.com/office/drawing/2014/main" id="{3E19BB1A-2FEF-3341-914E-32E34EF7F8F4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3875034" y="360198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02" name="Straight Connector 101">
                      <a:extLst>
                        <a:ext uri="{FF2B5EF4-FFF2-40B4-BE49-F238E27FC236}">
                          <a16:creationId xmlns:a16="http://schemas.microsoft.com/office/drawing/2014/main" id="{89D432EE-82A7-6842-8690-981218AEB755}"/>
                        </a:ext>
                      </a:extLst>
                    </p:cNvPr>
                    <p:cNvCxnSpPr>
                      <a:stCxn id="101" idx="4"/>
                    </p:cNvCxnSpPr>
                    <p:nvPr/>
                  </p:nvCxnSpPr>
                  <p:spPr>
                    <a:xfrm flipH="1">
                      <a:off x="3911804" y="373638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03" name="Oval 102">
                      <a:extLst>
                        <a:ext uri="{FF2B5EF4-FFF2-40B4-BE49-F238E27FC236}">
                          <a16:creationId xmlns:a16="http://schemas.microsoft.com/office/drawing/2014/main" id="{1629C9A0-1EC6-3542-B29A-34C9F646B8F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065816" y="360198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04" name="Straight Connector 103">
                      <a:extLst>
                        <a:ext uri="{FF2B5EF4-FFF2-40B4-BE49-F238E27FC236}">
                          <a16:creationId xmlns:a16="http://schemas.microsoft.com/office/drawing/2014/main" id="{F775D7B2-26BF-2D49-AFDC-9525E6132FA6}"/>
                        </a:ext>
                      </a:extLst>
                    </p:cNvPr>
                    <p:cNvCxnSpPr>
                      <a:stCxn id="103" idx="4"/>
                    </p:cNvCxnSpPr>
                    <p:nvPr/>
                  </p:nvCxnSpPr>
                  <p:spPr>
                    <a:xfrm flipH="1">
                      <a:off x="4102586" y="373638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05" name="Oval 104">
                      <a:extLst>
                        <a:ext uri="{FF2B5EF4-FFF2-40B4-BE49-F238E27FC236}">
                          <a16:creationId xmlns:a16="http://schemas.microsoft.com/office/drawing/2014/main" id="{5C7DE639-D3C1-A247-AB80-268AE61F94E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243616" y="3598822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06" name="Straight Connector 105">
                      <a:extLst>
                        <a:ext uri="{FF2B5EF4-FFF2-40B4-BE49-F238E27FC236}">
                          <a16:creationId xmlns:a16="http://schemas.microsoft.com/office/drawing/2014/main" id="{6962A9F1-8311-3F4E-8F27-EEF35E3EDF8D}"/>
                        </a:ext>
                      </a:extLst>
                    </p:cNvPr>
                    <p:cNvCxnSpPr>
                      <a:stCxn id="105" idx="4"/>
                    </p:cNvCxnSpPr>
                    <p:nvPr/>
                  </p:nvCxnSpPr>
                  <p:spPr>
                    <a:xfrm flipH="1">
                      <a:off x="4280386" y="3733229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07" name="Oval 106">
                      <a:extLst>
                        <a:ext uri="{FF2B5EF4-FFF2-40B4-BE49-F238E27FC236}">
                          <a16:creationId xmlns:a16="http://schemas.microsoft.com/office/drawing/2014/main" id="{4104389A-C833-7A4F-9285-99774DB9510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440749" y="3597765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08" name="Straight Connector 107">
                      <a:extLst>
                        <a:ext uri="{FF2B5EF4-FFF2-40B4-BE49-F238E27FC236}">
                          <a16:creationId xmlns:a16="http://schemas.microsoft.com/office/drawing/2014/main" id="{CD774212-5CD6-D247-81C1-817ECD26E54E}"/>
                        </a:ext>
                      </a:extLst>
                    </p:cNvPr>
                    <p:cNvCxnSpPr>
                      <a:stCxn id="107" idx="4"/>
                    </p:cNvCxnSpPr>
                    <p:nvPr/>
                  </p:nvCxnSpPr>
                  <p:spPr>
                    <a:xfrm flipH="1">
                      <a:off x="4477519" y="3732172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09" name="Oval 108">
                      <a:extLst>
                        <a:ext uri="{FF2B5EF4-FFF2-40B4-BE49-F238E27FC236}">
                          <a16:creationId xmlns:a16="http://schemas.microsoft.com/office/drawing/2014/main" id="{DE0F40A5-819B-AC43-9422-4D7127F70749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634977" y="359668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10" name="Straight Connector 109">
                      <a:extLst>
                        <a:ext uri="{FF2B5EF4-FFF2-40B4-BE49-F238E27FC236}">
                          <a16:creationId xmlns:a16="http://schemas.microsoft.com/office/drawing/2014/main" id="{104AF449-6A99-354B-9E89-B909C7B47B6E}"/>
                        </a:ext>
                      </a:extLst>
                    </p:cNvPr>
                    <p:cNvCxnSpPr>
                      <a:stCxn id="109" idx="4"/>
                    </p:cNvCxnSpPr>
                    <p:nvPr/>
                  </p:nvCxnSpPr>
                  <p:spPr>
                    <a:xfrm flipH="1">
                      <a:off x="4671747" y="373109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11" name="Oval 110">
                      <a:extLst>
                        <a:ext uri="{FF2B5EF4-FFF2-40B4-BE49-F238E27FC236}">
                          <a16:creationId xmlns:a16="http://schemas.microsoft.com/office/drawing/2014/main" id="{EB783E61-7F9A-1641-85D8-7865CACA16DF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4825759" y="359668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12" name="Straight Connector 111">
                      <a:extLst>
                        <a:ext uri="{FF2B5EF4-FFF2-40B4-BE49-F238E27FC236}">
                          <a16:creationId xmlns:a16="http://schemas.microsoft.com/office/drawing/2014/main" id="{783E71E7-8F56-014E-955E-7CE6A931703B}"/>
                        </a:ext>
                      </a:extLst>
                    </p:cNvPr>
                    <p:cNvCxnSpPr>
                      <a:stCxn id="111" idx="4"/>
                    </p:cNvCxnSpPr>
                    <p:nvPr/>
                  </p:nvCxnSpPr>
                  <p:spPr>
                    <a:xfrm flipH="1">
                      <a:off x="4862529" y="373109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13" name="Oval 112">
                      <a:extLst>
                        <a:ext uri="{FF2B5EF4-FFF2-40B4-BE49-F238E27FC236}">
                          <a16:creationId xmlns:a16="http://schemas.microsoft.com/office/drawing/2014/main" id="{AA850110-0246-F942-BCF7-D0AE0417B88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014929" y="359668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14" name="Straight Connector 113">
                      <a:extLst>
                        <a:ext uri="{FF2B5EF4-FFF2-40B4-BE49-F238E27FC236}">
                          <a16:creationId xmlns:a16="http://schemas.microsoft.com/office/drawing/2014/main" id="{70CBB17C-C8E7-AB41-819C-CD6C5A9E0C68}"/>
                        </a:ext>
                      </a:extLst>
                    </p:cNvPr>
                    <p:cNvCxnSpPr>
                      <a:stCxn id="113" idx="4"/>
                    </p:cNvCxnSpPr>
                    <p:nvPr/>
                  </p:nvCxnSpPr>
                  <p:spPr>
                    <a:xfrm flipH="1">
                      <a:off x="5051699" y="373109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15" name="Oval 114">
                      <a:extLst>
                        <a:ext uri="{FF2B5EF4-FFF2-40B4-BE49-F238E27FC236}">
                          <a16:creationId xmlns:a16="http://schemas.microsoft.com/office/drawing/2014/main" id="{145AE5AC-BCC4-BD41-8ADD-0A0C10986F1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205711" y="359668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16" name="Straight Connector 115">
                      <a:extLst>
                        <a:ext uri="{FF2B5EF4-FFF2-40B4-BE49-F238E27FC236}">
                          <a16:creationId xmlns:a16="http://schemas.microsoft.com/office/drawing/2014/main" id="{8CC63E4F-1495-304B-92D3-6357D1C1C31C}"/>
                        </a:ext>
                      </a:extLst>
                    </p:cNvPr>
                    <p:cNvCxnSpPr>
                      <a:stCxn id="115" idx="4"/>
                    </p:cNvCxnSpPr>
                    <p:nvPr/>
                  </p:nvCxnSpPr>
                  <p:spPr>
                    <a:xfrm flipH="1">
                      <a:off x="5242481" y="373109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17" name="Oval 116">
                      <a:extLst>
                        <a:ext uri="{FF2B5EF4-FFF2-40B4-BE49-F238E27FC236}">
                          <a16:creationId xmlns:a16="http://schemas.microsoft.com/office/drawing/2014/main" id="{D320997B-B09D-F743-9AF8-43950CF8762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593344" y="3605172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18" name="Straight Connector 117">
                      <a:extLst>
                        <a:ext uri="{FF2B5EF4-FFF2-40B4-BE49-F238E27FC236}">
                          <a16:creationId xmlns:a16="http://schemas.microsoft.com/office/drawing/2014/main" id="{85970830-1501-DE45-BBA5-5FB4A0ACCDB4}"/>
                        </a:ext>
                      </a:extLst>
                    </p:cNvPr>
                    <p:cNvCxnSpPr>
                      <a:stCxn id="117" idx="4"/>
                    </p:cNvCxnSpPr>
                    <p:nvPr/>
                  </p:nvCxnSpPr>
                  <p:spPr>
                    <a:xfrm flipH="1">
                      <a:off x="5630114" y="3739579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19" name="Oval 118">
                      <a:extLst>
                        <a:ext uri="{FF2B5EF4-FFF2-40B4-BE49-F238E27FC236}">
                          <a16:creationId xmlns:a16="http://schemas.microsoft.com/office/drawing/2014/main" id="{3367D7DC-2FD0-6946-A5F4-4BF75D6B3F6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783077" y="3608351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20" name="Straight Connector 119">
                      <a:extLst>
                        <a:ext uri="{FF2B5EF4-FFF2-40B4-BE49-F238E27FC236}">
                          <a16:creationId xmlns:a16="http://schemas.microsoft.com/office/drawing/2014/main" id="{66707338-8B8E-FE49-9FF4-B728C9066F02}"/>
                        </a:ext>
                      </a:extLst>
                    </p:cNvPr>
                    <p:cNvCxnSpPr>
                      <a:stCxn id="119" idx="4"/>
                    </p:cNvCxnSpPr>
                    <p:nvPr/>
                  </p:nvCxnSpPr>
                  <p:spPr>
                    <a:xfrm flipH="1">
                      <a:off x="5819847" y="3742758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21" name="Oval 120">
                      <a:extLst>
                        <a:ext uri="{FF2B5EF4-FFF2-40B4-BE49-F238E27FC236}">
                          <a16:creationId xmlns:a16="http://schemas.microsoft.com/office/drawing/2014/main" id="{2A874243-5398-4E41-8590-8667C184F54B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5960877" y="3605192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22" name="Straight Connector 121">
                      <a:extLst>
                        <a:ext uri="{FF2B5EF4-FFF2-40B4-BE49-F238E27FC236}">
                          <a16:creationId xmlns:a16="http://schemas.microsoft.com/office/drawing/2014/main" id="{A4030B2E-6332-3145-9203-A606ECB74DDB}"/>
                        </a:ext>
                      </a:extLst>
                    </p:cNvPr>
                    <p:cNvCxnSpPr>
                      <a:stCxn id="121" idx="4"/>
                    </p:cNvCxnSpPr>
                    <p:nvPr/>
                  </p:nvCxnSpPr>
                  <p:spPr>
                    <a:xfrm flipH="1">
                      <a:off x="5997647" y="3739599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23" name="Oval 122">
                      <a:extLst>
                        <a:ext uri="{FF2B5EF4-FFF2-40B4-BE49-F238E27FC236}">
                          <a16:creationId xmlns:a16="http://schemas.microsoft.com/office/drawing/2014/main" id="{B46D6166-52BC-7D48-8B79-102B533180C7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158010" y="3604135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24" name="Straight Connector 123">
                      <a:extLst>
                        <a:ext uri="{FF2B5EF4-FFF2-40B4-BE49-F238E27FC236}">
                          <a16:creationId xmlns:a16="http://schemas.microsoft.com/office/drawing/2014/main" id="{176B56D8-CD50-AB40-8FBC-D8700C63ACCB}"/>
                        </a:ext>
                      </a:extLst>
                    </p:cNvPr>
                    <p:cNvCxnSpPr>
                      <a:stCxn id="123" idx="4"/>
                    </p:cNvCxnSpPr>
                    <p:nvPr/>
                  </p:nvCxnSpPr>
                  <p:spPr>
                    <a:xfrm flipH="1">
                      <a:off x="6194780" y="3738542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25" name="Oval 124">
                      <a:extLst>
                        <a:ext uri="{FF2B5EF4-FFF2-40B4-BE49-F238E27FC236}">
                          <a16:creationId xmlns:a16="http://schemas.microsoft.com/office/drawing/2014/main" id="{F04E176A-1370-AF4D-BB50-A9FB2938FCBD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352238" y="360305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26" name="Straight Connector 125">
                      <a:extLst>
                        <a:ext uri="{FF2B5EF4-FFF2-40B4-BE49-F238E27FC236}">
                          <a16:creationId xmlns:a16="http://schemas.microsoft.com/office/drawing/2014/main" id="{803EDC2A-495D-4B45-AE1B-0059C00DD1AE}"/>
                        </a:ext>
                      </a:extLst>
                    </p:cNvPr>
                    <p:cNvCxnSpPr>
                      <a:stCxn id="125" idx="4"/>
                    </p:cNvCxnSpPr>
                    <p:nvPr/>
                  </p:nvCxnSpPr>
                  <p:spPr>
                    <a:xfrm flipH="1">
                      <a:off x="6389008" y="373746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27" name="Oval 126">
                      <a:extLst>
                        <a:ext uri="{FF2B5EF4-FFF2-40B4-BE49-F238E27FC236}">
                          <a16:creationId xmlns:a16="http://schemas.microsoft.com/office/drawing/2014/main" id="{003FAB4E-E0B3-D24C-8BEF-192BFF901CE8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543020" y="360305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28" name="Straight Connector 127">
                      <a:extLst>
                        <a:ext uri="{FF2B5EF4-FFF2-40B4-BE49-F238E27FC236}">
                          <a16:creationId xmlns:a16="http://schemas.microsoft.com/office/drawing/2014/main" id="{89529FB5-07D0-EA4A-9F4C-DC57C623E945}"/>
                        </a:ext>
                      </a:extLst>
                    </p:cNvPr>
                    <p:cNvCxnSpPr>
                      <a:stCxn id="127" idx="4"/>
                    </p:cNvCxnSpPr>
                    <p:nvPr/>
                  </p:nvCxnSpPr>
                  <p:spPr>
                    <a:xfrm flipH="1">
                      <a:off x="6579790" y="373746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29" name="Oval 128">
                      <a:extLst>
                        <a:ext uri="{FF2B5EF4-FFF2-40B4-BE49-F238E27FC236}">
                          <a16:creationId xmlns:a16="http://schemas.microsoft.com/office/drawing/2014/main" id="{CB9F614C-E48F-4144-83B4-56D8B0E7C38D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732190" y="360305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30" name="Straight Connector 129">
                      <a:extLst>
                        <a:ext uri="{FF2B5EF4-FFF2-40B4-BE49-F238E27FC236}">
                          <a16:creationId xmlns:a16="http://schemas.microsoft.com/office/drawing/2014/main" id="{ACDB3134-2F44-B442-8CF5-6394E035BD29}"/>
                        </a:ext>
                      </a:extLst>
                    </p:cNvPr>
                    <p:cNvCxnSpPr>
                      <a:stCxn id="129" idx="4"/>
                    </p:cNvCxnSpPr>
                    <p:nvPr/>
                  </p:nvCxnSpPr>
                  <p:spPr>
                    <a:xfrm flipH="1">
                      <a:off x="6768960" y="373746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131" name="Oval 130">
                      <a:extLst>
                        <a:ext uri="{FF2B5EF4-FFF2-40B4-BE49-F238E27FC236}">
                          <a16:creationId xmlns:a16="http://schemas.microsoft.com/office/drawing/2014/main" id="{6FC38DCF-840A-BB4D-9637-AE3B45C4655C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6922972" y="3603058"/>
                      <a:ext cx="76765" cy="134407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  <p:cxnSp>
                  <p:nvCxnSpPr>
                    <p:cNvPr id="132" name="Straight Connector 131">
                      <a:extLst>
                        <a:ext uri="{FF2B5EF4-FFF2-40B4-BE49-F238E27FC236}">
                          <a16:creationId xmlns:a16="http://schemas.microsoft.com/office/drawing/2014/main" id="{26F4AB56-4B7A-A247-82E9-202617BD3192}"/>
                        </a:ext>
                      </a:extLst>
                    </p:cNvPr>
                    <p:cNvCxnSpPr>
                      <a:stCxn id="131" idx="4"/>
                    </p:cNvCxnSpPr>
                    <p:nvPr/>
                  </p:nvCxnSpPr>
                  <p:spPr>
                    <a:xfrm flipH="1">
                      <a:off x="6959742" y="3737465"/>
                      <a:ext cx="1613" cy="142442"/>
                    </a:xfrm>
                    <a:prstGeom prst="line">
                      <a:avLst/>
                    </a:prstGeom>
                    <a:ln>
                      <a:solidFill>
                        <a:srgbClr val="FF0000"/>
                      </a:solidFill>
                    </a:ln>
                  </p:spPr>
                  <p:style>
                    <a:lnRef idx="2">
                      <a:schemeClr val="accent1"/>
                    </a:lnRef>
                    <a:fillRef idx="0">
                      <a:schemeClr val="accent1"/>
                    </a:fillRef>
                    <a:effectRef idx="1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grpSp>
                  <p:nvGrpSpPr>
                    <p:cNvPr id="133" name="Group 132">
                      <a:extLst>
                        <a:ext uri="{FF2B5EF4-FFF2-40B4-BE49-F238E27FC236}">
                          <a16:creationId xmlns:a16="http://schemas.microsoft.com/office/drawing/2014/main" id="{827635BA-7914-7641-AAC1-34544C71AC1C}"/>
                        </a:ext>
                      </a:extLst>
                    </p:cNvPr>
                    <p:cNvGrpSpPr/>
                    <p:nvPr/>
                  </p:nvGrpSpPr>
                  <p:grpSpPr>
                    <a:xfrm>
                      <a:off x="7094969" y="3596708"/>
                      <a:ext cx="1438382" cy="287435"/>
                      <a:chOff x="5656112" y="1909156"/>
                      <a:chExt cx="2352564" cy="287435"/>
                    </a:xfrm>
                  </p:grpSpPr>
                  <p:sp>
                    <p:nvSpPr>
                      <p:cNvPr id="135" name="Oval 134">
                        <a:extLst>
                          <a:ext uri="{FF2B5EF4-FFF2-40B4-BE49-F238E27FC236}">
                            <a16:creationId xmlns:a16="http://schemas.microsoft.com/office/drawing/2014/main" id="{4B0F6E32-343A-E843-9BFA-37834A14098B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5656112" y="1919742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36" name="Straight Connector 135">
                        <a:extLst>
                          <a:ext uri="{FF2B5EF4-FFF2-40B4-BE49-F238E27FC236}">
                            <a16:creationId xmlns:a16="http://schemas.microsoft.com/office/drawing/2014/main" id="{27F218EC-747C-9343-A293-473E0415482E}"/>
                          </a:ext>
                        </a:extLst>
                      </p:cNvPr>
                      <p:cNvCxnSpPr>
                        <a:stCxn id="135" idx="4"/>
                      </p:cNvCxnSpPr>
                      <p:nvPr/>
                    </p:nvCxnSpPr>
                    <p:spPr>
                      <a:xfrm flipH="1">
                        <a:off x="5692882" y="2054149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37" name="Oval 136">
                        <a:extLst>
                          <a:ext uri="{FF2B5EF4-FFF2-40B4-BE49-F238E27FC236}">
                            <a16:creationId xmlns:a16="http://schemas.microsoft.com/office/drawing/2014/main" id="{214D90A6-6622-F04B-9CE5-5C8101CE3AC3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5833912" y="1916583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38" name="Straight Connector 137">
                        <a:extLst>
                          <a:ext uri="{FF2B5EF4-FFF2-40B4-BE49-F238E27FC236}">
                            <a16:creationId xmlns:a16="http://schemas.microsoft.com/office/drawing/2014/main" id="{A91EEC6C-5155-5E45-BC92-3677FE7098FB}"/>
                          </a:ext>
                        </a:extLst>
                      </p:cNvPr>
                      <p:cNvCxnSpPr>
                        <a:stCxn id="137" idx="4"/>
                      </p:cNvCxnSpPr>
                      <p:nvPr/>
                    </p:nvCxnSpPr>
                    <p:spPr>
                      <a:xfrm flipH="1">
                        <a:off x="5870682" y="2050990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39" name="Oval 138">
                        <a:extLst>
                          <a:ext uri="{FF2B5EF4-FFF2-40B4-BE49-F238E27FC236}">
                            <a16:creationId xmlns:a16="http://schemas.microsoft.com/office/drawing/2014/main" id="{58E2F749-797C-8549-90C4-25712B684FE2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031045" y="1915526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40" name="Straight Connector 139">
                        <a:extLst>
                          <a:ext uri="{FF2B5EF4-FFF2-40B4-BE49-F238E27FC236}">
                            <a16:creationId xmlns:a16="http://schemas.microsoft.com/office/drawing/2014/main" id="{96B71C10-DFAC-7D46-AD48-7FE9D6033CEC}"/>
                          </a:ext>
                        </a:extLst>
                      </p:cNvPr>
                      <p:cNvCxnSpPr>
                        <a:stCxn id="139" idx="4"/>
                      </p:cNvCxnSpPr>
                      <p:nvPr/>
                    </p:nvCxnSpPr>
                    <p:spPr>
                      <a:xfrm flipH="1">
                        <a:off x="6067815" y="2049933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41" name="Oval 140">
                        <a:extLst>
                          <a:ext uri="{FF2B5EF4-FFF2-40B4-BE49-F238E27FC236}">
                            <a16:creationId xmlns:a16="http://schemas.microsoft.com/office/drawing/2014/main" id="{5FB9D88A-C408-C241-8902-A2EF0D96F052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221282" y="1914449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42" name="Straight Connector 141">
                        <a:extLst>
                          <a:ext uri="{FF2B5EF4-FFF2-40B4-BE49-F238E27FC236}">
                            <a16:creationId xmlns:a16="http://schemas.microsoft.com/office/drawing/2014/main" id="{2339FABF-8F39-8E42-8013-2C86D61BDC19}"/>
                          </a:ext>
                        </a:extLst>
                      </p:cNvPr>
                      <p:cNvCxnSpPr>
                        <a:stCxn id="141" idx="4"/>
                      </p:cNvCxnSpPr>
                      <p:nvPr/>
                    </p:nvCxnSpPr>
                    <p:spPr>
                      <a:xfrm flipH="1">
                        <a:off x="6258052" y="2048856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43" name="Oval 142">
                        <a:extLst>
                          <a:ext uri="{FF2B5EF4-FFF2-40B4-BE49-F238E27FC236}">
                            <a16:creationId xmlns:a16="http://schemas.microsoft.com/office/drawing/2014/main" id="{75C457D4-A6AF-D741-8921-D0399F3CC0C2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412064" y="1914449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44" name="Straight Connector 143">
                        <a:extLst>
                          <a:ext uri="{FF2B5EF4-FFF2-40B4-BE49-F238E27FC236}">
                            <a16:creationId xmlns:a16="http://schemas.microsoft.com/office/drawing/2014/main" id="{F3D07AC6-D3C1-5F4F-A2B7-186ED40C1AB0}"/>
                          </a:ext>
                        </a:extLst>
                      </p:cNvPr>
                      <p:cNvCxnSpPr>
                        <a:stCxn id="143" idx="4"/>
                      </p:cNvCxnSpPr>
                      <p:nvPr/>
                    </p:nvCxnSpPr>
                    <p:spPr>
                      <a:xfrm flipH="1">
                        <a:off x="6448834" y="2048856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45" name="Oval 144">
                        <a:extLst>
                          <a:ext uri="{FF2B5EF4-FFF2-40B4-BE49-F238E27FC236}">
                            <a16:creationId xmlns:a16="http://schemas.microsoft.com/office/drawing/2014/main" id="{4F711AB0-C0C8-224C-9F4B-8B150732B2AD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601234" y="1914449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46" name="Straight Connector 145">
                        <a:extLst>
                          <a:ext uri="{FF2B5EF4-FFF2-40B4-BE49-F238E27FC236}">
                            <a16:creationId xmlns:a16="http://schemas.microsoft.com/office/drawing/2014/main" id="{47E9E8D1-AB5D-DC47-93D1-698C0C948AAD}"/>
                          </a:ext>
                        </a:extLst>
                      </p:cNvPr>
                      <p:cNvCxnSpPr>
                        <a:stCxn id="145" idx="4"/>
                      </p:cNvCxnSpPr>
                      <p:nvPr/>
                    </p:nvCxnSpPr>
                    <p:spPr>
                      <a:xfrm flipH="1">
                        <a:off x="6638004" y="2048856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47" name="Oval 146">
                        <a:extLst>
                          <a:ext uri="{FF2B5EF4-FFF2-40B4-BE49-F238E27FC236}">
                            <a16:creationId xmlns:a16="http://schemas.microsoft.com/office/drawing/2014/main" id="{D18A4337-1C0A-B04F-A22B-1D01A9A1D3F4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792016" y="1914449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48" name="Straight Connector 147">
                        <a:extLst>
                          <a:ext uri="{FF2B5EF4-FFF2-40B4-BE49-F238E27FC236}">
                            <a16:creationId xmlns:a16="http://schemas.microsoft.com/office/drawing/2014/main" id="{CE19E583-F0A7-5A4B-8252-5F6389A42023}"/>
                          </a:ext>
                        </a:extLst>
                      </p:cNvPr>
                      <p:cNvCxnSpPr>
                        <a:stCxn id="147" idx="4"/>
                      </p:cNvCxnSpPr>
                      <p:nvPr/>
                    </p:nvCxnSpPr>
                    <p:spPr>
                      <a:xfrm flipH="1">
                        <a:off x="6828786" y="2048856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49" name="Oval 148">
                        <a:extLst>
                          <a:ext uri="{FF2B5EF4-FFF2-40B4-BE49-F238E27FC236}">
                            <a16:creationId xmlns:a16="http://schemas.microsoft.com/office/drawing/2014/main" id="{521E3F99-7F34-9140-A97A-AC2114A0F443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6969816" y="1911290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50" name="Straight Connector 149">
                        <a:extLst>
                          <a:ext uri="{FF2B5EF4-FFF2-40B4-BE49-F238E27FC236}">
                            <a16:creationId xmlns:a16="http://schemas.microsoft.com/office/drawing/2014/main" id="{830DA3E2-47A5-984F-8B6D-041FE679F52A}"/>
                          </a:ext>
                        </a:extLst>
                      </p:cNvPr>
                      <p:cNvCxnSpPr>
                        <a:stCxn id="149" idx="4"/>
                      </p:cNvCxnSpPr>
                      <p:nvPr/>
                    </p:nvCxnSpPr>
                    <p:spPr>
                      <a:xfrm flipH="1">
                        <a:off x="7006586" y="2045697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51" name="Oval 150">
                        <a:extLst>
                          <a:ext uri="{FF2B5EF4-FFF2-40B4-BE49-F238E27FC236}">
                            <a16:creationId xmlns:a16="http://schemas.microsoft.com/office/drawing/2014/main" id="{314367C1-DDE3-8C45-9282-4116E9D9D17B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7166949" y="1910233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52" name="Straight Connector 151">
                        <a:extLst>
                          <a:ext uri="{FF2B5EF4-FFF2-40B4-BE49-F238E27FC236}">
                            <a16:creationId xmlns:a16="http://schemas.microsoft.com/office/drawing/2014/main" id="{B57303D4-2441-9E49-AA7D-ED20A1E821C2}"/>
                          </a:ext>
                        </a:extLst>
                      </p:cNvPr>
                      <p:cNvCxnSpPr>
                        <a:stCxn id="151" idx="4"/>
                      </p:cNvCxnSpPr>
                      <p:nvPr/>
                    </p:nvCxnSpPr>
                    <p:spPr>
                      <a:xfrm flipH="1">
                        <a:off x="7203719" y="2044640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53" name="Oval 152">
                        <a:extLst>
                          <a:ext uri="{FF2B5EF4-FFF2-40B4-BE49-F238E27FC236}">
                            <a16:creationId xmlns:a16="http://schemas.microsoft.com/office/drawing/2014/main" id="{92A8B7D2-77B1-394E-BAE0-97CBB273CEE1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7361177" y="1909156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54" name="Straight Connector 153">
                        <a:extLst>
                          <a:ext uri="{FF2B5EF4-FFF2-40B4-BE49-F238E27FC236}">
                            <a16:creationId xmlns:a16="http://schemas.microsoft.com/office/drawing/2014/main" id="{707F3D41-1869-4945-A4B7-2BFC86A43887}"/>
                          </a:ext>
                        </a:extLst>
                      </p:cNvPr>
                      <p:cNvCxnSpPr>
                        <a:stCxn id="153" idx="4"/>
                      </p:cNvCxnSpPr>
                      <p:nvPr/>
                    </p:nvCxnSpPr>
                    <p:spPr>
                      <a:xfrm flipH="1">
                        <a:off x="7397947" y="2043563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55" name="Oval 154">
                        <a:extLst>
                          <a:ext uri="{FF2B5EF4-FFF2-40B4-BE49-F238E27FC236}">
                            <a16:creationId xmlns:a16="http://schemas.microsoft.com/office/drawing/2014/main" id="{8AEF4F78-97C6-C54E-8617-19D1AED16EE5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7551959" y="1909156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56" name="Straight Connector 155">
                        <a:extLst>
                          <a:ext uri="{FF2B5EF4-FFF2-40B4-BE49-F238E27FC236}">
                            <a16:creationId xmlns:a16="http://schemas.microsoft.com/office/drawing/2014/main" id="{C5403B82-6C69-FB43-8ECB-F5B0476EA295}"/>
                          </a:ext>
                        </a:extLst>
                      </p:cNvPr>
                      <p:cNvCxnSpPr>
                        <a:stCxn id="155" idx="4"/>
                      </p:cNvCxnSpPr>
                      <p:nvPr/>
                    </p:nvCxnSpPr>
                    <p:spPr>
                      <a:xfrm flipH="1">
                        <a:off x="7588729" y="2043563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57" name="Oval 156">
                        <a:extLst>
                          <a:ext uri="{FF2B5EF4-FFF2-40B4-BE49-F238E27FC236}">
                            <a16:creationId xmlns:a16="http://schemas.microsoft.com/office/drawing/2014/main" id="{41C627D7-A4A8-024D-985C-BADF47831F8F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7741129" y="1909156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58" name="Straight Connector 157">
                        <a:extLst>
                          <a:ext uri="{FF2B5EF4-FFF2-40B4-BE49-F238E27FC236}">
                            <a16:creationId xmlns:a16="http://schemas.microsoft.com/office/drawing/2014/main" id="{3BB10DBC-2106-DB4B-A4EE-31BFE733AB3F}"/>
                          </a:ext>
                        </a:extLst>
                      </p:cNvPr>
                      <p:cNvCxnSpPr>
                        <a:stCxn id="157" idx="4"/>
                      </p:cNvCxnSpPr>
                      <p:nvPr/>
                    </p:nvCxnSpPr>
                    <p:spPr>
                      <a:xfrm flipH="1">
                        <a:off x="7777899" y="2043563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159" name="Oval 158">
                        <a:extLst>
                          <a:ext uri="{FF2B5EF4-FFF2-40B4-BE49-F238E27FC236}">
                            <a16:creationId xmlns:a16="http://schemas.microsoft.com/office/drawing/2014/main" id="{F4C60D9F-6AD6-4749-B675-6402E3898A32}"/>
                          </a:ext>
                        </a:extLst>
                      </p:cNvPr>
                      <p:cNvSpPr/>
                      <p:nvPr/>
                    </p:nvSpPr>
                    <p:spPr>
                      <a:xfrm>
                        <a:off x="7931911" y="1909156"/>
                        <a:ext cx="76765" cy="134407"/>
                      </a:xfrm>
                      <a:prstGeom prst="ellipse">
                        <a:avLst/>
                      </a:prstGeom>
                      <a:solidFill>
                        <a:srgbClr val="FF0000"/>
                      </a:solidFill>
                    </p:spPr>
                    <p:style>
                      <a:lnRef idx="1">
                        <a:schemeClr val="accent1"/>
                      </a:lnRef>
                      <a:fillRef idx="3">
                        <a:schemeClr val="accent1"/>
                      </a:fillRef>
                      <a:effectRef idx="2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/>
                        <a:endParaRPr lang="en-US" sz="1200"/>
                      </a:p>
                    </p:txBody>
                  </p:sp>
                  <p:cxnSp>
                    <p:nvCxnSpPr>
                      <p:cNvPr id="160" name="Straight Connector 159">
                        <a:extLst>
                          <a:ext uri="{FF2B5EF4-FFF2-40B4-BE49-F238E27FC236}">
                            <a16:creationId xmlns:a16="http://schemas.microsoft.com/office/drawing/2014/main" id="{A152CB33-1EB7-0844-BE16-54E79FD40852}"/>
                          </a:ext>
                        </a:extLst>
                      </p:cNvPr>
                      <p:cNvCxnSpPr>
                        <a:stCxn id="159" idx="4"/>
                      </p:cNvCxnSpPr>
                      <p:nvPr/>
                    </p:nvCxnSpPr>
                    <p:spPr>
                      <a:xfrm flipH="1">
                        <a:off x="7968681" y="2043563"/>
                        <a:ext cx="1613" cy="142442"/>
                      </a:xfrm>
                      <a:prstGeom prst="line">
                        <a:avLst/>
                      </a:prstGeom>
                      <a:ln>
                        <a:solidFill>
                          <a:srgbClr val="FF0000"/>
                        </a:solidFill>
                      </a:ln>
                    </p:spPr>
                    <p:style>
                      <a:lnRef idx="2">
                        <a:schemeClr val="accent1"/>
                      </a:lnRef>
                      <a:fillRef idx="0">
                        <a:schemeClr val="accent1"/>
                      </a:fillRef>
                      <a:effectRef idx="1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</p:grpSp>
                <p:sp>
                  <p:nvSpPr>
                    <p:cNvPr id="134" name="Oval 133">
                      <a:extLst>
                        <a:ext uri="{FF2B5EF4-FFF2-40B4-BE49-F238E27FC236}">
                          <a16:creationId xmlns:a16="http://schemas.microsoft.com/office/drawing/2014/main" id="{A9EE7901-7684-DE48-9FAF-B0FA6CB937D5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8557013" y="3603059"/>
                      <a:ext cx="139980" cy="129134"/>
                    </a:xfrm>
                    <a:prstGeom prst="ellipse">
                      <a:avLst/>
                    </a:prstGeom>
                    <a:solidFill>
                      <a:srgbClr val="FF0000"/>
                    </a:solidFill>
                  </p:spPr>
                  <p:style>
                    <a:lnRef idx="1">
                      <a:schemeClr val="accent1"/>
                    </a:lnRef>
                    <a:fillRef idx="3">
                      <a:schemeClr val="accent1"/>
                    </a:fillRef>
                    <a:effectRef idx="2">
                      <a:schemeClr val="accent1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</p:grpSp>
              <p:grpSp>
                <p:nvGrpSpPr>
                  <p:cNvPr id="67" name="Group 66">
                    <a:extLst>
                      <a:ext uri="{FF2B5EF4-FFF2-40B4-BE49-F238E27FC236}">
                        <a16:creationId xmlns:a16="http://schemas.microsoft.com/office/drawing/2014/main" id="{A301C6FF-3D21-164C-9CC4-24AFE0AD7301}"/>
                      </a:ext>
                    </a:extLst>
                  </p:cNvPr>
                  <p:cNvGrpSpPr/>
                  <p:nvPr/>
                </p:nvGrpSpPr>
                <p:grpSpPr>
                  <a:xfrm>
                    <a:off x="2216117" y="4050691"/>
                    <a:ext cx="1678262" cy="913060"/>
                    <a:chOff x="1065718" y="2645103"/>
                    <a:chExt cx="1796747" cy="990493"/>
                  </a:xfrm>
                </p:grpSpPr>
                <p:sp>
                  <p:nvSpPr>
                    <p:cNvPr id="72" name="Rectangle 71">
                      <a:extLst>
                        <a:ext uri="{FF2B5EF4-FFF2-40B4-BE49-F238E27FC236}">
                          <a16:creationId xmlns:a16="http://schemas.microsoft.com/office/drawing/2014/main" id="{F8E4F120-4039-EC4D-9E6B-5672BADEB9CA}"/>
                        </a:ext>
                      </a:extLst>
                    </p:cNvPr>
                    <p:cNvSpPr/>
                    <p:nvPr/>
                  </p:nvSpPr>
                  <p:spPr>
                    <a:xfrm>
                      <a:off x="1134841" y="2665184"/>
                      <a:ext cx="1727624" cy="500817"/>
                    </a:xfrm>
                    <a:prstGeom prst="rect">
                      <a:avLst/>
                    </a:prstGeom>
                  </p:spPr>
                  <p:txBody>
                    <a:bodyPr wrap="square">
                      <a:spAutoFit/>
                    </a:bodyPr>
                    <a:lstStyle/>
                    <a:p>
                      <a:r>
                        <a:rPr lang="en-US" sz="1200" dirty="0"/>
                        <a:t>Cryogenic Transfer Line (75 m)</a:t>
                      </a:r>
                    </a:p>
                  </p:txBody>
                </p:sp>
                <p:sp>
                  <p:nvSpPr>
                    <p:cNvPr id="73" name="Rectangle 72">
                      <a:extLst>
                        <a:ext uri="{FF2B5EF4-FFF2-40B4-BE49-F238E27FC236}">
                          <a16:creationId xmlns:a16="http://schemas.microsoft.com/office/drawing/2014/main" id="{7E62C927-5914-2543-B69A-AF39A50DC5D5}"/>
                        </a:ext>
                      </a:extLst>
                    </p:cNvPr>
                    <p:cNvSpPr/>
                    <p:nvPr/>
                  </p:nvSpPr>
                  <p:spPr>
                    <a:xfrm rot="5400000">
                      <a:off x="608478" y="3102343"/>
                      <a:ext cx="990493" cy="76014"/>
                    </a:xfrm>
                    <a:prstGeom prst="rect">
                      <a:avLst/>
                    </a:prstGeom>
                    <a:pattFill prst="dkHorz">
                      <a:fgClr>
                        <a:srgbClr val="FF0000"/>
                      </a:fgClr>
                      <a:bgClr>
                        <a:prstClr val="white"/>
                      </a:bgClr>
                    </a:pattFill>
                  </p:spPr>
                  <p:style>
                    <a:lnRef idx="1">
                      <a:schemeClr val="accent2"/>
                    </a:lnRef>
                    <a:fillRef idx="3">
                      <a:schemeClr val="accent2"/>
                    </a:fillRef>
                    <a:effectRef idx="2">
                      <a:schemeClr val="accent2"/>
                    </a:effectRef>
                    <a:fontRef idx="minor">
                      <a:schemeClr val="lt1"/>
                    </a:fontRef>
                  </p:style>
                  <p:txBody>
                    <a:bodyPr rtlCol="0" anchor="ctr"/>
                    <a:lstStyle/>
                    <a:p>
                      <a:pPr algn="ctr"/>
                      <a:endParaRPr lang="en-US" sz="1200"/>
                    </a:p>
                  </p:txBody>
                </p:sp>
              </p:grpSp>
              <p:sp>
                <p:nvSpPr>
                  <p:cNvPr id="68" name="Oval 67">
                    <a:extLst>
                      <a:ext uri="{FF2B5EF4-FFF2-40B4-BE49-F238E27FC236}">
                        <a16:creationId xmlns:a16="http://schemas.microsoft.com/office/drawing/2014/main" id="{3C3FA43E-19E3-DD48-9517-A06FEBC3DC26}"/>
                      </a:ext>
                    </a:extLst>
                  </p:cNvPr>
                  <p:cNvSpPr/>
                  <p:nvPr/>
                </p:nvSpPr>
                <p:spPr>
                  <a:xfrm>
                    <a:off x="6026338" y="4932781"/>
                    <a:ext cx="71703" cy="123900"/>
                  </a:xfrm>
                  <a:prstGeom prst="ellipse">
                    <a:avLst/>
                  </a:prstGeom>
                  <a:solidFill>
                    <a:srgbClr val="FF0000"/>
                  </a:solidFill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 sz="1200"/>
                  </a:p>
                </p:txBody>
              </p:sp>
              <p:cxnSp>
                <p:nvCxnSpPr>
                  <p:cNvPr id="69" name="Straight Connector 68">
                    <a:extLst>
                      <a:ext uri="{FF2B5EF4-FFF2-40B4-BE49-F238E27FC236}">
                        <a16:creationId xmlns:a16="http://schemas.microsoft.com/office/drawing/2014/main" id="{7C6C26C9-AB76-204A-B91A-33134E47F95D}"/>
                      </a:ext>
                    </a:extLst>
                  </p:cNvPr>
                  <p:cNvCxnSpPr>
                    <a:stCxn id="68" idx="4"/>
                  </p:cNvCxnSpPr>
                  <p:nvPr/>
                </p:nvCxnSpPr>
                <p:spPr>
                  <a:xfrm flipH="1">
                    <a:off x="6060683" y="5056681"/>
                    <a:ext cx="1507" cy="131306"/>
                  </a:xfrm>
                  <a:prstGeom prst="line">
                    <a:avLst/>
                  </a:prstGeom>
                  <a:ln>
                    <a:solidFill>
                      <a:srgbClr val="FF0000"/>
                    </a:solidFill>
                  </a:ln>
                </p:spPr>
                <p:style>
                  <a:lnRef idx="2">
                    <a:schemeClr val="accent1"/>
                  </a:lnRef>
                  <a:fillRef idx="0">
                    <a:schemeClr val="accent1"/>
                  </a:fillRef>
                  <a:effectRef idx="1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70" name="Oval 69">
                    <a:extLst>
                      <a:ext uri="{FF2B5EF4-FFF2-40B4-BE49-F238E27FC236}">
                        <a16:creationId xmlns:a16="http://schemas.microsoft.com/office/drawing/2014/main" id="{510912AD-3D05-3442-8DD7-42B050C66844}"/>
                      </a:ext>
                    </a:extLst>
                  </p:cNvPr>
                  <p:cNvSpPr/>
                  <p:nvPr/>
                </p:nvSpPr>
                <p:spPr>
                  <a:xfrm>
                    <a:off x="2204892" y="4930426"/>
                    <a:ext cx="88467" cy="126097"/>
                  </a:xfrm>
                  <a:prstGeom prst="ellipse">
                    <a:avLst/>
                  </a:prstGeom>
                  <a:solidFill>
                    <a:srgbClr val="FF0000"/>
                  </a:solidFill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 sz="1200"/>
                  </a:p>
                </p:txBody>
              </p:sp>
              <p:sp>
                <p:nvSpPr>
                  <p:cNvPr id="71" name="Rectangle 70">
                    <a:extLst>
                      <a:ext uri="{FF2B5EF4-FFF2-40B4-BE49-F238E27FC236}">
                        <a16:creationId xmlns:a16="http://schemas.microsoft.com/office/drawing/2014/main" id="{E729D3DC-C6E3-754F-83FB-42FCC4109988}"/>
                      </a:ext>
                    </a:extLst>
                  </p:cNvPr>
                  <p:cNvSpPr/>
                  <p:nvPr/>
                </p:nvSpPr>
                <p:spPr>
                  <a:xfrm>
                    <a:off x="2411760" y="4581128"/>
                    <a:ext cx="1277482" cy="276999"/>
                  </a:xfrm>
                  <a:prstGeom prst="rect">
                    <a:avLst/>
                  </a:prstGeom>
                </p:spPr>
                <p:txBody>
                  <a:bodyPr wrap="square">
                    <a:spAutoFit/>
                  </a:bodyPr>
                  <a:lstStyle/>
                  <a:p>
                    <a:r>
                      <a:rPr lang="en-US" sz="1200" dirty="0"/>
                      <a:t>Splitting box</a:t>
                    </a:r>
                  </a:p>
                </p:txBody>
              </p:sp>
            </p:grpSp>
            <p:cxnSp>
              <p:nvCxnSpPr>
                <p:cNvPr id="63" name="Straight Connector 62">
                  <a:extLst>
                    <a:ext uri="{FF2B5EF4-FFF2-40B4-BE49-F238E27FC236}">
                      <a16:creationId xmlns:a16="http://schemas.microsoft.com/office/drawing/2014/main" id="{6A096EAF-4F66-2042-AC5E-AD3FB5C30B07}"/>
                    </a:ext>
                  </a:extLst>
                </p:cNvPr>
                <p:cNvCxnSpPr>
                  <a:stCxn id="70" idx="7"/>
                </p:cNvCxnSpPr>
                <p:nvPr/>
              </p:nvCxnSpPr>
              <p:spPr>
                <a:xfrm flipV="1">
                  <a:off x="2280403" y="4797152"/>
                  <a:ext cx="203365" cy="151740"/>
                </a:xfrm>
                <a:prstGeom prst="line">
                  <a:avLst/>
                </a:prstGeom>
                <a:ln w="6350" cmpd="sng"/>
                <a:effectLst/>
              </p:spPr>
              <p:style>
                <a:lnRef idx="3">
                  <a:schemeClr val="dk1"/>
                </a:lnRef>
                <a:fillRef idx="0">
                  <a:schemeClr val="dk1"/>
                </a:fillRef>
                <a:effectRef idx="2">
                  <a:schemeClr val="dk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204" name="TextBox 203">
            <a:extLst>
              <a:ext uri="{FF2B5EF4-FFF2-40B4-BE49-F238E27FC236}">
                <a16:creationId xmlns:a16="http://schemas.microsoft.com/office/drawing/2014/main" id="{5DD815A1-E56F-0F40-AA0A-FD512B8DE0DF}"/>
              </a:ext>
            </a:extLst>
          </p:cNvPr>
          <p:cNvSpPr txBox="1"/>
          <p:nvPr/>
        </p:nvSpPr>
        <p:spPr>
          <a:xfrm>
            <a:off x="10345501" y="4582601"/>
            <a:ext cx="1787477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 err="1">
                <a:solidFill>
                  <a:schemeClr val="bg1">
                    <a:lumMod val="50000"/>
                  </a:schemeClr>
                </a:solidFill>
              </a:rPr>
              <a:t>X.Wang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/P. Arnold, ESS</a:t>
            </a:r>
          </a:p>
        </p:txBody>
      </p:sp>
    </p:spTree>
    <p:extLst>
      <p:ext uri="{BB962C8B-B14F-4D97-AF65-F5344CB8AC3E}">
        <p14:creationId xmlns:p14="http://schemas.microsoft.com/office/powerpoint/2010/main" val="396501868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E64E32-483A-CB43-9604-9AF025E2CE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yogenics for the </a:t>
            </a:r>
            <a:r>
              <a:rPr lang="en-US" dirty="0" err="1"/>
              <a:t>Linac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DAB0D7-120A-5243-9F4D-E24FF219CE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DS (</a:t>
            </a:r>
            <a:r>
              <a:rPr lang="en-US" b="1" dirty="0"/>
              <a:t>Cryogenic Distribution System</a:t>
            </a:r>
            <a:r>
              <a:rPr lang="en-US" dirty="0"/>
              <a:t>)</a:t>
            </a:r>
          </a:p>
          <a:p>
            <a:pPr lvl="1"/>
            <a:r>
              <a:rPr lang="en-US" dirty="0"/>
              <a:t>Delivers cryogenics to the Accelerator </a:t>
            </a:r>
            <a:br>
              <a:rPr lang="en-US" dirty="0"/>
            </a:br>
            <a:r>
              <a:rPr lang="en-US" dirty="0"/>
              <a:t>from ACCP, provided as IK </a:t>
            </a:r>
            <a:br>
              <a:rPr lang="en-US" dirty="0"/>
            </a:br>
            <a:r>
              <a:rPr lang="en-US" dirty="0"/>
              <a:t>contribution by </a:t>
            </a:r>
          </a:p>
          <a:p>
            <a:pPr lvl="2"/>
            <a:r>
              <a:rPr lang="en-US" dirty="0"/>
              <a:t>WUST/PL (CDS-ELL)</a:t>
            </a:r>
          </a:p>
          <a:p>
            <a:pPr lvl="2"/>
            <a:r>
              <a:rPr lang="en-US" dirty="0"/>
              <a:t>IPNO/FR (CDS-SPK)</a:t>
            </a:r>
          </a:p>
          <a:p>
            <a:pPr lvl="1"/>
            <a:r>
              <a:rPr lang="en-US" dirty="0"/>
              <a:t>9 CDS-ELL Valve boxes installed </a:t>
            </a:r>
            <a:br>
              <a:rPr lang="en-US" dirty="0"/>
            </a:br>
            <a:r>
              <a:rPr lang="en-US" dirty="0"/>
              <a:t>and connected with </a:t>
            </a:r>
            <a:r>
              <a:rPr lang="en-US" dirty="0" err="1"/>
              <a:t>Cryolines</a:t>
            </a:r>
            <a:r>
              <a:rPr lang="en-US" dirty="0"/>
              <a:t> in tunnel, </a:t>
            </a:r>
            <a:br>
              <a:rPr lang="en-US" dirty="0"/>
            </a:br>
            <a:r>
              <a:rPr lang="en-US" dirty="0"/>
              <a:t>and other 3 positioned</a:t>
            </a:r>
          </a:p>
          <a:p>
            <a:pPr lvl="1"/>
            <a:r>
              <a:rPr lang="en-US" dirty="0"/>
              <a:t>Next: CDS-SPK (VB delays)</a:t>
            </a:r>
          </a:p>
          <a:p>
            <a:r>
              <a:rPr lang="en-US" dirty="0"/>
              <a:t>Goal is CDS cooldown by</a:t>
            </a:r>
            <a:br>
              <a:rPr lang="en-US" dirty="0"/>
            </a:br>
            <a:r>
              <a:rPr lang="en-US" dirty="0"/>
              <a:t>end 2019-beginning 2020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5918963-B333-7A4C-A700-E44BF1BA5A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7</a:t>
            </a:fld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0448CD-DBB7-2B44-9924-C38E0E8FF83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Installation of </a:t>
            </a:r>
            <a:r>
              <a:rPr lang="en-US" dirty="0" err="1"/>
              <a:t>linac</a:t>
            </a:r>
            <a:r>
              <a:rPr lang="en-US" dirty="0"/>
              <a:t> Cryogenic Distribution lin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F1A4018-03B5-5A47-8059-A49832D12F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89260" y="1601875"/>
            <a:ext cx="7202739" cy="479892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572D8625-A21C-5B4D-B297-043560FD0811}"/>
              </a:ext>
            </a:extLst>
          </p:cNvPr>
          <p:cNvSpPr txBox="1"/>
          <p:nvPr/>
        </p:nvSpPr>
        <p:spPr>
          <a:xfrm>
            <a:off x="5410200" y="1658617"/>
            <a:ext cx="1248162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J. Fredrick, ESS</a:t>
            </a:r>
          </a:p>
        </p:txBody>
      </p:sp>
    </p:spTree>
    <p:extLst>
      <p:ext uri="{BB962C8B-B14F-4D97-AF65-F5344CB8AC3E}">
        <p14:creationId xmlns:p14="http://schemas.microsoft.com/office/powerpoint/2010/main" val="19353045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E64E32-483A-CB43-9604-9AF025E2CE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yogenics for the Test Stand and Moderato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DAB0D7-120A-5243-9F4D-E24FF219CE5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ICP (Test and Instruments </a:t>
            </a:r>
            <a:r>
              <a:rPr lang="en-US" dirty="0" err="1"/>
              <a:t>CryoPlant</a:t>
            </a:r>
            <a:r>
              <a:rPr lang="en-US" dirty="0"/>
              <a:t>)</a:t>
            </a:r>
          </a:p>
          <a:p>
            <a:pPr lvl="1"/>
            <a:r>
              <a:rPr lang="en-US" dirty="0"/>
              <a:t>Cooling for </a:t>
            </a:r>
            <a:r>
              <a:rPr lang="en-US" dirty="0">
                <a:solidFill>
                  <a:srgbClr val="FF0000"/>
                </a:solidFill>
              </a:rPr>
              <a:t>CM Test Stand 2</a:t>
            </a:r>
            <a:r>
              <a:rPr lang="en-US" dirty="0"/>
              <a:t>: </a:t>
            </a:r>
            <a:r>
              <a:rPr lang="en-US" dirty="0">
                <a:solidFill>
                  <a:srgbClr val="1E9FDB"/>
                </a:solidFill>
              </a:rPr>
              <a:t>76W @ 2K, 420W @ 40K, 6 l/h Liquefaction </a:t>
            </a:r>
          </a:p>
          <a:p>
            <a:pPr lvl="1"/>
            <a:r>
              <a:rPr lang="en-US" dirty="0"/>
              <a:t>Liquefaction for </a:t>
            </a:r>
            <a:r>
              <a:rPr lang="en-US" dirty="0">
                <a:solidFill>
                  <a:srgbClr val="FF0000"/>
                </a:solidFill>
              </a:rPr>
              <a:t>Neutron Instruments / Sample Environments</a:t>
            </a:r>
            <a:r>
              <a:rPr lang="en-US" dirty="0"/>
              <a:t>: 7500 l/month</a:t>
            </a:r>
          </a:p>
          <a:p>
            <a:pPr lvl="1"/>
            <a:r>
              <a:rPr lang="en-US" b="1" dirty="0">
                <a:solidFill>
                  <a:srgbClr val="00B050"/>
                </a:solidFill>
              </a:rPr>
              <a:t>Commissioned</a:t>
            </a:r>
            <a:r>
              <a:rPr lang="en-US" dirty="0"/>
              <a:t> to specs and currently providing liquid helium to Lund University and MAX IV</a:t>
            </a:r>
          </a:p>
          <a:p>
            <a:pPr lvl="1"/>
            <a:r>
              <a:rPr lang="en-US" dirty="0"/>
              <a:t>Warm Pumps for </a:t>
            </a:r>
            <a:r>
              <a:rPr lang="en-US" dirty="0" err="1"/>
              <a:t>subatmospheric</a:t>
            </a:r>
            <a:r>
              <a:rPr lang="en-US" dirty="0"/>
              <a:t> operation</a:t>
            </a:r>
          </a:p>
          <a:p>
            <a:pPr lvl="1"/>
            <a:r>
              <a:rPr lang="en-US" dirty="0"/>
              <a:t>Commissioning of transfer line to TS2 currently undergoing, </a:t>
            </a:r>
            <a:br>
              <a:rPr lang="en-US" dirty="0"/>
            </a:br>
            <a:r>
              <a:rPr lang="en-US" dirty="0"/>
              <a:t>then cryogenic operation of the TS2 with modules could </a:t>
            </a:r>
            <a:br>
              <a:rPr lang="en-US" dirty="0"/>
            </a:br>
            <a:r>
              <a:rPr lang="en-US" dirty="0"/>
              <a:t>start in summer</a:t>
            </a:r>
          </a:p>
          <a:p>
            <a:r>
              <a:rPr lang="en-US" dirty="0"/>
              <a:t>TMCP (Target Moderator </a:t>
            </a:r>
            <a:r>
              <a:rPr lang="en-US" dirty="0" err="1"/>
              <a:t>CryoPlant</a:t>
            </a:r>
            <a:r>
              <a:rPr lang="en-US" dirty="0"/>
              <a:t>)</a:t>
            </a:r>
          </a:p>
          <a:p>
            <a:pPr lvl="1"/>
            <a:r>
              <a:rPr lang="en-US" dirty="0"/>
              <a:t>Non-accelerator related</a:t>
            </a:r>
          </a:p>
          <a:p>
            <a:pPr lvl="1"/>
            <a:r>
              <a:rPr lang="en-US" dirty="0"/>
              <a:t>For the LH</a:t>
            </a:r>
            <a:r>
              <a:rPr lang="en-US" baseline="-25000" dirty="0"/>
              <a:t>2</a:t>
            </a:r>
            <a:r>
              <a:rPr lang="en-US" dirty="0"/>
              <a:t> cooling of the Target Moderator: </a:t>
            </a:r>
            <a:r>
              <a:rPr lang="en-US" dirty="0">
                <a:solidFill>
                  <a:srgbClr val="1E9FDB"/>
                </a:solidFill>
              </a:rPr>
              <a:t>30 kW @ 15-20 K</a:t>
            </a:r>
          </a:p>
          <a:p>
            <a:pPr lvl="1"/>
            <a:r>
              <a:rPr lang="en-US" dirty="0"/>
              <a:t>Entering commissioning stag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5918963-B333-7A4C-A700-E44BF1BA5A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8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0448CD-DBB7-2B44-9924-C38E0E8FF83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Installation of </a:t>
            </a:r>
            <a:r>
              <a:rPr lang="en-US" dirty="0" err="1"/>
              <a:t>linac</a:t>
            </a:r>
            <a:r>
              <a:rPr lang="en-US" dirty="0"/>
              <a:t> Cryogenic Distribution lin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8A3C940-7A77-7C49-8FA2-1CE62C3EC1A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48600" y="3306735"/>
            <a:ext cx="4343400" cy="321210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528ADDB-6DCC-6F49-B572-1D2B53635B6A}"/>
              </a:ext>
            </a:extLst>
          </p:cNvPr>
          <p:cNvSpPr txBox="1"/>
          <p:nvPr/>
        </p:nvSpPr>
        <p:spPr>
          <a:xfrm>
            <a:off x="8891859" y="6510684"/>
            <a:ext cx="1852430" cy="30777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Courtesy P. Arnold, ESS</a:t>
            </a:r>
          </a:p>
        </p:txBody>
      </p:sp>
    </p:spTree>
    <p:extLst>
      <p:ext uri="{BB962C8B-B14F-4D97-AF65-F5344CB8AC3E}">
        <p14:creationId xmlns:p14="http://schemas.microsoft.com/office/powerpoint/2010/main" val="12627850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39E166-DC32-5B4B-8693-5A87A528D1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468B4E-1975-3D43-A615-1FC1BE851A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/>
            <a:r>
              <a:rPr lang="en-GB" sz="2400"/>
              <a:t>Installation/Testing goals for 2019</a:t>
            </a:r>
          </a:p>
          <a:p>
            <a:pPr marL="500063" lvl="1" indent="-285750"/>
            <a:r>
              <a:rPr lang="en-GB" sz="2100"/>
              <a:t>Completion of CDS-EL and CDS-SPK</a:t>
            </a:r>
          </a:p>
          <a:p>
            <a:pPr marL="500063" lvl="1" indent="-285750"/>
            <a:r>
              <a:rPr lang="en-GB" sz="2100"/>
              <a:t>He recovery line in tunnel (venting events)</a:t>
            </a:r>
          </a:p>
          <a:p>
            <a:pPr marL="500063" lvl="1" indent="-285750"/>
            <a:r>
              <a:rPr lang="en-GB" sz="2100"/>
              <a:t>HEBT LWUs and beam lines</a:t>
            </a:r>
          </a:p>
          <a:p>
            <a:pPr marL="500063" lvl="1" indent="-285750"/>
            <a:r>
              <a:rPr lang="en-GB" sz="2100"/>
              <a:t>Completion of Stubs and waveguides along tunnel walls</a:t>
            </a:r>
          </a:p>
          <a:p>
            <a:pPr marL="500063" lvl="1" indent="-285750"/>
            <a:r>
              <a:rPr lang="en-GB" sz="2100"/>
              <a:t>Installation of Cryomodule support stands</a:t>
            </a:r>
          </a:p>
          <a:p>
            <a:pPr marL="500063" lvl="1" indent="-285750"/>
            <a:r>
              <a:rPr lang="en-GB" sz="2100"/>
              <a:t>Preparation of the infrastructure: cabling, piping and support systems</a:t>
            </a:r>
          </a:p>
          <a:p>
            <a:pPr marL="500063" lvl="1" indent="-285750"/>
            <a:r>
              <a:rPr lang="en-GB" sz="2100"/>
              <a:t>Start TS2 operation with prototypes</a:t>
            </a:r>
          </a:p>
          <a:p>
            <a:pPr marL="500063" lvl="1" indent="-285750"/>
            <a:r>
              <a:rPr lang="en-GB" sz="2100"/>
              <a:t>Start testing of series spokes and elliptical modules</a:t>
            </a:r>
          </a:p>
          <a:p>
            <a:pPr marL="285750" indent="-285750"/>
            <a:r>
              <a:rPr lang="en-GB" sz="2400"/>
              <a:t>Module installation in tunnel will follow in early 2020, after the testing of the initial series components now under assembly)</a:t>
            </a:r>
          </a:p>
          <a:p>
            <a:pPr marL="0" indent="0">
              <a:buNone/>
            </a:pP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EF6CC43-1BEA-1842-B0F3-30C80CBB3C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9</a:t>
            </a:fld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08F2DA5-977B-4147-8A93-62DC7D2AD56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/>
              <a:t>Intense workload across all SRF machine section</a:t>
            </a:r>
          </a:p>
        </p:txBody>
      </p:sp>
    </p:spTree>
    <p:extLst>
      <p:ext uri="{BB962C8B-B14F-4D97-AF65-F5344CB8AC3E}">
        <p14:creationId xmlns:p14="http://schemas.microsoft.com/office/powerpoint/2010/main" val="41415445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3</a:t>
            </a:fld>
            <a:endParaRPr lang="sv-SE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FFFF"/>
                </a:solidFill>
              </a:rPr>
              <a:t>The ESS Accelerator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4E900F7-A604-9148-84F3-DA1064E60AF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Scope, Parameters, Technical Performances</a:t>
            </a:r>
          </a:p>
        </p:txBody>
      </p:sp>
      <p:sp>
        <p:nvSpPr>
          <p:cNvPr id="70" name="Content Placeholder 2"/>
          <p:cNvSpPr txBox="1">
            <a:spLocks/>
          </p:cNvSpPr>
          <p:nvPr/>
        </p:nvSpPr>
        <p:spPr>
          <a:xfrm>
            <a:off x="609600" y="1685463"/>
            <a:ext cx="3986336" cy="2303620"/>
          </a:xfrm>
          <a:prstGeom prst="rect">
            <a:avLst/>
          </a:prstGeom>
          <a:solidFill>
            <a:schemeClr val="bg1"/>
          </a:solidFill>
          <a:ln>
            <a:solidFill>
              <a:srgbClr val="0084C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lIns="103768" tIns="51885" rIns="103768" bIns="51885" anchor="ctr"/>
          <a:lstStyle>
            <a:lvl1pPr marL="342813" indent="-342813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  <a:cs typeface="ＭＳ Ｐゴシック" pitchFamily="-112" charset="-128"/>
              </a:defRPr>
            </a:lvl1pPr>
            <a:lvl2pPr marL="742760" indent="-285677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2pPr>
            <a:lvl3pPr marL="1142706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3pPr>
            <a:lvl4pPr marL="1599790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4pPr>
            <a:lvl5pPr marL="2056875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5pPr>
            <a:lvl6pPr marL="2513959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6pPr>
            <a:lvl7pPr marL="2971040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7pPr>
            <a:lvl8pPr marL="3428124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8pPr>
            <a:lvl9pPr marL="3885205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9pPr>
          </a:lstStyle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b="1" dirty="0">
                <a:solidFill>
                  <a:srgbClr val="1E9FDB"/>
                </a:solidFill>
                <a:latin typeface="Arial"/>
                <a:cs typeface="Arial"/>
              </a:rPr>
              <a:t>Design Drivers:</a:t>
            </a: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High Average Beam Power</a:t>
            </a: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	5 MW (Initially 2 MW)</a:t>
            </a: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High Peak Beam Power</a:t>
            </a: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	125 MW</a:t>
            </a:r>
            <a:endParaRPr lang="sv-SE" sz="1600" dirty="0">
              <a:latin typeface="Arial"/>
              <a:cs typeface="Arial"/>
            </a:endParaRP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High Availability (User Facility)</a:t>
            </a:r>
          </a:p>
          <a:p>
            <a:pPr marL="9525" indent="0">
              <a:buNone/>
              <a:tabLst>
                <a:tab pos="393690" algn="l"/>
                <a:tab pos="904852" algn="l"/>
              </a:tabLst>
              <a:defRPr/>
            </a:pPr>
            <a:r>
              <a:rPr lang="en-US" sz="1600" dirty="0">
                <a:latin typeface="Arial"/>
                <a:cs typeface="Arial"/>
              </a:rPr>
              <a:t>		95%</a:t>
            </a:r>
          </a:p>
        </p:txBody>
      </p:sp>
      <p:sp>
        <p:nvSpPr>
          <p:cNvPr id="71" name="Content Placeholder 2"/>
          <p:cNvSpPr txBox="1">
            <a:spLocks/>
          </p:cNvSpPr>
          <p:nvPr/>
        </p:nvSpPr>
        <p:spPr>
          <a:xfrm>
            <a:off x="5638800" y="1546762"/>
            <a:ext cx="6324600" cy="2581025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lIns="72731" tIns="36363" rIns="72731" bIns="36363" anchor="ctr"/>
          <a:lstStyle/>
          <a:p>
            <a:pPr marL="117472" defTabSz="1034539" eaLnBrk="0" hangingPunct="0">
              <a:tabLst>
                <a:tab pos="452427" algn="l"/>
              </a:tabLst>
              <a:defRPr/>
            </a:pPr>
            <a:r>
              <a:rPr lang="en-US" sz="1600" b="1" kern="0" dirty="0">
                <a:solidFill>
                  <a:srgbClr val="1E9FDB"/>
                </a:solidFill>
                <a:latin typeface="Arial"/>
                <a:cs typeface="Arial"/>
                <a:sym typeface="Futura Condensed" charset="0"/>
              </a:rPr>
              <a:t>Key parameters &amp; Design criteria: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Pulse length: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 2.86 </a:t>
            </a:r>
            <a:r>
              <a:rPr lang="en-US" sz="1600" kern="0" dirty="0" err="1">
                <a:latin typeface="Arial"/>
                <a:cs typeface="Arial"/>
                <a:sym typeface="Futura Condensed" charset="0"/>
              </a:rPr>
              <a:t>ms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 pulses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Max Energy: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 2 GeV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Pulse peak current: 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62.5 mA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Pulse Repetition rate: 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14 Hz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Particles: 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Protons (H+)	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solidFill>
                  <a:schemeClr val="tx2">
                    <a:lumMod val="60000"/>
                    <a:lumOff val="40000"/>
                  </a:schemeClr>
                </a:solidFill>
                <a:latin typeface="Arial"/>
                <a:cs typeface="Arial"/>
                <a:sym typeface="Futura Condensed" charset="0"/>
              </a:rPr>
              <a:t>Low losses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solidFill>
                  <a:srgbClr val="00B050"/>
                </a:solidFill>
                <a:latin typeface="Arial"/>
                <a:cs typeface="Arial"/>
                <a:sym typeface="Futura Condensed" charset="0"/>
              </a:rPr>
              <a:t>Minimize energy use</a:t>
            </a:r>
          </a:p>
          <a:p>
            <a:pPr marL="688957" lvl="2" indent="-227008" defTabSz="1034539" eaLnBrk="0" hangingPunct="0">
              <a:buFont typeface="Arial" panose="020B0604020202020204" pitchFamily="34" charset="0"/>
              <a:buChar char="•"/>
              <a:tabLst>
                <a:tab pos="452427" algn="l"/>
              </a:tabLst>
              <a:defRPr/>
            </a:pPr>
            <a:r>
              <a:rPr lang="en-US" sz="1600" b="1" kern="0" dirty="0">
                <a:solidFill>
                  <a:schemeClr val="tx2">
                    <a:lumMod val="60000"/>
                    <a:lumOff val="40000"/>
                  </a:schemeClr>
                </a:solidFill>
                <a:latin typeface="Arial"/>
                <a:cs typeface="Arial"/>
                <a:sym typeface="Futura Condensed" charset="0"/>
              </a:rPr>
              <a:t>Flexible design for risk mitigation and future upgrades</a:t>
            </a:r>
          </a:p>
        </p:txBody>
      </p:sp>
      <p:sp>
        <p:nvSpPr>
          <p:cNvPr id="132" name="Right Arrow 131"/>
          <p:cNvSpPr/>
          <p:nvPr/>
        </p:nvSpPr>
        <p:spPr>
          <a:xfrm>
            <a:off x="4719637" y="2453098"/>
            <a:ext cx="842963" cy="768351"/>
          </a:xfrm>
          <a:prstGeom prst="rightArrow">
            <a:avLst/>
          </a:prstGeom>
          <a:solidFill>
            <a:srgbClr val="13A0DE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7269" tIns="48636" rIns="97269" bIns="48636" anchor="ctr"/>
          <a:lstStyle/>
          <a:p>
            <a:pPr>
              <a:defRPr/>
            </a:pPr>
            <a:endParaRPr lang="en-US" sz="1351">
              <a:solidFill>
                <a:srgbClr val="1E9FDB"/>
              </a:solidFill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35AB24BF-9E9C-0E4B-B7B4-93C767E21909}"/>
              </a:ext>
            </a:extLst>
          </p:cNvPr>
          <p:cNvSpPr txBox="1"/>
          <p:nvPr/>
        </p:nvSpPr>
        <p:spPr>
          <a:xfrm>
            <a:off x="3066752" y="6208010"/>
            <a:ext cx="5867400" cy="508088"/>
          </a:xfrm>
          <a:prstGeom prst="rect">
            <a:avLst/>
          </a:prstGeom>
          <a:solidFill>
            <a:schemeClr val="bg1"/>
          </a:solidFill>
          <a:ln>
            <a:solidFill>
              <a:schemeClr val="tx2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pPr>
              <a:tabLst>
                <a:tab pos="903265" algn="l"/>
              </a:tabLst>
            </a:pPr>
            <a:r>
              <a:rPr lang="en-US" sz="1351" b="1" dirty="0">
                <a:solidFill>
                  <a:srgbClr val="1E9FDB"/>
                </a:solidFill>
              </a:rPr>
              <a:t>Staged:	</a:t>
            </a:r>
            <a:r>
              <a:rPr lang="en-US" sz="1351" dirty="0"/>
              <a:t>1.3 GeV capacity with 2 MW on target for 2025 </a:t>
            </a:r>
          </a:p>
          <a:p>
            <a:pPr>
              <a:tabLst>
                <a:tab pos="903265" algn="l"/>
              </a:tabLst>
            </a:pPr>
            <a:r>
              <a:rPr lang="en-US" sz="1351" dirty="0"/>
              <a:t>	remaining RF sources (40) installed after 2026</a:t>
            </a:r>
          </a:p>
        </p:txBody>
      </p:sp>
      <p:pic>
        <p:nvPicPr>
          <p:cNvPr id="69" name="Picture 68">
            <a:extLst>
              <a:ext uri="{FF2B5EF4-FFF2-40B4-BE49-F238E27FC236}">
                <a16:creationId xmlns:a16="http://schemas.microsoft.com/office/drawing/2014/main" id="{8B6DAE9F-F946-9C44-A8BD-C85C0BCBB79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4520" y="4334432"/>
            <a:ext cx="11611865" cy="137160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589D4E1-E7CC-054B-BBB0-86D2284C2CB4}"/>
              </a:ext>
            </a:extLst>
          </p:cNvPr>
          <p:cNvSpPr txBox="1"/>
          <p:nvPr/>
        </p:nvSpPr>
        <p:spPr>
          <a:xfrm>
            <a:off x="5553694" y="5228895"/>
            <a:ext cx="533400" cy="3048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GB" sz="1050" dirty="0">
                <a:latin typeface="Symbol" pitchFamily="2" charset="2"/>
              </a:rPr>
              <a:t>b</a:t>
            </a:r>
            <a:r>
              <a:rPr lang="en-GB" sz="1050" dirty="0"/>
              <a:t>=0.5</a:t>
            </a:r>
            <a:endParaRPr lang="en-GB" sz="200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A06B6C8-41D7-1841-ABE0-AEB2027F2360}"/>
              </a:ext>
            </a:extLst>
          </p:cNvPr>
          <p:cNvSpPr txBox="1"/>
          <p:nvPr/>
        </p:nvSpPr>
        <p:spPr>
          <a:xfrm>
            <a:off x="6781800" y="5228895"/>
            <a:ext cx="533400" cy="3048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GB" sz="1050" dirty="0">
                <a:latin typeface="Symbol" pitchFamily="2" charset="2"/>
              </a:rPr>
              <a:t>b</a:t>
            </a:r>
            <a:r>
              <a:rPr lang="en-GB" sz="1050" dirty="0"/>
              <a:t>=0.67</a:t>
            </a:r>
            <a:endParaRPr lang="en-GB" sz="20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061D78B-7F41-894B-A29F-A82D6C576FCD}"/>
              </a:ext>
            </a:extLst>
          </p:cNvPr>
          <p:cNvSpPr txBox="1"/>
          <p:nvPr/>
        </p:nvSpPr>
        <p:spPr>
          <a:xfrm>
            <a:off x="8065986" y="5204166"/>
            <a:ext cx="533400" cy="3048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GB" sz="1050" dirty="0">
                <a:latin typeface="Symbol" pitchFamily="2" charset="2"/>
              </a:rPr>
              <a:t>b</a:t>
            </a:r>
            <a:r>
              <a:rPr lang="en-GB" sz="1050" dirty="0"/>
              <a:t>=0.86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40469734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DF581B7E-4D61-304F-91BA-224D6F6594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5C5A3B0-E50A-4540-AD65-4A994EA40231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347200" y="6453188"/>
            <a:ext cx="2844800" cy="365125"/>
          </a:xfrm>
        </p:spPr>
        <p:txBody>
          <a:bodyPr/>
          <a:lstStyle/>
          <a:p>
            <a:fld id="{551115BC-487E-4422-894C-CB7CD3E79223}" type="slidenum">
              <a:rPr lang="en-US" smtClean="0"/>
              <a:pPr/>
              <a:t>30</a:t>
            </a:fld>
            <a:endParaRPr lang="en-US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AFAA07F6-EB23-FA4D-9DB6-A6DE5107FB69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39687"/>
            <a:ext cx="12180888" cy="6858000"/>
          </a:xfr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C6AC2C46-8DFE-C54C-A640-B35373071988}"/>
              </a:ext>
            </a:extLst>
          </p:cNvPr>
          <p:cNvSpPr txBox="1"/>
          <p:nvPr/>
        </p:nvSpPr>
        <p:spPr>
          <a:xfrm>
            <a:off x="1563930" y="6171982"/>
            <a:ext cx="5609741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b="1" dirty="0">
                <a:solidFill>
                  <a:schemeClr val="bg1"/>
                </a:solidFill>
              </a:rPr>
              <a:t>Thank you for the attention!</a:t>
            </a:r>
          </a:p>
        </p:txBody>
      </p:sp>
    </p:spTree>
    <p:extLst>
      <p:ext uri="{BB962C8B-B14F-4D97-AF65-F5344CB8AC3E}">
        <p14:creationId xmlns:p14="http://schemas.microsoft.com/office/powerpoint/2010/main" val="12684955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78B702-126F-ED46-885F-8AC320BF34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SS, </a:t>
            </a:r>
            <a:r>
              <a:rPr lang="en-US" dirty="0">
                <a:solidFill>
                  <a:srgbClr val="FFFF00"/>
                </a:solidFill>
              </a:rPr>
              <a:t>large</a:t>
            </a:r>
            <a:r>
              <a:rPr lang="en-US" dirty="0"/>
              <a:t> in kind scop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1EA04FE-5CA7-7245-8B55-CEAAD83ED29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>
                <a:solidFill>
                  <a:srgbClr val="1E9FDB"/>
                </a:solidFill>
              </a:rPr>
              <a:t>Almost all </a:t>
            </a:r>
            <a:r>
              <a:rPr lang="en-US" b="1" dirty="0"/>
              <a:t>components of the </a:t>
            </a:r>
            <a:r>
              <a:rPr lang="en-US" b="1" dirty="0" err="1"/>
              <a:t>linac</a:t>
            </a:r>
            <a:r>
              <a:rPr lang="en-US" b="1" dirty="0"/>
              <a:t> are designed and provided as in kind contributions</a:t>
            </a:r>
          </a:p>
          <a:p>
            <a:r>
              <a:rPr lang="en-US" b="1" dirty="0"/>
              <a:t>After handover scope transferred to ESS</a:t>
            </a:r>
          </a:p>
          <a:p>
            <a:r>
              <a:rPr lang="en-US" dirty="0"/>
              <a:t>For the SRF </a:t>
            </a:r>
            <a:r>
              <a:rPr lang="en-US" dirty="0" err="1"/>
              <a:t>linac</a:t>
            </a:r>
            <a:r>
              <a:rPr lang="en-US" dirty="0"/>
              <a:t>, the partners are organized in the </a:t>
            </a:r>
            <a:r>
              <a:rPr lang="en-US" b="1" dirty="0">
                <a:solidFill>
                  <a:srgbClr val="0094CA"/>
                </a:solidFill>
              </a:rPr>
              <a:t>ESS SRF Collaboration </a:t>
            </a:r>
            <a:r>
              <a:rPr lang="en-US" dirty="0"/>
              <a:t>with the workshare:</a:t>
            </a:r>
          </a:p>
          <a:p>
            <a:pPr lvl="1"/>
            <a:r>
              <a:rPr lang="en-US" dirty="0"/>
              <a:t>Spoke cavities and cryomodules (including prototype) by IPNO, F</a:t>
            </a:r>
          </a:p>
          <a:p>
            <a:pPr lvl="1"/>
            <a:r>
              <a:rPr lang="en-US" dirty="0"/>
              <a:t>Testing of spokes modules by FREIA laboratory of Uppsala University, S</a:t>
            </a:r>
          </a:p>
          <a:p>
            <a:pPr lvl="1"/>
            <a:r>
              <a:rPr lang="en-US" dirty="0"/>
              <a:t>Medium beta cavity production, by INFN, I</a:t>
            </a:r>
          </a:p>
          <a:p>
            <a:pPr lvl="1"/>
            <a:r>
              <a:rPr lang="en-US" dirty="0"/>
              <a:t>High beta cavity production, by STFC, UK</a:t>
            </a:r>
          </a:p>
          <a:p>
            <a:pPr lvl="1"/>
            <a:r>
              <a:rPr lang="en-US" dirty="0"/>
              <a:t>Cryomodule assembly and prototyping, CEA, F</a:t>
            </a:r>
          </a:p>
          <a:p>
            <a:pPr lvl="1"/>
            <a:r>
              <a:rPr lang="en-US" dirty="0"/>
              <a:t>Testing of elliptical module at TS2@ESS</a:t>
            </a:r>
          </a:p>
          <a:p>
            <a:r>
              <a:rPr lang="en-US" u="sng" dirty="0"/>
              <a:t>Construction project</a:t>
            </a:r>
            <a:r>
              <a:rPr lang="en-US" dirty="0"/>
              <a:t>: </a:t>
            </a:r>
          </a:p>
          <a:p>
            <a:pPr lvl="1"/>
            <a:r>
              <a:rPr lang="en-US" dirty="0"/>
              <a:t>External WP4 (IPNO) WP5 (CEA) for preparation and delivery of components</a:t>
            </a:r>
          </a:p>
          <a:p>
            <a:pPr lvl="1"/>
            <a:r>
              <a:rPr lang="en-US" dirty="0"/>
              <a:t>Internal WP19 for testing, installation, commissioning and initial operation</a:t>
            </a:r>
          </a:p>
          <a:p>
            <a:r>
              <a:rPr lang="en-US" u="sng" dirty="0"/>
              <a:t>ESS Organization</a:t>
            </a:r>
            <a:r>
              <a:rPr lang="en-US" dirty="0"/>
              <a:t>: Accelerator Division/</a:t>
            </a:r>
            <a:r>
              <a:rPr lang="en-US" dirty="0" err="1"/>
              <a:t>Linac</a:t>
            </a:r>
            <a:r>
              <a:rPr lang="en-US" dirty="0"/>
              <a:t> Group/SRF Sec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3907213-A050-5547-A98A-661FF34F2F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4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FBC8C27-2E7D-4948-BDC3-A88536BA0CB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Technical SRF work so far at IK, shift to ESS for test/install/commissioning</a:t>
            </a:r>
          </a:p>
        </p:txBody>
      </p:sp>
      <p:pic>
        <p:nvPicPr>
          <p:cNvPr id="6" name="Picture 5" descr="logocip.tif">
            <a:extLst>
              <a:ext uri="{FF2B5EF4-FFF2-40B4-BE49-F238E27FC236}">
                <a16:creationId xmlns:a16="http://schemas.microsoft.com/office/drawing/2014/main" id="{0FB60A71-E75E-7A46-B4F6-8B37E37E4CC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61384" y="3688492"/>
            <a:ext cx="576217" cy="32002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7A5C265-8199-584C-A684-6760AA101DAB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258665" y="3026816"/>
            <a:ext cx="640080" cy="36576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2EB9D71-33D9-3641-9ADD-E41BDFEE0B42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13278" y="3308724"/>
            <a:ext cx="498705" cy="519992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3F81322-7BC6-724D-A6F8-841527FE6B6E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77785" y="4444360"/>
            <a:ext cx="474199" cy="61024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643D666-37AB-9E44-B4C7-B11D97270BC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67600" y="4044712"/>
            <a:ext cx="1339429" cy="353347"/>
          </a:xfrm>
          <a:prstGeom prst="rect">
            <a:avLst/>
          </a:prstGeom>
        </p:spPr>
      </p:pic>
      <p:sp>
        <p:nvSpPr>
          <p:cNvPr id="11" name="Alternate Process 10">
            <a:extLst>
              <a:ext uri="{FF2B5EF4-FFF2-40B4-BE49-F238E27FC236}">
                <a16:creationId xmlns:a16="http://schemas.microsoft.com/office/drawing/2014/main" id="{B0B0605A-7909-154F-ACAC-7BC613835963}"/>
              </a:ext>
            </a:extLst>
          </p:cNvPr>
          <p:cNvSpPr/>
          <p:nvPr/>
        </p:nvSpPr>
        <p:spPr>
          <a:xfrm>
            <a:off x="406400" y="5664200"/>
            <a:ext cx="8432801" cy="868368"/>
          </a:xfrm>
          <a:prstGeom prst="flowChartAlternateProcess">
            <a:avLst/>
          </a:prstGeom>
          <a:noFill/>
          <a:ln>
            <a:solidFill>
              <a:schemeClr val="accent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0B83F61-CA29-DD45-862E-1898C2649B26}"/>
              </a:ext>
            </a:extLst>
          </p:cNvPr>
          <p:cNvSpPr txBox="1"/>
          <p:nvPr/>
        </p:nvSpPr>
        <p:spPr>
          <a:xfrm>
            <a:off x="10451039" y="3023441"/>
            <a:ext cx="1219200" cy="1219200"/>
          </a:xfrm>
          <a:prstGeom prst="rect">
            <a:avLst/>
          </a:prstGeom>
        </p:spPr>
        <p:txBody>
          <a:bodyPr vert="horz" wrap="none" lIns="121920" tIns="60960" rIns="121920" bIns="60960" rtlCol="0" anchor="t">
            <a:normAutofit/>
          </a:bodyPr>
          <a:lstStyle/>
          <a:p>
            <a:pPr algn="l"/>
            <a:endParaRPr lang="en-US" sz="2667" dirty="0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0CA005D0-1B7A-B245-A1C4-4D6EB5DB3C87}"/>
              </a:ext>
            </a:extLst>
          </p:cNvPr>
          <p:cNvGrpSpPr>
            <a:grpSpLocks noChangeAspect="1"/>
          </p:cNvGrpSpPr>
          <p:nvPr/>
        </p:nvGrpSpPr>
        <p:grpSpPr>
          <a:xfrm>
            <a:off x="9295319" y="2922161"/>
            <a:ext cx="2744281" cy="3783439"/>
            <a:chOff x="5482119" y="1946859"/>
            <a:chExt cx="3225222" cy="4446494"/>
          </a:xfrm>
        </p:grpSpPr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68315091-E77F-6A49-9274-CECC3A534F3D}"/>
                </a:ext>
              </a:extLst>
            </p:cNvPr>
            <p:cNvGrpSpPr/>
            <p:nvPr/>
          </p:nvGrpSpPr>
          <p:grpSpPr>
            <a:xfrm>
              <a:off x="5482119" y="1946859"/>
              <a:ext cx="3225222" cy="4446494"/>
              <a:chOff x="3733800" y="-381000"/>
              <a:chExt cx="6248400" cy="7353467"/>
            </a:xfrm>
          </p:grpSpPr>
          <p:sp>
            <p:nvSpPr>
              <p:cNvPr id="17" name="Freeform 192">
                <a:extLst>
                  <a:ext uri="{FF2B5EF4-FFF2-40B4-BE49-F238E27FC236}">
                    <a16:creationId xmlns:a16="http://schemas.microsoft.com/office/drawing/2014/main" id="{1A5C080E-F58C-7340-A309-318B0B0AE29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101890" y="1499364"/>
                <a:ext cx="1309796" cy="2310264"/>
              </a:xfrm>
              <a:custGeom>
                <a:avLst/>
                <a:gdLst/>
                <a:ahLst/>
                <a:cxnLst>
                  <a:cxn ang="0">
                    <a:pos x="2586" y="256"/>
                  </a:cxn>
                  <a:cxn ang="0">
                    <a:pos x="2701" y="80"/>
                  </a:cxn>
                  <a:cxn ang="0">
                    <a:pos x="2867" y="0"/>
                  </a:cxn>
                  <a:cxn ang="0">
                    <a:pos x="1681" y="2022"/>
                  </a:cxn>
                  <a:cxn ang="0">
                    <a:pos x="1745" y="1918"/>
                  </a:cxn>
                  <a:cxn ang="0">
                    <a:pos x="2063" y="1513"/>
                  </a:cxn>
                  <a:cxn ang="0">
                    <a:pos x="1588" y="1280"/>
                  </a:cxn>
                  <a:cxn ang="0">
                    <a:pos x="1628" y="1102"/>
                  </a:cxn>
                  <a:cxn ang="0">
                    <a:pos x="1882" y="833"/>
                  </a:cxn>
                  <a:cxn ang="0">
                    <a:pos x="1539" y="714"/>
                  </a:cxn>
                  <a:cxn ang="0">
                    <a:pos x="1388" y="1031"/>
                  </a:cxn>
                  <a:cxn ang="0">
                    <a:pos x="1237" y="1151"/>
                  </a:cxn>
                  <a:cxn ang="0">
                    <a:pos x="1176" y="1347"/>
                  </a:cxn>
                  <a:cxn ang="0">
                    <a:pos x="1062" y="1541"/>
                  </a:cxn>
                  <a:cxn ang="0">
                    <a:pos x="1046" y="1772"/>
                  </a:cxn>
                  <a:cxn ang="0">
                    <a:pos x="1142" y="2071"/>
                  </a:cxn>
                  <a:cxn ang="0">
                    <a:pos x="917" y="2251"/>
                  </a:cxn>
                  <a:cxn ang="0">
                    <a:pos x="1110" y="2372"/>
                  </a:cxn>
                  <a:cxn ang="0">
                    <a:pos x="1312" y="2522"/>
                  </a:cxn>
                  <a:cxn ang="0">
                    <a:pos x="1417" y="2821"/>
                  </a:cxn>
                  <a:cxn ang="0">
                    <a:pos x="1225" y="3053"/>
                  </a:cxn>
                  <a:cxn ang="0">
                    <a:pos x="984" y="3144"/>
                  </a:cxn>
                  <a:cxn ang="0">
                    <a:pos x="695" y="3238"/>
                  </a:cxn>
                  <a:cxn ang="0">
                    <a:pos x="751" y="3529"/>
                  </a:cxn>
                  <a:cxn ang="0">
                    <a:pos x="347" y="3672"/>
                  </a:cxn>
                  <a:cxn ang="0">
                    <a:pos x="524" y="3766"/>
                  </a:cxn>
                  <a:cxn ang="0">
                    <a:pos x="846" y="4016"/>
                  </a:cxn>
                  <a:cxn ang="0">
                    <a:pos x="908" y="4087"/>
                  </a:cxn>
                  <a:cxn ang="0">
                    <a:pos x="361" y="4179"/>
                  </a:cxn>
                  <a:cxn ang="0">
                    <a:pos x="105" y="4416"/>
                  </a:cxn>
                  <a:cxn ang="0">
                    <a:pos x="449" y="4387"/>
                  </a:cxn>
                  <a:cxn ang="0">
                    <a:pos x="837" y="4367"/>
                  </a:cxn>
                  <a:cxn ang="0">
                    <a:pos x="1175" y="4448"/>
                  </a:cxn>
                  <a:cxn ang="0">
                    <a:pos x="1464" y="4496"/>
                  </a:cxn>
                  <a:cxn ang="0">
                    <a:pos x="2058" y="4536"/>
                  </a:cxn>
                  <a:cxn ang="0">
                    <a:pos x="2041" y="4280"/>
                  </a:cxn>
                  <a:cxn ang="0">
                    <a:pos x="2373" y="3854"/>
                  </a:cxn>
                  <a:cxn ang="0">
                    <a:pos x="1964" y="3630"/>
                  </a:cxn>
                  <a:cxn ang="0">
                    <a:pos x="2080" y="3266"/>
                  </a:cxn>
                  <a:cxn ang="0">
                    <a:pos x="1852" y="2648"/>
                  </a:cxn>
                  <a:cxn ang="0">
                    <a:pos x="2058" y="725"/>
                  </a:cxn>
                  <a:cxn ang="0">
                    <a:pos x="2012" y="751"/>
                  </a:cxn>
                  <a:cxn ang="0">
                    <a:pos x="600" y="2575"/>
                  </a:cxn>
                  <a:cxn ang="0">
                    <a:pos x="741" y="2484"/>
                  </a:cxn>
                  <a:cxn ang="0">
                    <a:pos x="650" y="2045"/>
                  </a:cxn>
                  <a:cxn ang="0">
                    <a:pos x="287" y="2075"/>
                  </a:cxn>
                  <a:cxn ang="0">
                    <a:pos x="234" y="2425"/>
                  </a:cxn>
                  <a:cxn ang="0">
                    <a:pos x="1014" y="2598"/>
                  </a:cxn>
                  <a:cxn ang="0">
                    <a:pos x="957" y="803"/>
                  </a:cxn>
                  <a:cxn ang="0">
                    <a:pos x="1254" y="653"/>
                  </a:cxn>
                  <a:cxn ang="0">
                    <a:pos x="1008" y="881"/>
                  </a:cxn>
                  <a:cxn ang="0">
                    <a:pos x="848" y="978"/>
                  </a:cxn>
                  <a:cxn ang="0">
                    <a:pos x="749" y="1161"/>
                  </a:cxn>
                  <a:cxn ang="0">
                    <a:pos x="1041" y="1061"/>
                  </a:cxn>
                  <a:cxn ang="0">
                    <a:pos x="1075" y="1313"/>
                  </a:cxn>
                  <a:cxn ang="0">
                    <a:pos x="888" y="1496"/>
                  </a:cxn>
                  <a:cxn ang="0">
                    <a:pos x="751" y="1812"/>
                  </a:cxn>
                  <a:cxn ang="0">
                    <a:pos x="730" y="1885"/>
                  </a:cxn>
                  <a:cxn ang="0">
                    <a:pos x="991" y="1911"/>
                  </a:cxn>
                  <a:cxn ang="0">
                    <a:pos x="904" y="1942"/>
                  </a:cxn>
                  <a:cxn ang="0">
                    <a:pos x="1009" y="2045"/>
                  </a:cxn>
                  <a:cxn ang="0">
                    <a:pos x="1054" y="1890"/>
                  </a:cxn>
                  <a:cxn ang="0">
                    <a:pos x="848" y="5075"/>
                  </a:cxn>
                </a:cxnLst>
                <a:rect l="0" t="0" r="r" b="b"/>
                <a:pathLst>
                  <a:path w="2874" h="5114">
                    <a:moveTo>
                      <a:pt x="2705" y="168"/>
                    </a:moveTo>
                    <a:lnTo>
                      <a:pt x="2707" y="184"/>
                    </a:lnTo>
                    <a:lnTo>
                      <a:pt x="2712" y="198"/>
                    </a:lnTo>
                    <a:lnTo>
                      <a:pt x="2712" y="204"/>
                    </a:lnTo>
                    <a:lnTo>
                      <a:pt x="2711" y="211"/>
                    </a:lnTo>
                    <a:lnTo>
                      <a:pt x="2709" y="214"/>
                    </a:lnTo>
                    <a:lnTo>
                      <a:pt x="2706" y="217"/>
                    </a:lnTo>
                    <a:lnTo>
                      <a:pt x="2702" y="220"/>
                    </a:lnTo>
                    <a:lnTo>
                      <a:pt x="2697" y="224"/>
                    </a:lnTo>
                    <a:lnTo>
                      <a:pt x="2694" y="227"/>
                    </a:lnTo>
                    <a:lnTo>
                      <a:pt x="2692" y="229"/>
                    </a:lnTo>
                    <a:lnTo>
                      <a:pt x="2690" y="232"/>
                    </a:lnTo>
                    <a:lnTo>
                      <a:pt x="2690" y="234"/>
                    </a:lnTo>
                    <a:lnTo>
                      <a:pt x="2690" y="242"/>
                    </a:lnTo>
                    <a:lnTo>
                      <a:pt x="2692" y="249"/>
                    </a:lnTo>
                    <a:lnTo>
                      <a:pt x="2694" y="256"/>
                    </a:lnTo>
                    <a:lnTo>
                      <a:pt x="2694" y="264"/>
                    </a:lnTo>
                    <a:lnTo>
                      <a:pt x="2694" y="268"/>
                    </a:lnTo>
                    <a:lnTo>
                      <a:pt x="2693" y="272"/>
                    </a:lnTo>
                    <a:lnTo>
                      <a:pt x="2692" y="276"/>
                    </a:lnTo>
                    <a:lnTo>
                      <a:pt x="2688" y="280"/>
                    </a:lnTo>
                    <a:lnTo>
                      <a:pt x="2671" y="295"/>
                    </a:lnTo>
                    <a:lnTo>
                      <a:pt x="2654" y="311"/>
                    </a:lnTo>
                    <a:lnTo>
                      <a:pt x="2645" y="325"/>
                    </a:lnTo>
                    <a:lnTo>
                      <a:pt x="2637" y="342"/>
                    </a:lnTo>
                    <a:lnTo>
                      <a:pt x="2631" y="361"/>
                    </a:lnTo>
                    <a:lnTo>
                      <a:pt x="2626" y="377"/>
                    </a:lnTo>
                    <a:lnTo>
                      <a:pt x="2622" y="388"/>
                    </a:lnTo>
                    <a:lnTo>
                      <a:pt x="2614" y="412"/>
                    </a:lnTo>
                    <a:lnTo>
                      <a:pt x="2610" y="422"/>
                    </a:lnTo>
                    <a:lnTo>
                      <a:pt x="2605" y="429"/>
                    </a:lnTo>
                    <a:lnTo>
                      <a:pt x="2604" y="430"/>
                    </a:lnTo>
                    <a:lnTo>
                      <a:pt x="2601" y="429"/>
                    </a:lnTo>
                    <a:lnTo>
                      <a:pt x="2600" y="426"/>
                    </a:lnTo>
                    <a:lnTo>
                      <a:pt x="2598" y="422"/>
                    </a:lnTo>
                    <a:lnTo>
                      <a:pt x="2597" y="413"/>
                    </a:lnTo>
                    <a:lnTo>
                      <a:pt x="2598" y="404"/>
                    </a:lnTo>
                    <a:lnTo>
                      <a:pt x="2601" y="395"/>
                    </a:lnTo>
                    <a:lnTo>
                      <a:pt x="2604" y="386"/>
                    </a:lnTo>
                    <a:lnTo>
                      <a:pt x="2611" y="361"/>
                    </a:lnTo>
                    <a:lnTo>
                      <a:pt x="2621" y="337"/>
                    </a:lnTo>
                    <a:lnTo>
                      <a:pt x="2630" y="312"/>
                    </a:lnTo>
                    <a:lnTo>
                      <a:pt x="2636" y="287"/>
                    </a:lnTo>
                    <a:lnTo>
                      <a:pt x="2636" y="282"/>
                    </a:lnTo>
                    <a:lnTo>
                      <a:pt x="2636" y="277"/>
                    </a:lnTo>
                    <a:lnTo>
                      <a:pt x="2635" y="273"/>
                    </a:lnTo>
                    <a:lnTo>
                      <a:pt x="2633" y="271"/>
                    </a:lnTo>
                    <a:lnTo>
                      <a:pt x="2628" y="265"/>
                    </a:lnTo>
                    <a:lnTo>
                      <a:pt x="2622" y="263"/>
                    </a:lnTo>
                    <a:lnTo>
                      <a:pt x="2606" y="260"/>
                    </a:lnTo>
                    <a:lnTo>
                      <a:pt x="2589" y="258"/>
                    </a:lnTo>
                    <a:lnTo>
                      <a:pt x="2586" y="256"/>
                    </a:lnTo>
                    <a:lnTo>
                      <a:pt x="2583" y="255"/>
                    </a:lnTo>
                    <a:lnTo>
                      <a:pt x="2579" y="252"/>
                    </a:lnTo>
                    <a:lnTo>
                      <a:pt x="2576" y="250"/>
                    </a:lnTo>
                    <a:lnTo>
                      <a:pt x="2573" y="242"/>
                    </a:lnTo>
                    <a:lnTo>
                      <a:pt x="2570" y="236"/>
                    </a:lnTo>
                    <a:lnTo>
                      <a:pt x="2569" y="228"/>
                    </a:lnTo>
                    <a:lnTo>
                      <a:pt x="2571" y="221"/>
                    </a:lnTo>
                    <a:lnTo>
                      <a:pt x="2574" y="219"/>
                    </a:lnTo>
                    <a:lnTo>
                      <a:pt x="2576" y="217"/>
                    </a:lnTo>
                    <a:lnTo>
                      <a:pt x="2580" y="216"/>
                    </a:lnTo>
                    <a:lnTo>
                      <a:pt x="2584" y="215"/>
                    </a:lnTo>
                    <a:lnTo>
                      <a:pt x="2601" y="217"/>
                    </a:lnTo>
                    <a:lnTo>
                      <a:pt x="2619" y="220"/>
                    </a:lnTo>
                    <a:lnTo>
                      <a:pt x="2628" y="221"/>
                    </a:lnTo>
                    <a:lnTo>
                      <a:pt x="2637" y="221"/>
                    </a:lnTo>
                    <a:lnTo>
                      <a:pt x="2645" y="220"/>
                    </a:lnTo>
                    <a:lnTo>
                      <a:pt x="2653" y="217"/>
                    </a:lnTo>
                    <a:lnTo>
                      <a:pt x="2657" y="212"/>
                    </a:lnTo>
                    <a:lnTo>
                      <a:pt x="2661" y="208"/>
                    </a:lnTo>
                    <a:lnTo>
                      <a:pt x="2662" y="203"/>
                    </a:lnTo>
                    <a:lnTo>
                      <a:pt x="2662" y="199"/>
                    </a:lnTo>
                    <a:lnTo>
                      <a:pt x="2662" y="194"/>
                    </a:lnTo>
                    <a:lnTo>
                      <a:pt x="2661" y="189"/>
                    </a:lnTo>
                    <a:lnTo>
                      <a:pt x="2659" y="185"/>
                    </a:lnTo>
                    <a:lnTo>
                      <a:pt x="2655" y="180"/>
                    </a:lnTo>
                    <a:lnTo>
                      <a:pt x="2641" y="162"/>
                    </a:lnTo>
                    <a:lnTo>
                      <a:pt x="2627" y="146"/>
                    </a:lnTo>
                    <a:lnTo>
                      <a:pt x="2622" y="136"/>
                    </a:lnTo>
                    <a:lnTo>
                      <a:pt x="2613" y="123"/>
                    </a:lnTo>
                    <a:lnTo>
                      <a:pt x="2611" y="118"/>
                    </a:lnTo>
                    <a:lnTo>
                      <a:pt x="2611" y="111"/>
                    </a:lnTo>
                    <a:lnTo>
                      <a:pt x="2613" y="110"/>
                    </a:lnTo>
                    <a:lnTo>
                      <a:pt x="2615" y="107"/>
                    </a:lnTo>
                    <a:lnTo>
                      <a:pt x="2619" y="106"/>
                    </a:lnTo>
                    <a:lnTo>
                      <a:pt x="2623" y="105"/>
                    </a:lnTo>
                    <a:lnTo>
                      <a:pt x="2628" y="105"/>
                    </a:lnTo>
                    <a:lnTo>
                      <a:pt x="2635" y="103"/>
                    </a:lnTo>
                    <a:lnTo>
                      <a:pt x="2640" y="102"/>
                    </a:lnTo>
                    <a:lnTo>
                      <a:pt x="2645" y="100"/>
                    </a:lnTo>
                    <a:lnTo>
                      <a:pt x="2650" y="90"/>
                    </a:lnTo>
                    <a:lnTo>
                      <a:pt x="2657" y="81"/>
                    </a:lnTo>
                    <a:lnTo>
                      <a:pt x="2662" y="76"/>
                    </a:lnTo>
                    <a:lnTo>
                      <a:pt x="2668" y="70"/>
                    </a:lnTo>
                    <a:lnTo>
                      <a:pt x="2676" y="63"/>
                    </a:lnTo>
                    <a:lnTo>
                      <a:pt x="2684" y="61"/>
                    </a:lnTo>
                    <a:lnTo>
                      <a:pt x="2687" y="59"/>
                    </a:lnTo>
                    <a:lnTo>
                      <a:pt x="2689" y="59"/>
                    </a:lnTo>
                    <a:lnTo>
                      <a:pt x="2692" y="61"/>
                    </a:lnTo>
                    <a:lnTo>
                      <a:pt x="2694" y="62"/>
                    </a:lnTo>
                    <a:lnTo>
                      <a:pt x="2698" y="67"/>
                    </a:lnTo>
                    <a:lnTo>
                      <a:pt x="2701" y="72"/>
                    </a:lnTo>
                    <a:lnTo>
                      <a:pt x="2701" y="80"/>
                    </a:lnTo>
                    <a:lnTo>
                      <a:pt x="2700" y="88"/>
                    </a:lnTo>
                    <a:lnTo>
                      <a:pt x="2697" y="97"/>
                    </a:lnTo>
                    <a:lnTo>
                      <a:pt x="2694" y="105"/>
                    </a:lnTo>
                    <a:lnTo>
                      <a:pt x="2693" y="115"/>
                    </a:lnTo>
                    <a:lnTo>
                      <a:pt x="2693" y="124"/>
                    </a:lnTo>
                    <a:lnTo>
                      <a:pt x="2693" y="135"/>
                    </a:lnTo>
                    <a:lnTo>
                      <a:pt x="2694" y="145"/>
                    </a:lnTo>
                    <a:lnTo>
                      <a:pt x="2705" y="168"/>
                    </a:lnTo>
                    <a:close/>
                    <a:moveTo>
                      <a:pt x="2742" y="120"/>
                    </a:moveTo>
                    <a:lnTo>
                      <a:pt x="2744" y="107"/>
                    </a:lnTo>
                    <a:lnTo>
                      <a:pt x="2746" y="93"/>
                    </a:lnTo>
                    <a:lnTo>
                      <a:pt x="2747" y="81"/>
                    </a:lnTo>
                    <a:lnTo>
                      <a:pt x="2753" y="68"/>
                    </a:lnTo>
                    <a:lnTo>
                      <a:pt x="2757" y="62"/>
                    </a:lnTo>
                    <a:lnTo>
                      <a:pt x="2760" y="57"/>
                    </a:lnTo>
                    <a:lnTo>
                      <a:pt x="2766" y="53"/>
                    </a:lnTo>
                    <a:lnTo>
                      <a:pt x="2771" y="50"/>
                    </a:lnTo>
                    <a:lnTo>
                      <a:pt x="2776" y="49"/>
                    </a:lnTo>
                    <a:lnTo>
                      <a:pt x="2780" y="49"/>
                    </a:lnTo>
                    <a:lnTo>
                      <a:pt x="2782" y="50"/>
                    </a:lnTo>
                    <a:lnTo>
                      <a:pt x="2785" y="52"/>
                    </a:lnTo>
                    <a:lnTo>
                      <a:pt x="2785" y="54"/>
                    </a:lnTo>
                    <a:lnTo>
                      <a:pt x="2785" y="57"/>
                    </a:lnTo>
                    <a:lnTo>
                      <a:pt x="2785" y="61"/>
                    </a:lnTo>
                    <a:lnTo>
                      <a:pt x="2784" y="66"/>
                    </a:lnTo>
                    <a:lnTo>
                      <a:pt x="2779" y="79"/>
                    </a:lnTo>
                    <a:lnTo>
                      <a:pt x="2775" y="93"/>
                    </a:lnTo>
                    <a:lnTo>
                      <a:pt x="2772" y="107"/>
                    </a:lnTo>
                    <a:lnTo>
                      <a:pt x="2769" y="120"/>
                    </a:lnTo>
                    <a:lnTo>
                      <a:pt x="2768" y="125"/>
                    </a:lnTo>
                    <a:lnTo>
                      <a:pt x="2767" y="131"/>
                    </a:lnTo>
                    <a:lnTo>
                      <a:pt x="2766" y="135"/>
                    </a:lnTo>
                    <a:lnTo>
                      <a:pt x="2762" y="138"/>
                    </a:lnTo>
                    <a:lnTo>
                      <a:pt x="2759" y="141"/>
                    </a:lnTo>
                    <a:lnTo>
                      <a:pt x="2755" y="142"/>
                    </a:lnTo>
                    <a:lnTo>
                      <a:pt x="2753" y="142"/>
                    </a:lnTo>
                    <a:lnTo>
                      <a:pt x="2750" y="141"/>
                    </a:lnTo>
                    <a:lnTo>
                      <a:pt x="2747" y="140"/>
                    </a:lnTo>
                    <a:lnTo>
                      <a:pt x="2745" y="138"/>
                    </a:lnTo>
                    <a:lnTo>
                      <a:pt x="2744" y="135"/>
                    </a:lnTo>
                    <a:lnTo>
                      <a:pt x="2744" y="131"/>
                    </a:lnTo>
                    <a:lnTo>
                      <a:pt x="2742" y="120"/>
                    </a:lnTo>
                    <a:close/>
                    <a:moveTo>
                      <a:pt x="2833" y="41"/>
                    </a:moveTo>
                    <a:lnTo>
                      <a:pt x="2834" y="35"/>
                    </a:lnTo>
                    <a:lnTo>
                      <a:pt x="2837" y="30"/>
                    </a:lnTo>
                    <a:lnTo>
                      <a:pt x="2841" y="26"/>
                    </a:lnTo>
                    <a:lnTo>
                      <a:pt x="2845" y="21"/>
                    </a:lnTo>
                    <a:lnTo>
                      <a:pt x="2849" y="14"/>
                    </a:lnTo>
                    <a:lnTo>
                      <a:pt x="2855" y="6"/>
                    </a:lnTo>
                    <a:lnTo>
                      <a:pt x="2859" y="4"/>
                    </a:lnTo>
                    <a:lnTo>
                      <a:pt x="2863" y="1"/>
                    </a:lnTo>
                    <a:lnTo>
                      <a:pt x="2867" y="0"/>
                    </a:lnTo>
                    <a:lnTo>
                      <a:pt x="2871" y="1"/>
                    </a:lnTo>
                    <a:lnTo>
                      <a:pt x="2873" y="5"/>
                    </a:lnTo>
                    <a:lnTo>
                      <a:pt x="2874" y="11"/>
                    </a:lnTo>
                    <a:lnTo>
                      <a:pt x="2873" y="19"/>
                    </a:lnTo>
                    <a:lnTo>
                      <a:pt x="2873" y="23"/>
                    </a:lnTo>
                    <a:lnTo>
                      <a:pt x="2867" y="33"/>
                    </a:lnTo>
                    <a:lnTo>
                      <a:pt x="2861" y="43"/>
                    </a:lnTo>
                    <a:lnTo>
                      <a:pt x="2858" y="48"/>
                    </a:lnTo>
                    <a:lnTo>
                      <a:pt x="2854" y="53"/>
                    </a:lnTo>
                    <a:lnTo>
                      <a:pt x="2851" y="57"/>
                    </a:lnTo>
                    <a:lnTo>
                      <a:pt x="2849" y="61"/>
                    </a:lnTo>
                    <a:lnTo>
                      <a:pt x="2846" y="63"/>
                    </a:lnTo>
                    <a:lnTo>
                      <a:pt x="2842" y="66"/>
                    </a:lnTo>
                    <a:lnTo>
                      <a:pt x="2839" y="66"/>
                    </a:lnTo>
                    <a:lnTo>
                      <a:pt x="2837" y="66"/>
                    </a:lnTo>
                    <a:lnTo>
                      <a:pt x="2834" y="65"/>
                    </a:lnTo>
                    <a:lnTo>
                      <a:pt x="2833" y="63"/>
                    </a:lnTo>
                    <a:lnTo>
                      <a:pt x="2830" y="58"/>
                    </a:lnTo>
                    <a:lnTo>
                      <a:pt x="2829" y="54"/>
                    </a:lnTo>
                    <a:lnTo>
                      <a:pt x="2833" y="41"/>
                    </a:lnTo>
                    <a:close/>
                    <a:moveTo>
                      <a:pt x="1845" y="2588"/>
                    </a:moveTo>
                    <a:lnTo>
                      <a:pt x="1843" y="2549"/>
                    </a:lnTo>
                    <a:lnTo>
                      <a:pt x="1842" y="2508"/>
                    </a:lnTo>
                    <a:lnTo>
                      <a:pt x="1843" y="2487"/>
                    </a:lnTo>
                    <a:lnTo>
                      <a:pt x="1845" y="2468"/>
                    </a:lnTo>
                    <a:lnTo>
                      <a:pt x="1848" y="2448"/>
                    </a:lnTo>
                    <a:lnTo>
                      <a:pt x="1855" y="2429"/>
                    </a:lnTo>
                    <a:lnTo>
                      <a:pt x="1860" y="2414"/>
                    </a:lnTo>
                    <a:lnTo>
                      <a:pt x="1864" y="2399"/>
                    </a:lnTo>
                    <a:lnTo>
                      <a:pt x="1867" y="2385"/>
                    </a:lnTo>
                    <a:lnTo>
                      <a:pt x="1869" y="2369"/>
                    </a:lnTo>
                    <a:lnTo>
                      <a:pt x="1872" y="2339"/>
                    </a:lnTo>
                    <a:lnTo>
                      <a:pt x="1872" y="2307"/>
                    </a:lnTo>
                    <a:lnTo>
                      <a:pt x="1870" y="2291"/>
                    </a:lnTo>
                    <a:lnTo>
                      <a:pt x="1869" y="2276"/>
                    </a:lnTo>
                    <a:lnTo>
                      <a:pt x="1867" y="2262"/>
                    </a:lnTo>
                    <a:lnTo>
                      <a:pt x="1863" y="2247"/>
                    </a:lnTo>
                    <a:lnTo>
                      <a:pt x="1857" y="2233"/>
                    </a:lnTo>
                    <a:lnTo>
                      <a:pt x="1851" y="2220"/>
                    </a:lnTo>
                    <a:lnTo>
                      <a:pt x="1845" y="2207"/>
                    </a:lnTo>
                    <a:lnTo>
                      <a:pt x="1838" y="2194"/>
                    </a:lnTo>
                    <a:lnTo>
                      <a:pt x="1821" y="2170"/>
                    </a:lnTo>
                    <a:lnTo>
                      <a:pt x="1803" y="2146"/>
                    </a:lnTo>
                    <a:lnTo>
                      <a:pt x="1782" y="2124"/>
                    </a:lnTo>
                    <a:lnTo>
                      <a:pt x="1763" y="2102"/>
                    </a:lnTo>
                    <a:lnTo>
                      <a:pt x="1727" y="2063"/>
                    </a:lnTo>
                    <a:lnTo>
                      <a:pt x="1718" y="2050"/>
                    </a:lnTo>
                    <a:lnTo>
                      <a:pt x="1710" y="2040"/>
                    </a:lnTo>
                    <a:lnTo>
                      <a:pt x="1702" y="2032"/>
                    </a:lnTo>
                    <a:lnTo>
                      <a:pt x="1694" y="2027"/>
                    </a:lnTo>
                    <a:lnTo>
                      <a:pt x="1688" y="2023"/>
                    </a:lnTo>
                    <a:lnTo>
                      <a:pt x="1681" y="2022"/>
                    </a:lnTo>
                    <a:lnTo>
                      <a:pt x="1675" y="2022"/>
                    </a:lnTo>
                    <a:lnTo>
                      <a:pt x="1667" y="2023"/>
                    </a:lnTo>
                    <a:lnTo>
                      <a:pt x="1653" y="2027"/>
                    </a:lnTo>
                    <a:lnTo>
                      <a:pt x="1636" y="2032"/>
                    </a:lnTo>
                    <a:lnTo>
                      <a:pt x="1627" y="2035"/>
                    </a:lnTo>
                    <a:lnTo>
                      <a:pt x="1616" y="2036"/>
                    </a:lnTo>
                    <a:lnTo>
                      <a:pt x="1605" y="2036"/>
                    </a:lnTo>
                    <a:lnTo>
                      <a:pt x="1593" y="2036"/>
                    </a:lnTo>
                    <a:lnTo>
                      <a:pt x="1587" y="2035"/>
                    </a:lnTo>
                    <a:lnTo>
                      <a:pt x="1578" y="2032"/>
                    </a:lnTo>
                    <a:lnTo>
                      <a:pt x="1567" y="2027"/>
                    </a:lnTo>
                    <a:lnTo>
                      <a:pt x="1556" y="2022"/>
                    </a:lnTo>
                    <a:lnTo>
                      <a:pt x="1531" y="2008"/>
                    </a:lnTo>
                    <a:lnTo>
                      <a:pt x="1504" y="1991"/>
                    </a:lnTo>
                    <a:lnTo>
                      <a:pt x="1479" y="1971"/>
                    </a:lnTo>
                    <a:lnTo>
                      <a:pt x="1457" y="1955"/>
                    </a:lnTo>
                    <a:lnTo>
                      <a:pt x="1449" y="1946"/>
                    </a:lnTo>
                    <a:lnTo>
                      <a:pt x="1443" y="1938"/>
                    </a:lnTo>
                    <a:lnTo>
                      <a:pt x="1439" y="1931"/>
                    </a:lnTo>
                    <a:lnTo>
                      <a:pt x="1438" y="1926"/>
                    </a:lnTo>
                    <a:lnTo>
                      <a:pt x="1445" y="1926"/>
                    </a:lnTo>
                    <a:lnTo>
                      <a:pt x="1453" y="1927"/>
                    </a:lnTo>
                    <a:lnTo>
                      <a:pt x="1464" y="1930"/>
                    </a:lnTo>
                    <a:lnTo>
                      <a:pt x="1474" y="1934"/>
                    </a:lnTo>
                    <a:lnTo>
                      <a:pt x="1496" y="1946"/>
                    </a:lnTo>
                    <a:lnTo>
                      <a:pt x="1519" y="1957"/>
                    </a:lnTo>
                    <a:lnTo>
                      <a:pt x="1531" y="1962"/>
                    </a:lnTo>
                    <a:lnTo>
                      <a:pt x="1541" y="1966"/>
                    </a:lnTo>
                    <a:lnTo>
                      <a:pt x="1552" y="1970"/>
                    </a:lnTo>
                    <a:lnTo>
                      <a:pt x="1562" y="1971"/>
                    </a:lnTo>
                    <a:lnTo>
                      <a:pt x="1567" y="1971"/>
                    </a:lnTo>
                    <a:lnTo>
                      <a:pt x="1571" y="1970"/>
                    </a:lnTo>
                    <a:lnTo>
                      <a:pt x="1575" y="1969"/>
                    </a:lnTo>
                    <a:lnTo>
                      <a:pt x="1579" y="1966"/>
                    </a:lnTo>
                    <a:lnTo>
                      <a:pt x="1583" y="1964"/>
                    </a:lnTo>
                    <a:lnTo>
                      <a:pt x="1587" y="1961"/>
                    </a:lnTo>
                    <a:lnTo>
                      <a:pt x="1589" y="1956"/>
                    </a:lnTo>
                    <a:lnTo>
                      <a:pt x="1592" y="1951"/>
                    </a:lnTo>
                    <a:lnTo>
                      <a:pt x="1594" y="1947"/>
                    </a:lnTo>
                    <a:lnTo>
                      <a:pt x="1597" y="1943"/>
                    </a:lnTo>
                    <a:lnTo>
                      <a:pt x="1601" y="1940"/>
                    </a:lnTo>
                    <a:lnTo>
                      <a:pt x="1605" y="1938"/>
                    </a:lnTo>
                    <a:lnTo>
                      <a:pt x="1615" y="1934"/>
                    </a:lnTo>
                    <a:lnTo>
                      <a:pt x="1628" y="1931"/>
                    </a:lnTo>
                    <a:lnTo>
                      <a:pt x="1655" y="1929"/>
                    </a:lnTo>
                    <a:lnTo>
                      <a:pt x="1685" y="1929"/>
                    </a:lnTo>
                    <a:lnTo>
                      <a:pt x="1712" y="1929"/>
                    </a:lnTo>
                    <a:lnTo>
                      <a:pt x="1733" y="1927"/>
                    </a:lnTo>
                    <a:lnTo>
                      <a:pt x="1740" y="1926"/>
                    </a:lnTo>
                    <a:lnTo>
                      <a:pt x="1745" y="1924"/>
                    </a:lnTo>
                    <a:lnTo>
                      <a:pt x="1745" y="1921"/>
                    </a:lnTo>
                    <a:lnTo>
                      <a:pt x="1745" y="1918"/>
                    </a:lnTo>
                    <a:lnTo>
                      <a:pt x="1743" y="1916"/>
                    </a:lnTo>
                    <a:lnTo>
                      <a:pt x="1742" y="1913"/>
                    </a:lnTo>
                    <a:lnTo>
                      <a:pt x="1723" y="1883"/>
                    </a:lnTo>
                    <a:lnTo>
                      <a:pt x="1714" y="1867"/>
                    </a:lnTo>
                    <a:lnTo>
                      <a:pt x="1711" y="1864"/>
                    </a:lnTo>
                    <a:lnTo>
                      <a:pt x="1708" y="1861"/>
                    </a:lnTo>
                    <a:lnTo>
                      <a:pt x="1705" y="1860"/>
                    </a:lnTo>
                    <a:lnTo>
                      <a:pt x="1698" y="1857"/>
                    </a:lnTo>
                    <a:lnTo>
                      <a:pt x="1683" y="1855"/>
                    </a:lnTo>
                    <a:lnTo>
                      <a:pt x="1658" y="1851"/>
                    </a:lnTo>
                    <a:lnTo>
                      <a:pt x="1637" y="1847"/>
                    </a:lnTo>
                    <a:lnTo>
                      <a:pt x="1624" y="1844"/>
                    </a:lnTo>
                    <a:lnTo>
                      <a:pt x="1615" y="1841"/>
                    </a:lnTo>
                    <a:lnTo>
                      <a:pt x="1611" y="1838"/>
                    </a:lnTo>
                    <a:lnTo>
                      <a:pt x="1610" y="1835"/>
                    </a:lnTo>
                    <a:lnTo>
                      <a:pt x="1610" y="1834"/>
                    </a:lnTo>
                    <a:lnTo>
                      <a:pt x="1611" y="1833"/>
                    </a:lnTo>
                    <a:lnTo>
                      <a:pt x="1614" y="1832"/>
                    </a:lnTo>
                    <a:lnTo>
                      <a:pt x="1620" y="1829"/>
                    </a:lnTo>
                    <a:lnTo>
                      <a:pt x="1628" y="1826"/>
                    </a:lnTo>
                    <a:lnTo>
                      <a:pt x="1650" y="1822"/>
                    </a:lnTo>
                    <a:lnTo>
                      <a:pt x="1675" y="1820"/>
                    </a:lnTo>
                    <a:lnTo>
                      <a:pt x="1686" y="1819"/>
                    </a:lnTo>
                    <a:lnTo>
                      <a:pt x="1697" y="1820"/>
                    </a:lnTo>
                    <a:lnTo>
                      <a:pt x="1706" y="1820"/>
                    </a:lnTo>
                    <a:lnTo>
                      <a:pt x="1712" y="1821"/>
                    </a:lnTo>
                    <a:lnTo>
                      <a:pt x="1718" y="1822"/>
                    </a:lnTo>
                    <a:lnTo>
                      <a:pt x="1723" y="1822"/>
                    </a:lnTo>
                    <a:lnTo>
                      <a:pt x="1729" y="1822"/>
                    </a:lnTo>
                    <a:lnTo>
                      <a:pt x="1736" y="1821"/>
                    </a:lnTo>
                    <a:lnTo>
                      <a:pt x="1749" y="1816"/>
                    </a:lnTo>
                    <a:lnTo>
                      <a:pt x="1764" y="1810"/>
                    </a:lnTo>
                    <a:lnTo>
                      <a:pt x="1780" y="1799"/>
                    </a:lnTo>
                    <a:lnTo>
                      <a:pt x="1797" y="1789"/>
                    </a:lnTo>
                    <a:lnTo>
                      <a:pt x="1813" y="1776"/>
                    </a:lnTo>
                    <a:lnTo>
                      <a:pt x="1830" y="1763"/>
                    </a:lnTo>
                    <a:lnTo>
                      <a:pt x="1865" y="1734"/>
                    </a:lnTo>
                    <a:lnTo>
                      <a:pt x="1895" y="1706"/>
                    </a:lnTo>
                    <a:lnTo>
                      <a:pt x="1922" y="1683"/>
                    </a:lnTo>
                    <a:lnTo>
                      <a:pt x="1940" y="1664"/>
                    </a:lnTo>
                    <a:lnTo>
                      <a:pt x="1953" y="1650"/>
                    </a:lnTo>
                    <a:lnTo>
                      <a:pt x="1966" y="1635"/>
                    </a:lnTo>
                    <a:lnTo>
                      <a:pt x="1977" y="1618"/>
                    </a:lnTo>
                    <a:lnTo>
                      <a:pt x="1986" y="1601"/>
                    </a:lnTo>
                    <a:lnTo>
                      <a:pt x="1996" y="1584"/>
                    </a:lnTo>
                    <a:lnTo>
                      <a:pt x="2006" y="1567"/>
                    </a:lnTo>
                    <a:lnTo>
                      <a:pt x="2018" y="1552"/>
                    </a:lnTo>
                    <a:lnTo>
                      <a:pt x="2031" y="1536"/>
                    </a:lnTo>
                    <a:lnTo>
                      <a:pt x="2039" y="1530"/>
                    </a:lnTo>
                    <a:lnTo>
                      <a:pt x="2048" y="1523"/>
                    </a:lnTo>
                    <a:lnTo>
                      <a:pt x="2056" y="1518"/>
                    </a:lnTo>
                    <a:lnTo>
                      <a:pt x="2063" y="1513"/>
                    </a:lnTo>
                    <a:lnTo>
                      <a:pt x="2080" y="1504"/>
                    </a:lnTo>
                    <a:lnTo>
                      <a:pt x="2095" y="1496"/>
                    </a:lnTo>
                    <a:lnTo>
                      <a:pt x="2101" y="1491"/>
                    </a:lnTo>
                    <a:lnTo>
                      <a:pt x="2106" y="1486"/>
                    </a:lnTo>
                    <a:lnTo>
                      <a:pt x="2110" y="1479"/>
                    </a:lnTo>
                    <a:lnTo>
                      <a:pt x="2114" y="1471"/>
                    </a:lnTo>
                    <a:lnTo>
                      <a:pt x="2117" y="1464"/>
                    </a:lnTo>
                    <a:lnTo>
                      <a:pt x="2117" y="1453"/>
                    </a:lnTo>
                    <a:lnTo>
                      <a:pt x="2117" y="1442"/>
                    </a:lnTo>
                    <a:lnTo>
                      <a:pt x="2114" y="1429"/>
                    </a:lnTo>
                    <a:lnTo>
                      <a:pt x="2111" y="1417"/>
                    </a:lnTo>
                    <a:lnTo>
                      <a:pt x="2111" y="1407"/>
                    </a:lnTo>
                    <a:lnTo>
                      <a:pt x="2114" y="1399"/>
                    </a:lnTo>
                    <a:lnTo>
                      <a:pt x="2118" y="1390"/>
                    </a:lnTo>
                    <a:lnTo>
                      <a:pt x="2120" y="1382"/>
                    </a:lnTo>
                    <a:lnTo>
                      <a:pt x="2124" y="1374"/>
                    </a:lnTo>
                    <a:lnTo>
                      <a:pt x="2127" y="1365"/>
                    </a:lnTo>
                    <a:lnTo>
                      <a:pt x="2127" y="1356"/>
                    </a:lnTo>
                    <a:lnTo>
                      <a:pt x="2127" y="1354"/>
                    </a:lnTo>
                    <a:lnTo>
                      <a:pt x="2124" y="1352"/>
                    </a:lnTo>
                    <a:lnTo>
                      <a:pt x="2120" y="1351"/>
                    </a:lnTo>
                    <a:lnTo>
                      <a:pt x="2115" y="1350"/>
                    </a:lnTo>
                    <a:lnTo>
                      <a:pt x="2102" y="1347"/>
                    </a:lnTo>
                    <a:lnTo>
                      <a:pt x="2087" y="1346"/>
                    </a:lnTo>
                    <a:lnTo>
                      <a:pt x="2071" y="1344"/>
                    </a:lnTo>
                    <a:lnTo>
                      <a:pt x="2056" y="1342"/>
                    </a:lnTo>
                    <a:lnTo>
                      <a:pt x="2043" y="1341"/>
                    </a:lnTo>
                    <a:lnTo>
                      <a:pt x="2034" y="1338"/>
                    </a:lnTo>
                    <a:lnTo>
                      <a:pt x="2016" y="1333"/>
                    </a:lnTo>
                    <a:lnTo>
                      <a:pt x="2000" y="1326"/>
                    </a:lnTo>
                    <a:lnTo>
                      <a:pt x="1986" y="1320"/>
                    </a:lnTo>
                    <a:lnTo>
                      <a:pt x="1970" y="1313"/>
                    </a:lnTo>
                    <a:lnTo>
                      <a:pt x="1955" y="1307"/>
                    </a:lnTo>
                    <a:lnTo>
                      <a:pt x="1939" y="1300"/>
                    </a:lnTo>
                    <a:lnTo>
                      <a:pt x="1922" y="1297"/>
                    </a:lnTo>
                    <a:lnTo>
                      <a:pt x="1904" y="1293"/>
                    </a:lnTo>
                    <a:lnTo>
                      <a:pt x="1890" y="1290"/>
                    </a:lnTo>
                    <a:lnTo>
                      <a:pt x="1876" y="1285"/>
                    </a:lnTo>
                    <a:lnTo>
                      <a:pt x="1863" y="1280"/>
                    </a:lnTo>
                    <a:lnTo>
                      <a:pt x="1850" y="1272"/>
                    </a:lnTo>
                    <a:lnTo>
                      <a:pt x="1837" y="1265"/>
                    </a:lnTo>
                    <a:lnTo>
                      <a:pt x="1824" y="1259"/>
                    </a:lnTo>
                    <a:lnTo>
                      <a:pt x="1810" y="1254"/>
                    </a:lnTo>
                    <a:lnTo>
                      <a:pt x="1795" y="1250"/>
                    </a:lnTo>
                    <a:lnTo>
                      <a:pt x="1778" y="1247"/>
                    </a:lnTo>
                    <a:lnTo>
                      <a:pt x="1762" y="1246"/>
                    </a:lnTo>
                    <a:lnTo>
                      <a:pt x="1745" y="1247"/>
                    </a:lnTo>
                    <a:lnTo>
                      <a:pt x="1728" y="1250"/>
                    </a:lnTo>
                    <a:lnTo>
                      <a:pt x="1693" y="1256"/>
                    </a:lnTo>
                    <a:lnTo>
                      <a:pt x="1658" y="1264"/>
                    </a:lnTo>
                    <a:lnTo>
                      <a:pt x="1623" y="1273"/>
                    </a:lnTo>
                    <a:lnTo>
                      <a:pt x="1588" y="1280"/>
                    </a:lnTo>
                    <a:lnTo>
                      <a:pt x="1571" y="1281"/>
                    </a:lnTo>
                    <a:lnTo>
                      <a:pt x="1556" y="1281"/>
                    </a:lnTo>
                    <a:lnTo>
                      <a:pt x="1539" y="1280"/>
                    </a:lnTo>
                    <a:lnTo>
                      <a:pt x="1523" y="1277"/>
                    </a:lnTo>
                    <a:lnTo>
                      <a:pt x="1523" y="1273"/>
                    </a:lnTo>
                    <a:lnTo>
                      <a:pt x="1525" y="1269"/>
                    </a:lnTo>
                    <a:lnTo>
                      <a:pt x="1526" y="1265"/>
                    </a:lnTo>
                    <a:lnTo>
                      <a:pt x="1528" y="1262"/>
                    </a:lnTo>
                    <a:lnTo>
                      <a:pt x="1535" y="1255"/>
                    </a:lnTo>
                    <a:lnTo>
                      <a:pt x="1541" y="1249"/>
                    </a:lnTo>
                    <a:lnTo>
                      <a:pt x="1557" y="1240"/>
                    </a:lnTo>
                    <a:lnTo>
                      <a:pt x="1570" y="1230"/>
                    </a:lnTo>
                    <a:lnTo>
                      <a:pt x="1576" y="1221"/>
                    </a:lnTo>
                    <a:lnTo>
                      <a:pt x="1580" y="1215"/>
                    </a:lnTo>
                    <a:lnTo>
                      <a:pt x="1582" y="1208"/>
                    </a:lnTo>
                    <a:lnTo>
                      <a:pt x="1582" y="1203"/>
                    </a:lnTo>
                    <a:lnTo>
                      <a:pt x="1583" y="1198"/>
                    </a:lnTo>
                    <a:lnTo>
                      <a:pt x="1584" y="1193"/>
                    </a:lnTo>
                    <a:lnTo>
                      <a:pt x="1588" y="1188"/>
                    </a:lnTo>
                    <a:lnTo>
                      <a:pt x="1597" y="1181"/>
                    </a:lnTo>
                    <a:lnTo>
                      <a:pt x="1604" y="1177"/>
                    </a:lnTo>
                    <a:lnTo>
                      <a:pt x="1610" y="1175"/>
                    </a:lnTo>
                    <a:lnTo>
                      <a:pt x="1615" y="1173"/>
                    </a:lnTo>
                    <a:lnTo>
                      <a:pt x="1622" y="1173"/>
                    </a:lnTo>
                    <a:lnTo>
                      <a:pt x="1633" y="1175"/>
                    </a:lnTo>
                    <a:lnTo>
                      <a:pt x="1648" y="1177"/>
                    </a:lnTo>
                    <a:lnTo>
                      <a:pt x="1657" y="1179"/>
                    </a:lnTo>
                    <a:lnTo>
                      <a:pt x="1664" y="1177"/>
                    </a:lnTo>
                    <a:lnTo>
                      <a:pt x="1673" y="1176"/>
                    </a:lnTo>
                    <a:lnTo>
                      <a:pt x="1681" y="1172"/>
                    </a:lnTo>
                    <a:lnTo>
                      <a:pt x="1688" y="1167"/>
                    </a:lnTo>
                    <a:lnTo>
                      <a:pt x="1693" y="1161"/>
                    </a:lnTo>
                    <a:lnTo>
                      <a:pt x="1696" y="1153"/>
                    </a:lnTo>
                    <a:lnTo>
                      <a:pt x="1697" y="1145"/>
                    </a:lnTo>
                    <a:lnTo>
                      <a:pt x="1676" y="1146"/>
                    </a:lnTo>
                    <a:lnTo>
                      <a:pt x="1655" y="1148"/>
                    </a:lnTo>
                    <a:lnTo>
                      <a:pt x="1645" y="1146"/>
                    </a:lnTo>
                    <a:lnTo>
                      <a:pt x="1636" y="1145"/>
                    </a:lnTo>
                    <a:lnTo>
                      <a:pt x="1627" y="1141"/>
                    </a:lnTo>
                    <a:lnTo>
                      <a:pt x="1618" y="1136"/>
                    </a:lnTo>
                    <a:lnTo>
                      <a:pt x="1606" y="1127"/>
                    </a:lnTo>
                    <a:lnTo>
                      <a:pt x="1589" y="1111"/>
                    </a:lnTo>
                    <a:lnTo>
                      <a:pt x="1582" y="1104"/>
                    </a:lnTo>
                    <a:lnTo>
                      <a:pt x="1578" y="1097"/>
                    </a:lnTo>
                    <a:lnTo>
                      <a:pt x="1576" y="1094"/>
                    </a:lnTo>
                    <a:lnTo>
                      <a:pt x="1578" y="1093"/>
                    </a:lnTo>
                    <a:lnTo>
                      <a:pt x="1579" y="1093"/>
                    </a:lnTo>
                    <a:lnTo>
                      <a:pt x="1582" y="1093"/>
                    </a:lnTo>
                    <a:lnTo>
                      <a:pt x="1593" y="1096"/>
                    </a:lnTo>
                    <a:lnTo>
                      <a:pt x="1605" y="1098"/>
                    </a:lnTo>
                    <a:lnTo>
                      <a:pt x="1616" y="1101"/>
                    </a:lnTo>
                    <a:lnTo>
                      <a:pt x="1628" y="1102"/>
                    </a:lnTo>
                    <a:lnTo>
                      <a:pt x="1636" y="1102"/>
                    </a:lnTo>
                    <a:lnTo>
                      <a:pt x="1642" y="1101"/>
                    </a:lnTo>
                    <a:lnTo>
                      <a:pt x="1649" y="1098"/>
                    </a:lnTo>
                    <a:lnTo>
                      <a:pt x="1654" y="1094"/>
                    </a:lnTo>
                    <a:lnTo>
                      <a:pt x="1664" y="1087"/>
                    </a:lnTo>
                    <a:lnTo>
                      <a:pt x="1676" y="1079"/>
                    </a:lnTo>
                    <a:lnTo>
                      <a:pt x="1692" y="1076"/>
                    </a:lnTo>
                    <a:lnTo>
                      <a:pt x="1708" y="1074"/>
                    </a:lnTo>
                    <a:lnTo>
                      <a:pt x="1720" y="1069"/>
                    </a:lnTo>
                    <a:lnTo>
                      <a:pt x="1729" y="1063"/>
                    </a:lnTo>
                    <a:lnTo>
                      <a:pt x="1737" y="1058"/>
                    </a:lnTo>
                    <a:lnTo>
                      <a:pt x="1747" y="1050"/>
                    </a:lnTo>
                    <a:lnTo>
                      <a:pt x="1782" y="1028"/>
                    </a:lnTo>
                    <a:lnTo>
                      <a:pt x="1822" y="1005"/>
                    </a:lnTo>
                    <a:lnTo>
                      <a:pt x="1845" y="995"/>
                    </a:lnTo>
                    <a:lnTo>
                      <a:pt x="1865" y="986"/>
                    </a:lnTo>
                    <a:lnTo>
                      <a:pt x="1886" y="978"/>
                    </a:lnTo>
                    <a:lnTo>
                      <a:pt x="1904" y="973"/>
                    </a:lnTo>
                    <a:lnTo>
                      <a:pt x="1925" y="969"/>
                    </a:lnTo>
                    <a:lnTo>
                      <a:pt x="1943" y="965"/>
                    </a:lnTo>
                    <a:lnTo>
                      <a:pt x="1951" y="962"/>
                    </a:lnTo>
                    <a:lnTo>
                      <a:pt x="1957" y="960"/>
                    </a:lnTo>
                    <a:lnTo>
                      <a:pt x="1964" y="957"/>
                    </a:lnTo>
                    <a:lnTo>
                      <a:pt x="1969" y="953"/>
                    </a:lnTo>
                    <a:lnTo>
                      <a:pt x="1974" y="948"/>
                    </a:lnTo>
                    <a:lnTo>
                      <a:pt x="1979" y="943"/>
                    </a:lnTo>
                    <a:lnTo>
                      <a:pt x="1983" y="938"/>
                    </a:lnTo>
                    <a:lnTo>
                      <a:pt x="1986" y="930"/>
                    </a:lnTo>
                    <a:lnTo>
                      <a:pt x="1988" y="922"/>
                    </a:lnTo>
                    <a:lnTo>
                      <a:pt x="1991" y="913"/>
                    </a:lnTo>
                    <a:lnTo>
                      <a:pt x="1992" y="903"/>
                    </a:lnTo>
                    <a:lnTo>
                      <a:pt x="1992" y="891"/>
                    </a:lnTo>
                    <a:lnTo>
                      <a:pt x="1993" y="882"/>
                    </a:lnTo>
                    <a:lnTo>
                      <a:pt x="1996" y="874"/>
                    </a:lnTo>
                    <a:lnTo>
                      <a:pt x="2000" y="865"/>
                    </a:lnTo>
                    <a:lnTo>
                      <a:pt x="2004" y="857"/>
                    </a:lnTo>
                    <a:lnTo>
                      <a:pt x="2006" y="850"/>
                    </a:lnTo>
                    <a:lnTo>
                      <a:pt x="2010" y="842"/>
                    </a:lnTo>
                    <a:lnTo>
                      <a:pt x="2013" y="833"/>
                    </a:lnTo>
                    <a:lnTo>
                      <a:pt x="2013" y="824"/>
                    </a:lnTo>
                    <a:lnTo>
                      <a:pt x="2001" y="825"/>
                    </a:lnTo>
                    <a:lnTo>
                      <a:pt x="1990" y="828"/>
                    </a:lnTo>
                    <a:lnTo>
                      <a:pt x="1979" y="831"/>
                    </a:lnTo>
                    <a:lnTo>
                      <a:pt x="1968" y="835"/>
                    </a:lnTo>
                    <a:lnTo>
                      <a:pt x="1955" y="841"/>
                    </a:lnTo>
                    <a:lnTo>
                      <a:pt x="1943" y="844"/>
                    </a:lnTo>
                    <a:lnTo>
                      <a:pt x="1931" y="846"/>
                    </a:lnTo>
                    <a:lnTo>
                      <a:pt x="1920" y="847"/>
                    </a:lnTo>
                    <a:lnTo>
                      <a:pt x="1908" y="846"/>
                    </a:lnTo>
                    <a:lnTo>
                      <a:pt x="1898" y="842"/>
                    </a:lnTo>
                    <a:lnTo>
                      <a:pt x="1890" y="837"/>
                    </a:lnTo>
                    <a:lnTo>
                      <a:pt x="1882" y="833"/>
                    </a:lnTo>
                    <a:lnTo>
                      <a:pt x="1873" y="829"/>
                    </a:lnTo>
                    <a:lnTo>
                      <a:pt x="1864" y="828"/>
                    </a:lnTo>
                    <a:lnTo>
                      <a:pt x="1857" y="828"/>
                    </a:lnTo>
                    <a:lnTo>
                      <a:pt x="1852" y="828"/>
                    </a:lnTo>
                    <a:lnTo>
                      <a:pt x="1845" y="829"/>
                    </a:lnTo>
                    <a:lnTo>
                      <a:pt x="1837" y="831"/>
                    </a:lnTo>
                    <a:lnTo>
                      <a:pt x="1832" y="833"/>
                    </a:lnTo>
                    <a:lnTo>
                      <a:pt x="1825" y="831"/>
                    </a:lnTo>
                    <a:lnTo>
                      <a:pt x="1817" y="829"/>
                    </a:lnTo>
                    <a:lnTo>
                      <a:pt x="1810" y="826"/>
                    </a:lnTo>
                    <a:lnTo>
                      <a:pt x="1794" y="819"/>
                    </a:lnTo>
                    <a:lnTo>
                      <a:pt x="1782" y="813"/>
                    </a:lnTo>
                    <a:lnTo>
                      <a:pt x="1772" y="812"/>
                    </a:lnTo>
                    <a:lnTo>
                      <a:pt x="1760" y="812"/>
                    </a:lnTo>
                    <a:lnTo>
                      <a:pt x="1749" y="813"/>
                    </a:lnTo>
                    <a:lnTo>
                      <a:pt x="1738" y="816"/>
                    </a:lnTo>
                    <a:lnTo>
                      <a:pt x="1727" y="816"/>
                    </a:lnTo>
                    <a:lnTo>
                      <a:pt x="1718" y="815"/>
                    </a:lnTo>
                    <a:lnTo>
                      <a:pt x="1712" y="813"/>
                    </a:lnTo>
                    <a:lnTo>
                      <a:pt x="1708" y="811"/>
                    </a:lnTo>
                    <a:lnTo>
                      <a:pt x="1705" y="807"/>
                    </a:lnTo>
                    <a:lnTo>
                      <a:pt x="1701" y="802"/>
                    </a:lnTo>
                    <a:lnTo>
                      <a:pt x="1693" y="791"/>
                    </a:lnTo>
                    <a:lnTo>
                      <a:pt x="1686" y="784"/>
                    </a:lnTo>
                    <a:lnTo>
                      <a:pt x="1679" y="778"/>
                    </a:lnTo>
                    <a:lnTo>
                      <a:pt x="1672" y="776"/>
                    </a:lnTo>
                    <a:lnTo>
                      <a:pt x="1664" y="774"/>
                    </a:lnTo>
                    <a:lnTo>
                      <a:pt x="1658" y="776"/>
                    </a:lnTo>
                    <a:lnTo>
                      <a:pt x="1650" y="777"/>
                    </a:lnTo>
                    <a:lnTo>
                      <a:pt x="1644" y="780"/>
                    </a:lnTo>
                    <a:lnTo>
                      <a:pt x="1631" y="786"/>
                    </a:lnTo>
                    <a:lnTo>
                      <a:pt x="1619" y="793"/>
                    </a:lnTo>
                    <a:lnTo>
                      <a:pt x="1614" y="795"/>
                    </a:lnTo>
                    <a:lnTo>
                      <a:pt x="1610" y="796"/>
                    </a:lnTo>
                    <a:lnTo>
                      <a:pt x="1606" y="796"/>
                    </a:lnTo>
                    <a:lnTo>
                      <a:pt x="1602" y="795"/>
                    </a:lnTo>
                    <a:lnTo>
                      <a:pt x="1596" y="787"/>
                    </a:lnTo>
                    <a:lnTo>
                      <a:pt x="1591" y="780"/>
                    </a:lnTo>
                    <a:lnTo>
                      <a:pt x="1587" y="771"/>
                    </a:lnTo>
                    <a:lnTo>
                      <a:pt x="1583" y="762"/>
                    </a:lnTo>
                    <a:lnTo>
                      <a:pt x="1578" y="742"/>
                    </a:lnTo>
                    <a:lnTo>
                      <a:pt x="1572" y="724"/>
                    </a:lnTo>
                    <a:lnTo>
                      <a:pt x="1570" y="716"/>
                    </a:lnTo>
                    <a:lnTo>
                      <a:pt x="1567" y="711"/>
                    </a:lnTo>
                    <a:lnTo>
                      <a:pt x="1565" y="707"/>
                    </a:lnTo>
                    <a:lnTo>
                      <a:pt x="1562" y="705"/>
                    </a:lnTo>
                    <a:lnTo>
                      <a:pt x="1559" y="702"/>
                    </a:lnTo>
                    <a:lnTo>
                      <a:pt x="1557" y="701"/>
                    </a:lnTo>
                    <a:lnTo>
                      <a:pt x="1554" y="701"/>
                    </a:lnTo>
                    <a:lnTo>
                      <a:pt x="1550" y="702"/>
                    </a:lnTo>
                    <a:lnTo>
                      <a:pt x="1545" y="706"/>
                    </a:lnTo>
                    <a:lnTo>
                      <a:pt x="1539" y="714"/>
                    </a:lnTo>
                    <a:lnTo>
                      <a:pt x="1532" y="723"/>
                    </a:lnTo>
                    <a:lnTo>
                      <a:pt x="1526" y="734"/>
                    </a:lnTo>
                    <a:lnTo>
                      <a:pt x="1514" y="759"/>
                    </a:lnTo>
                    <a:lnTo>
                      <a:pt x="1501" y="784"/>
                    </a:lnTo>
                    <a:lnTo>
                      <a:pt x="1496" y="795"/>
                    </a:lnTo>
                    <a:lnTo>
                      <a:pt x="1490" y="804"/>
                    </a:lnTo>
                    <a:lnTo>
                      <a:pt x="1484" y="812"/>
                    </a:lnTo>
                    <a:lnTo>
                      <a:pt x="1479" y="816"/>
                    </a:lnTo>
                    <a:lnTo>
                      <a:pt x="1470" y="834"/>
                    </a:lnTo>
                    <a:lnTo>
                      <a:pt x="1460" y="855"/>
                    </a:lnTo>
                    <a:lnTo>
                      <a:pt x="1457" y="859"/>
                    </a:lnTo>
                    <a:lnTo>
                      <a:pt x="1453" y="863"/>
                    </a:lnTo>
                    <a:lnTo>
                      <a:pt x="1451" y="865"/>
                    </a:lnTo>
                    <a:lnTo>
                      <a:pt x="1447" y="866"/>
                    </a:lnTo>
                    <a:lnTo>
                      <a:pt x="1443" y="868"/>
                    </a:lnTo>
                    <a:lnTo>
                      <a:pt x="1439" y="866"/>
                    </a:lnTo>
                    <a:lnTo>
                      <a:pt x="1434" y="865"/>
                    </a:lnTo>
                    <a:lnTo>
                      <a:pt x="1429" y="861"/>
                    </a:lnTo>
                    <a:lnTo>
                      <a:pt x="1425" y="857"/>
                    </a:lnTo>
                    <a:lnTo>
                      <a:pt x="1421" y="856"/>
                    </a:lnTo>
                    <a:lnTo>
                      <a:pt x="1418" y="856"/>
                    </a:lnTo>
                    <a:lnTo>
                      <a:pt x="1416" y="856"/>
                    </a:lnTo>
                    <a:lnTo>
                      <a:pt x="1413" y="857"/>
                    </a:lnTo>
                    <a:lnTo>
                      <a:pt x="1411" y="860"/>
                    </a:lnTo>
                    <a:lnTo>
                      <a:pt x="1409" y="863"/>
                    </a:lnTo>
                    <a:lnTo>
                      <a:pt x="1408" y="865"/>
                    </a:lnTo>
                    <a:lnTo>
                      <a:pt x="1407" y="881"/>
                    </a:lnTo>
                    <a:lnTo>
                      <a:pt x="1407" y="894"/>
                    </a:lnTo>
                    <a:lnTo>
                      <a:pt x="1408" y="907"/>
                    </a:lnTo>
                    <a:lnTo>
                      <a:pt x="1407" y="916"/>
                    </a:lnTo>
                    <a:lnTo>
                      <a:pt x="1404" y="922"/>
                    </a:lnTo>
                    <a:lnTo>
                      <a:pt x="1401" y="926"/>
                    </a:lnTo>
                    <a:lnTo>
                      <a:pt x="1396" y="927"/>
                    </a:lnTo>
                    <a:lnTo>
                      <a:pt x="1391" y="927"/>
                    </a:lnTo>
                    <a:lnTo>
                      <a:pt x="1386" y="927"/>
                    </a:lnTo>
                    <a:lnTo>
                      <a:pt x="1381" y="925"/>
                    </a:lnTo>
                    <a:lnTo>
                      <a:pt x="1376" y="923"/>
                    </a:lnTo>
                    <a:lnTo>
                      <a:pt x="1370" y="922"/>
                    </a:lnTo>
                    <a:lnTo>
                      <a:pt x="1366" y="922"/>
                    </a:lnTo>
                    <a:lnTo>
                      <a:pt x="1364" y="923"/>
                    </a:lnTo>
                    <a:lnTo>
                      <a:pt x="1363" y="926"/>
                    </a:lnTo>
                    <a:lnTo>
                      <a:pt x="1364" y="933"/>
                    </a:lnTo>
                    <a:lnTo>
                      <a:pt x="1365" y="940"/>
                    </a:lnTo>
                    <a:lnTo>
                      <a:pt x="1370" y="952"/>
                    </a:lnTo>
                    <a:lnTo>
                      <a:pt x="1378" y="966"/>
                    </a:lnTo>
                    <a:lnTo>
                      <a:pt x="1387" y="984"/>
                    </a:lnTo>
                    <a:lnTo>
                      <a:pt x="1391" y="992"/>
                    </a:lnTo>
                    <a:lnTo>
                      <a:pt x="1395" y="1001"/>
                    </a:lnTo>
                    <a:lnTo>
                      <a:pt x="1396" y="1009"/>
                    </a:lnTo>
                    <a:lnTo>
                      <a:pt x="1396" y="1015"/>
                    </a:lnTo>
                    <a:lnTo>
                      <a:pt x="1392" y="1024"/>
                    </a:lnTo>
                    <a:lnTo>
                      <a:pt x="1388" y="1031"/>
                    </a:lnTo>
                    <a:lnTo>
                      <a:pt x="1383" y="1035"/>
                    </a:lnTo>
                    <a:lnTo>
                      <a:pt x="1377" y="1036"/>
                    </a:lnTo>
                    <a:lnTo>
                      <a:pt x="1370" y="1036"/>
                    </a:lnTo>
                    <a:lnTo>
                      <a:pt x="1364" y="1034"/>
                    </a:lnTo>
                    <a:lnTo>
                      <a:pt x="1356" y="1031"/>
                    </a:lnTo>
                    <a:lnTo>
                      <a:pt x="1350" y="1026"/>
                    </a:lnTo>
                    <a:lnTo>
                      <a:pt x="1322" y="1005"/>
                    </a:lnTo>
                    <a:lnTo>
                      <a:pt x="1307" y="992"/>
                    </a:lnTo>
                    <a:lnTo>
                      <a:pt x="1303" y="991"/>
                    </a:lnTo>
                    <a:lnTo>
                      <a:pt x="1300" y="991"/>
                    </a:lnTo>
                    <a:lnTo>
                      <a:pt x="1298" y="992"/>
                    </a:lnTo>
                    <a:lnTo>
                      <a:pt x="1297" y="995"/>
                    </a:lnTo>
                    <a:lnTo>
                      <a:pt x="1294" y="1000"/>
                    </a:lnTo>
                    <a:lnTo>
                      <a:pt x="1293" y="1008"/>
                    </a:lnTo>
                    <a:lnTo>
                      <a:pt x="1293" y="1024"/>
                    </a:lnTo>
                    <a:lnTo>
                      <a:pt x="1293" y="1037"/>
                    </a:lnTo>
                    <a:lnTo>
                      <a:pt x="1294" y="1054"/>
                    </a:lnTo>
                    <a:lnTo>
                      <a:pt x="1293" y="1067"/>
                    </a:lnTo>
                    <a:lnTo>
                      <a:pt x="1291" y="1076"/>
                    </a:lnTo>
                    <a:lnTo>
                      <a:pt x="1289" y="1080"/>
                    </a:lnTo>
                    <a:lnTo>
                      <a:pt x="1287" y="1081"/>
                    </a:lnTo>
                    <a:lnTo>
                      <a:pt x="1285" y="1081"/>
                    </a:lnTo>
                    <a:lnTo>
                      <a:pt x="1284" y="1081"/>
                    </a:lnTo>
                    <a:lnTo>
                      <a:pt x="1281" y="1080"/>
                    </a:lnTo>
                    <a:lnTo>
                      <a:pt x="1277" y="1076"/>
                    </a:lnTo>
                    <a:lnTo>
                      <a:pt x="1272" y="1070"/>
                    </a:lnTo>
                    <a:lnTo>
                      <a:pt x="1262" y="1053"/>
                    </a:lnTo>
                    <a:lnTo>
                      <a:pt x="1252" y="1034"/>
                    </a:lnTo>
                    <a:lnTo>
                      <a:pt x="1245" y="1014"/>
                    </a:lnTo>
                    <a:lnTo>
                      <a:pt x="1241" y="999"/>
                    </a:lnTo>
                    <a:lnTo>
                      <a:pt x="1236" y="1002"/>
                    </a:lnTo>
                    <a:lnTo>
                      <a:pt x="1233" y="1008"/>
                    </a:lnTo>
                    <a:lnTo>
                      <a:pt x="1230" y="1013"/>
                    </a:lnTo>
                    <a:lnTo>
                      <a:pt x="1229" y="1019"/>
                    </a:lnTo>
                    <a:lnTo>
                      <a:pt x="1229" y="1031"/>
                    </a:lnTo>
                    <a:lnTo>
                      <a:pt x="1230" y="1043"/>
                    </a:lnTo>
                    <a:lnTo>
                      <a:pt x="1230" y="1050"/>
                    </a:lnTo>
                    <a:lnTo>
                      <a:pt x="1230" y="1057"/>
                    </a:lnTo>
                    <a:lnTo>
                      <a:pt x="1229" y="1062"/>
                    </a:lnTo>
                    <a:lnTo>
                      <a:pt x="1227" y="1067"/>
                    </a:lnTo>
                    <a:lnTo>
                      <a:pt x="1223" y="1075"/>
                    </a:lnTo>
                    <a:lnTo>
                      <a:pt x="1219" y="1088"/>
                    </a:lnTo>
                    <a:lnTo>
                      <a:pt x="1220" y="1094"/>
                    </a:lnTo>
                    <a:lnTo>
                      <a:pt x="1225" y="1105"/>
                    </a:lnTo>
                    <a:lnTo>
                      <a:pt x="1232" y="1118"/>
                    </a:lnTo>
                    <a:lnTo>
                      <a:pt x="1238" y="1131"/>
                    </a:lnTo>
                    <a:lnTo>
                      <a:pt x="1241" y="1136"/>
                    </a:lnTo>
                    <a:lnTo>
                      <a:pt x="1242" y="1141"/>
                    </a:lnTo>
                    <a:lnTo>
                      <a:pt x="1243" y="1146"/>
                    </a:lnTo>
                    <a:lnTo>
                      <a:pt x="1242" y="1149"/>
                    </a:lnTo>
                    <a:lnTo>
                      <a:pt x="1241" y="1151"/>
                    </a:lnTo>
                    <a:lnTo>
                      <a:pt x="1237" y="1151"/>
                    </a:lnTo>
                    <a:lnTo>
                      <a:pt x="1232" y="1150"/>
                    </a:lnTo>
                    <a:lnTo>
                      <a:pt x="1224" y="1148"/>
                    </a:lnTo>
                    <a:lnTo>
                      <a:pt x="1210" y="1138"/>
                    </a:lnTo>
                    <a:lnTo>
                      <a:pt x="1194" y="1131"/>
                    </a:lnTo>
                    <a:lnTo>
                      <a:pt x="1186" y="1129"/>
                    </a:lnTo>
                    <a:lnTo>
                      <a:pt x="1181" y="1131"/>
                    </a:lnTo>
                    <a:lnTo>
                      <a:pt x="1179" y="1132"/>
                    </a:lnTo>
                    <a:lnTo>
                      <a:pt x="1177" y="1135"/>
                    </a:lnTo>
                    <a:lnTo>
                      <a:pt x="1176" y="1138"/>
                    </a:lnTo>
                    <a:lnTo>
                      <a:pt x="1176" y="1144"/>
                    </a:lnTo>
                    <a:lnTo>
                      <a:pt x="1177" y="1157"/>
                    </a:lnTo>
                    <a:lnTo>
                      <a:pt x="1177" y="1170"/>
                    </a:lnTo>
                    <a:lnTo>
                      <a:pt x="1179" y="1180"/>
                    </a:lnTo>
                    <a:lnTo>
                      <a:pt x="1181" y="1188"/>
                    </a:lnTo>
                    <a:lnTo>
                      <a:pt x="1183" y="1192"/>
                    </a:lnTo>
                    <a:lnTo>
                      <a:pt x="1185" y="1194"/>
                    </a:lnTo>
                    <a:lnTo>
                      <a:pt x="1188" y="1197"/>
                    </a:lnTo>
                    <a:lnTo>
                      <a:pt x="1192" y="1198"/>
                    </a:lnTo>
                    <a:lnTo>
                      <a:pt x="1195" y="1198"/>
                    </a:lnTo>
                    <a:lnTo>
                      <a:pt x="1202" y="1198"/>
                    </a:lnTo>
                    <a:lnTo>
                      <a:pt x="1208" y="1197"/>
                    </a:lnTo>
                    <a:lnTo>
                      <a:pt x="1215" y="1194"/>
                    </a:lnTo>
                    <a:lnTo>
                      <a:pt x="1217" y="1194"/>
                    </a:lnTo>
                    <a:lnTo>
                      <a:pt x="1217" y="1198"/>
                    </a:lnTo>
                    <a:lnTo>
                      <a:pt x="1217" y="1202"/>
                    </a:lnTo>
                    <a:lnTo>
                      <a:pt x="1216" y="1208"/>
                    </a:lnTo>
                    <a:lnTo>
                      <a:pt x="1215" y="1221"/>
                    </a:lnTo>
                    <a:lnTo>
                      <a:pt x="1215" y="1232"/>
                    </a:lnTo>
                    <a:lnTo>
                      <a:pt x="1216" y="1238"/>
                    </a:lnTo>
                    <a:lnTo>
                      <a:pt x="1216" y="1246"/>
                    </a:lnTo>
                    <a:lnTo>
                      <a:pt x="1216" y="1254"/>
                    </a:lnTo>
                    <a:lnTo>
                      <a:pt x="1215" y="1262"/>
                    </a:lnTo>
                    <a:lnTo>
                      <a:pt x="1212" y="1268"/>
                    </a:lnTo>
                    <a:lnTo>
                      <a:pt x="1210" y="1276"/>
                    </a:lnTo>
                    <a:lnTo>
                      <a:pt x="1207" y="1281"/>
                    </a:lnTo>
                    <a:lnTo>
                      <a:pt x="1203" y="1286"/>
                    </a:lnTo>
                    <a:lnTo>
                      <a:pt x="1195" y="1291"/>
                    </a:lnTo>
                    <a:lnTo>
                      <a:pt x="1189" y="1295"/>
                    </a:lnTo>
                    <a:lnTo>
                      <a:pt x="1181" y="1297"/>
                    </a:lnTo>
                    <a:lnTo>
                      <a:pt x="1175" y="1299"/>
                    </a:lnTo>
                    <a:lnTo>
                      <a:pt x="1172" y="1300"/>
                    </a:lnTo>
                    <a:lnTo>
                      <a:pt x="1171" y="1302"/>
                    </a:lnTo>
                    <a:lnTo>
                      <a:pt x="1170" y="1304"/>
                    </a:lnTo>
                    <a:lnTo>
                      <a:pt x="1168" y="1307"/>
                    </a:lnTo>
                    <a:lnTo>
                      <a:pt x="1170" y="1313"/>
                    </a:lnTo>
                    <a:lnTo>
                      <a:pt x="1175" y="1324"/>
                    </a:lnTo>
                    <a:lnTo>
                      <a:pt x="1179" y="1332"/>
                    </a:lnTo>
                    <a:lnTo>
                      <a:pt x="1181" y="1337"/>
                    </a:lnTo>
                    <a:lnTo>
                      <a:pt x="1181" y="1341"/>
                    </a:lnTo>
                    <a:lnTo>
                      <a:pt x="1180" y="1344"/>
                    </a:lnTo>
                    <a:lnTo>
                      <a:pt x="1179" y="1347"/>
                    </a:lnTo>
                    <a:lnTo>
                      <a:pt x="1176" y="1347"/>
                    </a:lnTo>
                    <a:lnTo>
                      <a:pt x="1172" y="1347"/>
                    </a:lnTo>
                    <a:lnTo>
                      <a:pt x="1167" y="1347"/>
                    </a:lnTo>
                    <a:lnTo>
                      <a:pt x="1158" y="1344"/>
                    </a:lnTo>
                    <a:lnTo>
                      <a:pt x="1149" y="1341"/>
                    </a:lnTo>
                    <a:lnTo>
                      <a:pt x="1142" y="1337"/>
                    </a:lnTo>
                    <a:lnTo>
                      <a:pt x="1140" y="1334"/>
                    </a:lnTo>
                    <a:lnTo>
                      <a:pt x="1135" y="1339"/>
                    </a:lnTo>
                    <a:lnTo>
                      <a:pt x="1132" y="1347"/>
                    </a:lnTo>
                    <a:lnTo>
                      <a:pt x="1129" y="1356"/>
                    </a:lnTo>
                    <a:lnTo>
                      <a:pt x="1128" y="1365"/>
                    </a:lnTo>
                    <a:lnTo>
                      <a:pt x="1127" y="1373"/>
                    </a:lnTo>
                    <a:lnTo>
                      <a:pt x="1124" y="1381"/>
                    </a:lnTo>
                    <a:lnTo>
                      <a:pt x="1123" y="1385"/>
                    </a:lnTo>
                    <a:lnTo>
                      <a:pt x="1122" y="1386"/>
                    </a:lnTo>
                    <a:lnTo>
                      <a:pt x="1105" y="1378"/>
                    </a:lnTo>
                    <a:lnTo>
                      <a:pt x="1097" y="1376"/>
                    </a:lnTo>
                    <a:lnTo>
                      <a:pt x="1096" y="1377"/>
                    </a:lnTo>
                    <a:lnTo>
                      <a:pt x="1096" y="1381"/>
                    </a:lnTo>
                    <a:lnTo>
                      <a:pt x="1097" y="1387"/>
                    </a:lnTo>
                    <a:lnTo>
                      <a:pt x="1098" y="1396"/>
                    </a:lnTo>
                    <a:lnTo>
                      <a:pt x="1100" y="1405"/>
                    </a:lnTo>
                    <a:lnTo>
                      <a:pt x="1098" y="1413"/>
                    </a:lnTo>
                    <a:lnTo>
                      <a:pt x="1096" y="1418"/>
                    </a:lnTo>
                    <a:lnTo>
                      <a:pt x="1092" y="1423"/>
                    </a:lnTo>
                    <a:lnTo>
                      <a:pt x="1085" y="1425"/>
                    </a:lnTo>
                    <a:lnTo>
                      <a:pt x="1078" y="1427"/>
                    </a:lnTo>
                    <a:lnTo>
                      <a:pt x="1070" y="1427"/>
                    </a:lnTo>
                    <a:lnTo>
                      <a:pt x="1061" y="1426"/>
                    </a:lnTo>
                    <a:lnTo>
                      <a:pt x="1041" y="1425"/>
                    </a:lnTo>
                    <a:lnTo>
                      <a:pt x="1022" y="1421"/>
                    </a:lnTo>
                    <a:lnTo>
                      <a:pt x="1013" y="1421"/>
                    </a:lnTo>
                    <a:lnTo>
                      <a:pt x="1004" y="1420"/>
                    </a:lnTo>
                    <a:lnTo>
                      <a:pt x="995" y="1420"/>
                    </a:lnTo>
                    <a:lnTo>
                      <a:pt x="987" y="1421"/>
                    </a:lnTo>
                    <a:lnTo>
                      <a:pt x="988" y="1423"/>
                    </a:lnTo>
                    <a:lnTo>
                      <a:pt x="989" y="1426"/>
                    </a:lnTo>
                    <a:lnTo>
                      <a:pt x="993" y="1430"/>
                    </a:lnTo>
                    <a:lnTo>
                      <a:pt x="999" y="1434"/>
                    </a:lnTo>
                    <a:lnTo>
                      <a:pt x="1010" y="1442"/>
                    </a:lnTo>
                    <a:lnTo>
                      <a:pt x="1024" y="1451"/>
                    </a:lnTo>
                    <a:lnTo>
                      <a:pt x="1053" y="1466"/>
                    </a:lnTo>
                    <a:lnTo>
                      <a:pt x="1074" y="1474"/>
                    </a:lnTo>
                    <a:lnTo>
                      <a:pt x="1063" y="1479"/>
                    </a:lnTo>
                    <a:lnTo>
                      <a:pt x="1044" y="1490"/>
                    </a:lnTo>
                    <a:lnTo>
                      <a:pt x="1035" y="1496"/>
                    </a:lnTo>
                    <a:lnTo>
                      <a:pt x="1028" y="1504"/>
                    </a:lnTo>
                    <a:lnTo>
                      <a:pt x="1027" y="1508"/>
                    </a:lnTo>
                    <a:lnTo>
                      <a:pt x="1027" y="1512"/>
                    </a:lnTo>
                    <a:lnTo>
                      <a:pt x="1028" y="1514"/>
                    </a:lnTo>
                    <a:lnTo>
                      <a:pt x="1032" y="1518"/>
                    </a:lnTo>
                    <a:lnTo>
                      <a:pt x="1049" y="1532"/>
                    </a:lnTo>
                    <a:lnTo>
                      <a:pt x="1062" y="1541"/>
                    </a:lnTo>
                    <a:lnTo>
                      <a:pt x="1070" y="1544"/>
                    </a:lnTo>
                    <a:lnTo>
                      <a:pt x="1078" y="1543"/>
                    </a:lnTo>
                    <a:lnTo>
                      <a:pt x="1088" y="1540"/>
                    </a:lnTo>
                    <a:lnTo>
                      <a:pt x="1101" y="1536"/>
                    </a:lnTo>
                    <a:lnTo>
                      <a:pt x="1129" y="1525"/>
                    </a:lnTo>
                    <a:lnTo>
                      <a:pt x="1157" y="1512"/>
                    </a:lnTo>
                    <a:lnTo>
                      <a:pt x="1170" y="1504"/>
                    </a:lnTo>
                    <a:lnTo>
                      <a:pt x="1183" y="1496"/>
                    </a:lnTo>
                    <a:lnTo>
                      <a:pt x="1193" y="1486"/>
                    </a:lnTo>
                    <a:lnTo>
                      <a:pt x="1203" y="1474"/>
                    </a:lnTo>
                    <a:lnTo>
                      <a:pt x="1210" y="1470"/>
                    </a:lnTo>
                    <a:lnTo>
                      <a:pt x="1219" y="1464"/>
                    </a:lnTo>
                    <a:lnTo>
                      <a:pt x="1229" y="1458"/>
                    </a:lnTo>
                    <a:lnTo>
                      <a:pt x="1236" y="1458"/>
                    </a:lnTo>
                    <a:lnTo>
                      <a:pt x="1236" y="1460"/>
                    </a:lnTo>
                    <a:lnTo>
                      <a:pt x="1236" y="1464"/>
                    </a:lnTo>
                    <a:lnTo>
                      <a:pt x="1233" y="1468"/>
                    </a:lnTo>
                    <a:lnTo>
                      <a:pt x="1230" y="1473"/>
                    </a:lnTo>
                    <a:lnTo>
                      <a:pt x="1224" y="1482"/>
                    </a:lnTo>
                    <a:lnTo>
                      <a:pt x="1220" y="1488"/>
                    </a:lnTo>
                    <a:lnTo>
                      <a:pt x="1210" y="1505"/>
                    </a:lnTo>
                    <a:lnTo>
                      <a:pt x="1197" y="1525"/>
                    </a:lnTo>
                    <a:lnTo>
                      <a:pt x="1190" y="1532"/>
                    </a:lnTo>
                    <a:lnTo>
                      <a:pt x="1184" y="1541"/>
                    </a:lnTo>
                    <a:lnTo>
                      <a:pt x="1176" y="1548"/>
                    </a:lnTo>
                    <a:lnTo>
                      <a:pt x="1167" y="1552"/>
                    </a:lnTo>
                    <a:lnTo>
                      <a:pt x="1140" y="1566"/>
                    </a:lnTo>
                    <a:lnTo>
                      <a:pt x="1102" y="1588"/>
                    </a:lnTo>
                    <a:lnTo>
                      <a:pt x="1083" y="1600"/>
                    </a:lnTo>
                    <a:lnTo>
                      <a:pt x="1067" y="1613"/>
                    </a:lnTo>
                    <a:lnTo>
                      <a:pt x="1059" y="1618"/>
                    </a:lnTo>
                    <a:lnTo>
                      <a:pt x="1054" y="1624"/>
                    </a:lnTo>
                    <a:lnTo>
                      <a:pt x="1049" y="1629"/>
                    </a:lnTo>
                    <a:lnTo>
                      <a:pt x="1046" y="1635"/>
                    </a:lnTo>
                    <a:lnTo>
                      <a:pt x="1041" y="1646"/>
                    </a:lnTo>
                    <a:lnTo>
                      <a:pt x="1036" y="1657"/>
                    </a:lnTo>
                    <a:lnTo>
                      <a:pt x="1032" y="1667"/>
                    </a:lnTo>
                    <a:lnTo>
                      <a:pt x="1028" y="1680"/>
                    </a:lnTo>
                    <a:lnTo>
                      <a:pt x="1027" y="1685"/>
                    </a:lnTo>
                    <a:lnTo>
                      <a:pt x="1027" y="1692"/>
                    </a:lnTo>
                    <a:lnTo>
                      <a:pt x="1028" y="1696"/>
                    </a:lnTo>
                    <a:lnTo>
                      <a:pt x="1030" y="1701"/>
                    </a:lnTo>
                    <a:lnTo>
                      <a:pt x="1034" y="1710"/>
                    </a:lnTo>
                    <a:lnTo>
                      <a:pt x="1035" y="1719"/>
                    </a:lnTo>
                    <a:lnTo>
                      <a:pt x="1032" y="1741"/>
                    </a:lnTo>
                    <a:lnTo>
                      <a:pt x="1028" y="1762"/>
                    </a:lnTo>
                    <a:lnTo>
                      <a:pt x="1030" y="1765"/>
                    </a:lnTo>
                    <a:lnTo>
                      <a:pt x="1031" y="1768"/>
                    </a:lnTo>
                    <a:lnTo>
                      <a:pt x="1032" y="1771"/>
                    </a:lnTo>
                    <a:lnTo>
                      <a:pt x="1036" y="1772"/>
                    </a:lnTo>
                    <a:lnTo>
                      <a:pt x="1040" y="1772"/>
                    </a:lnTo>
                    <a:lnTo>
                      <a:pt x="1046" y="1772"/>
                    </a:lnTo>
                    <a:lnTo>
                      <a:pt x="1054" y="1769"/>
                    </a:lnTo>
                    <a:lnTo>
                      <a:pt x="1063" y="1767"/>
                    </a:lnTo>
                    <a:lnTo>
                      <a:pt x="1093" y="1749"/>
                    </a:lnTo>
                    <a:lnTo>
                      <a:pt x="1131" y="1727"/>
                    </a:lnTo>
                    <a:lnTo>
                      <a:pt x="1138" y="1723"/>
                    </a:lnTo>
                    <a:lnTo>
                      <a:pt x="1146" y="1720"/>
                    </a:lnTo>
                    <a:lnTo>
                      <a:pt x="1154" y="1719"/>
                    </a:lnTo>
                    <a:lnTo>
                      <a:pt x="1159" y="1719"/>
                    </a:lnTo>
                    <a:lnTo>
                      <a:pt x="1162" y="1720"/>
                    </a:lnTo>
                    <a:lnTo>
                      <a:pt x="1164" y="1721"/>
                    </a:lnTo>
                    <a:lnTo>
                      <a:pt x="1166" y="1724"/>
                    </a:lnTo>
                    <a:lnTo>
                      <a:pt x="1167" y="1727"/>
                    </a:lnTo>
                    <a:lnTo>
                      <a:pt x="1168" y="1734"/>
                    </a:lnTo>
                    <a:lnTo>
                      <a:pt x="1167" y="1745"/>
                    </a:lnTo>
                    <a:lnTo>
                      <a:pt x="1164" y="1755"/>
                    </a:lnTo>
                    <a:lnTo>
                      <a:pt x="1164" y="1764"/>
                    </a:lnTo>
                    <a:lnTo>
                      <a:pt x="1164" y="1773"/>
                    </a:lnTo>
                    <a:lnTo>
                      <a:pt x="1166" y="1782"/>
                    </a:lnTo>
                    <a:lnTo>
                      <a:pt x="1170" y="1798"/>
                    </a:lnTo>
                    <a:lnTo>
                      <a:pt x="1176" y="1812"/>
                    </a:lnTo>
                    <a:lnTo>
                      <a:pt x="1184" y="1825"/>
                    </a:lnTo>
                    <a:lnTo>
                      <a:pt x="1192" y="1839"/>
                    </a:lnTo>
                    <a:lnTo>
                      <a:pt x="1201" y="1855"/>
                    </a:lnTo>
                    <a:lnTo>
                      <a:pt x="1207" y="1873"/>
                    </a:lnTo>
                    <a:lnTo>
                      <a:pt x="1211" y="1885"/>
                    </a:lnTo>
                    <a:lnTo>
                      <a:pt x="1217" y="1896"/>
                    </a:lnTo>
                    <a:lnTo>
                      <a:pt x="1223" y="1908"/>
                    </a:lnTo>
                    <a:lnTo>
                      <a:pt x="1227" y="1918"/>
                    </a:lnTo>
                    <a:lnTo>
                      <a:pt x="1219" y="1917"/>
                    </a:lnTo>
                    <a:lnTo>
                      <a:pt x="1212" y="1916"/>
                    </a:lnTo>
                    <a:lnTo>
                      <a:pt x="1205" y="1914"/>
                    </a:lnTo>
                    <a:lnTo>
                      <a:pt x="1198" y="1912"/>
                    </a:lnTo>
                    <a:lnTo>
                      <a:pt x="1186" y="1907"/>
                    </a:lnTo>
                    <a:lnTo>
                      <a:pt x="1175" y="1903"/>
                    </a:lnTo>
                    <a:lnTo>
                      <a:pt x="1170" y="1901"/>
                    </a:lnTo>
                    <a:lnTo>
                      <a:pt x="1163" y="1901"/>
                    </a:lnTo>
                    <a:lnTo>
                      <a:pt x="1158" y="1903"/>
                    </a:lnTo>
                    <a:lnTo>
                      <a:pt x="1153" y="1904"/>
                    </a:lnTo>
                    <a:lnTo>
                      <a:pt x="1148" y="1908"/>
                    </a:lnTo>
                    <a:lnTo>
                      <a:pt x="1142" y="1913"/>
                    </a:lnTo>
                    <a:lnTo>
                      <a:pt x="1137" y="1920"/>
                    </a:lnTo>
                    <a:lnTo>
                      <a:pt x="1131" y="1929"/>
                    </a:lnTo>
                    <a:lnTo>
                      <a:pt x="1123" y="1944"/>
                    </a:lnTo>
                    <a:lnTo>
                      <a:pt x="1119" y="1957"/>
                    </a:lnTo>
                    <a:lnTo>
                      <a:pt x="1118" y="1969"/>
                    </a:lnTo>
                    <a:lnTo>
                      <a:pt x="1119" y="1979"/>
                    </a:lnTo>
                    <a:lnTo>
                      <a:pt x="1125" y="2000"/>
                    </a:lnTo>
                    <a:lnTo>
                      <a:pt x="1136" y="2028"/>
                    </a:lnTo>
                    <a:lnTo>
                      <a:pt x="1138" y="2040"/>
                    </a:lnTo>
                    <a:lnTo>
                      <a:pt x="1141" y="2050"/>
                    </a:lnTo>
                    <a:lnTo>
                      <a:pt x="1142" y="2061"/>
                    </a:lnTo>
                    <a:lnTo>
                      <a:pt x="1142" y="2071"/>
                    </a:lnTo>
                    <a:lnTo>
                      <a:pt x="1141" y="2082"/>
                    </a:lnTo>
                    <a:lnTo>
                      <a:pt x="1136" y="2091"/>
                    </a:lnTo>
                    <a:lnTo>
                      <a:pt x="1133" y="2095"/>
                    </a:lnTo>
                    <a:lnTo>
                      <a:pt x="1129" y="2098"/>
                    </a:lnTo>
                    <a:lnTo>
                      <a:pt x="1125" y="2102"/>
                    </a:lnTo>
                    <a:lnTo>
                      <a:pt x="1120" y="2106"/>
                    </a:lnTo>
                    <a:lnTo>
                      <a:pt x="1113" y="2109"/>
                    </a:lnTo>
                    <a:lnTo>
                      <a:pt x="1105" y="2109"/>
                    </a:lnTo>
                    <a:lnTo>
                      <a:pt x="1096" y="2109"/>
                    </a:lnTo>
                    <a:lnTo>
                      <a:pt x="1087" y="2107"/>
                    </a:lnTo>
                    <a:lnTo>
                      <a:pt x="1078" y="2106"/>
                    </a:lnTo>
                    <a:lnTo>
                      <a:pt x="1070" y="2106"/>
                    </a:lnTo>
                    <a:lnTo>
                      <a:pt x="1066" y="2106"/>
                    </a:lnTo>
                    <a:lnTo>
                      <a:pt x="1062" y="2107"/>
                    </a:lnTo>
                    <a:lnTo>
                      <a:pt x="1059" y="2109"/>
                    </a:lnTo>
                    <a:lnTo>
                      <a:pt x="1057" y="2111"/>
                    </a:lnTo>
                    <a:lnTo>
                      <a:pt x="1050" y="2122"/>
                    </a:lnTo>
                    <a:lnTo>
                      <a:pt x="1048" y="2131"/>
                    </a:lnTo>
                    <a:lnTo>
                      <a:pt x="1045" y="2140"/>
                    </a:lnTo>
                    <a:lnTo>
                      <a:pt x="1044" y="2149"/>
                    </a:lnTo>
                    <a:lnTo>
                      <a:pt x="1040" y="2158"/>
                    </a:lnTo>
                    <a:lnTo>
                      <a:pt x="1036" y="2166"/>
                    </a:lnTo>
                    <a:lnTo>
                      <a:pt x="1032" y="2170"/>
                    </a:lnTo>
                    <a:lnTo>
                      <a:pt x="1028" y="2174"/>
                    </a:lnTo>
                    <a:lnTo>
                      <a:pt x="1023" y="2177"/>
                    </a:lnTo>
                    <a:lnTo>
                      <a:pt x="1015" y="2180"/>
                    </a:lnTo>
                    <a:lnTo>
                      <a:pt x="1004" y="2186"/>
                    </a:lnTo>
                    <a:lnTo>
                      <a:pt x="995" y="2194"/>
                    </a:lnTo>
                    <a:lnTo>
                      <a:pt x="988" y="2202"/>
                    </a:lnTo>
                    <a:lnTo>
                      <a:pt x="983" y="2211"/>
                    </a:lnTo>
                    <a:lnTo>
                      <a:pt x="977" y="2231"/>
                    </a:lnTo>
                    <a:lnTo>
                      <a:pt x="970" y="2255"/>
                    </a:lnTo>
                    <a:lnTo>
                      <a:pt x="969" y="2267"/>
                    </a:lnTo>
                    <a:lnTo>
                      <a:pt x="969" y="2278"/>
                    </a:lnTo>
                    <a:lnTo>
                      <a:pt x="967" y="2284"/>
                    </a:lnTo>
                    <a:lnTo>
                      <a:pt x="967" y="2290"/>
                    </a:lnTo>
                    <a:lnTo>
                      <a:pt x="966" y="2295"/>
                    </a:lnTo>
                    <a:lnTo>
                      <a:pt x="964" y="2300"/>
                    </a:lnTo>
                    <a:lnTo>
                      <a:pt x="958" y="2306"/>
                    </a:lnTo>
                    <a:lnTo>
                      <a:pt x="954" y="2310"/>
                    </a:lnTo>
                    <a:lnTo>
                      <a:pt x="951" y="2310"/>
                    </a:lnTo>
                    <a:lnTo>
                      <a:pt x="948" y="2307"/>
                    </a:lnTo>
                    <a:lnTo>
                      <a:pt x="945" y="2303"/>
                    </a:lnTo>
                    <a:lnTo>
                      <a:pt x="944" y="2298"/>
                    </a:lnTo>
                    <a:lnTo>
                      <a:pt x="943" y="2290"/>
                    </a:lnTo>
                    <a:lnTo>
                      <a:pt x="942" y="2282"/>
                    </a:lnTo>
                    <a:lnTo>
                      <a:pt x="939" y="2249"/>
                    </a:lnTo>
                    <a:lnTo>
                      <a:pt x="935" y="2232"/>
                    </a:lnTo>
                    <a:lnTo>
                      <a:pt x="932" y="2237"/>
                    </a:lnTo>
                    <a:lnTo>
                      <a:pt x="927" y="2242"/>
                    </a:lnTo>
                    <a:lnTo>
                      <a:pt x="922" y="2246"/>
                    </a:lnTo>
                    <a:lnTo>
                      <a:pt x="917" y="2251"/>
                    </a:lnTo>
                    <a:lnTo>
                      <a:pt x="912" y="2256"/>
                    </a:lnTo>
                    <a:lnTo>
                      <a:pt x="909" y="2263"/>
                    </a:lnTo>
                    <a:lnTo>
                      <a:pt x="908" y="2267"/>
                    </a:lnTo>
                    <a:lnTo>
                      <a:pt x="908" y="2271"/>
                    </a:lnTo>
                    <a:lnTo>
                      <a:pt x="908" y="2275"/>
                    </a:lnTo>
                    <a:lnTo>
                      <a:pt x="910" y="2280"/>
                    </a:lnTo>
                    <a:lnTo>
                      <a:pt x="917" y="2298"/>
                    </a:lnTo>
                    <a:lnTo>
                      <a:pt x="921" y="2312"/>
                    </a:lnTo>
                    <a:lnTo>
                      <a:pt x="925" y="2325"/>
                    </a:lnTo>
                    <a:lnTo>
                      <a:pt x="926" y="2337"/>
                    </a:lnTo>
                    <a:lnTo>
                      <a:pt x="927" y="2360"/>
                    </a:lnTo>
                    <a:lnTo>
                      <a:pt x="926" y="2392"/>
                    </a:lnTo>
                    <a:lnTo>
                      <a:pt x="929" y="2407"/>
                    </a:lnTo>
                    <a:lnTo>
                      <a:pt x="934" y="2424"/>
                    </a:lnTo>
                    <a:lnTo>
                      <a:pt x="936" y="2433"/>
                    </a:lnTo>
                    <a:lnTo>
                      <a:pt x="940" y="2440"/>
                    </a:lnTo>
                    <a:lnTo>
                      <a:pt x="944" y="2447"/>
                    </a:lnTo>
                    <a:lnTo>
                      <a:pt x="948" y="2449"/>
                    </a:lnTo>
                    <a:lnTo>
                      <a:pt x="949" y="2443"/>
                    </a:lnTo>
                    <a:lnTo>
                      <a:pt x="951" y="2424"/>
                    </a:lnTo>
                    <a:lnTo>
                      <a:pt x="951" y="2412"/>
                    </a:lnTo>
                    <a:lnTo>
                      <a:pt x="951" y="2400"/>
                    </a:lnTo>
                    <a:lnTo>
                      <a:pt x="952" y="2390"/>
                    </a:lnTo>
                    <a:lnTo>
                      <a:pt x="954" y="2382"/>
                    </a:lnTo>
                    <a:lnTo>
                      <a:pt x="956" y="2377"/>
                    </a:lnTo>
                    <a:lnTo>
                      <a:pt x="958" y="2374"/>
                    </a:lnTo>
                    <a:lnTo>
                      <a:pt x="961" y="2372"/>
                    </a:lnTo>
                    <a:lnTo>
                      <a:pt x="964" y="2370"/>
                    </a:lnTo>
                    <a:lnTo>
                      <a:pt x="966" y="2370"/>
                    </a:lnTo>
                    <a:lnTo>
                      <a:pt x="970" y="2372"/>
                    </a:lnTo>
                    <a:lnTo>
                      <a:pt x="974" y="2373"/>
                    </a:lnTo>
                    <a:lnTo>
                      <a:pt x="977" y="2376"/>
                    </a:lnTo>
                    <a:lnTo>
                      <a:pt x="984" y="2382"/>
                    </a:lnTo>
                    <a:lnTo>
                      <a:pt x="992" y="2391"/>
                    </a:lnTo>
                    <a:lnTo>
                      <a:pt x="1001" y="2402"/>
                    </a:lnTo>
                    <a:lnTo>
                      <a:pt x="1009" y="2413"/>
                    </a:lnTo>
                    <a:lnTo>
                      <a:pt x="1026" y="2439"/>
                    </a:lnTo>
                    <a:lnTo>
                      <a:pt x="1041" y="2462"/>
                    </a:lnTo>
                    <a:lnTo>
                      <a:pt x="1049" y="2471"/>
                    </a:lnTo>
                    <a:lnTo>
                      <a:pt x="1056" y="2479"/>
                    </a:lnTo>
                    <a:lnTo>
                      <a:pt x="1061" y="2484"/>
                    </a:lnTo>
                    <a:lnTo>
                      <a:pt x="1065" y="2487"/>
                    </a:lnTo>
                    <a:lnTo>
                      <a:pt x="1070" y="2459"/>
                    </a:lnTo>
                    <a:lnTo>
                      <a:pt x="1076" y="2418"/>
                    </a:lnTo>
                    <a:lnTo>
                      <a:pt x="1079" y="2408"/>
                    </a:lnTo>
                    <a:lnTo>
                      <a:pt x="1081" y="2399"/>
                    </a:lnTo>
                    <a:lnTo>
                      <a:pt x="1085" y="2391"/>
                    </a:lnTo>
                    <a:lnTo>
                      <a:pt x="1089" y="2383"/>
                    </a:lnTo>
                    <a:lnTo>
                      <a:pt x="1093" y="2378"/>
                    </a:lnTo>
                    <a:lnTo>
                      <a:pt x="1098" y="2374"/>
                    </a:lnTo>
                    <a:lnTo>
                      <a:pt x="1103" y="2372"/>
                    </a:lnTo>
                    <a:lnTo>
                      <a:pt x="1110" y="2372"/>
                    </a:lnTo>
                    <a:lnTo>
                      <a:pt x="1116" y="2373"/>
                    </a:lnTo>
                    <a:lnTo>
                      <a:pt x="1120" y="2376"/>
                    </a:lnTo>
                    <a:lnTo>
                      <a:pt x="1124" y="2378"/>
                    </a:lnTo>
                    <a:lnTo>
                      <a:pt x="1128" y="2381"/>
                    </a:lnTo>
                    <a:lnTo>
                      <a:pt x="1132" y="2387"/>
                    </a:lnTo>
                    <a:lnTo>
                      <a:pt x="1136" y="2394"/>
                    </a:lnTo>
                    <a:lnTo>
                      <a:pt x="1141" y="2402"/>
                    </a:lnTo>
                    <a:lnTo>
                      <a:pt x="1148" y="2408"/>
                    </a:lnTo>
                    <a:lnTo>
                      <a:pt x="1151" y="2411"/>
                    </a:lnTo>
                    <a:lnTo>
                      <a:pt x="1157" y="2413"/>
                    </a:lnTo>
                    <a:lnTo>
                      <a:pt x="1162" y="2416"/>
                    </a:lnTo>
                    <a:lnTo>
                      <a:pt x="1170" y="2417"/>
                    </a:lnTo>
                    <a:lnTo>
                      <a:pt x="1177" y="2420"/>
                    </a:lnTo>
                    <a:lnTo>
                      <a:pt x="1184" y="2425"/>
                    </a:lnTo>
                    <a:lnTo>
                      <a:pt x="1190" y="2430"/>
                    </a:lnTo>
                    <a:lnTo>
                      <a:pt x="1195" y="2435"/>
                    </a:lnTo>
                    <a:lnTo>
                      <a:pt x="1199" y="2440"/>
                    </a:lnTo>
                    <a:lnTo>
                      <a:pt x="1205" y="2446"/>
                    </a:lnTo>
                    <a:lnTo>
                      <a:pt x="1210" y="2448"/>
                    </a:lnTo>
                    <a:lnTo>
                      <a:pt x="1216" y="2451"/>
                    </a:lnTo>
                    <a:lnTo>
                      <a:pt x="1221" y="2451"/>
                    </a:lnTo>
                    <a:lnTo>
                      <a:pt x="1225" y="2449"/>
                    </a:lnTo>
                    <a:lnTo>
                      <a:pt x="1229" y="2447"/>
                    </a:lnTo>
                    <a:lnTo>
                      <a:pt x="1232" y="2444"/>
                    </a:lnTo>
                    <a:lnTo>
                      <a:pt x="1238" y="2435"/>
                    </a:lnTo>
                    <a:lnTo>
                      <a:pt x="1245" y="2425"/>
                    </a:lnTo>
                    <a:lnTo>
                      <a:pt x="1249" y="2420"/>
                    </a:lnTo>
                    <a:lnTo>
                      <a:pt x="1252" y="2414"/>
                    </a:lnTo>
                    <a:lnTo>
                      <a:pt x="1256" y="2411"/>
                    </a:lnTo>
                    <a:lnTo>
                      <a:pt x="1262" y="2407"/>
                    </a:lnTo>
                    <a:lnTo>
                      <a:pt x="1268" y="2404"/>
                    </a:lnTo>
                    <a:lnTo>
                      <a:pt x="1276" y="2403"/>
                    </a:lnTo>
                    <a:lnTo>
                      <a:pt x="1284" y="2402"/>
                    </a:lnTo>
                    <a:lnTo>
                      <a:pt x="1293" y="2404"/>
                    </a:lnTo>
                    <a:lnTo>
                      <a:pt x="1316" y="2409"/>
                    </a:lnTo>
                    <a:lnTo>
                      <a:pt x="1338" y="2417"/>
                    </a:lnTo>
                    <a:lnTo>
                      <a:pt x="1360" y="2424"/>
                    </a:lnTo>
                    <a:lnTo>
                      <a:pt x="1385" y="2429"/>
                    </a:lnTo>
                    <a:lnTo>
                      <a:pt x="1386" y="2444"/>
                    </a:lnTo>
                    <a:lnTo>
                      <a:pt x="1387" y="2465"/>
                    </a:lnTo>
                    <a:lnTo>
                      <a:pt x="1386" y="2475"/>
                    </a:lnTo>
                    <a:lnTo>
                      <a:pt x="1383" y="2483"/>
                    </a:lnTo>
                    <a:lnTo>
                      <a:pt x="1381" y="2487"/>
                    </a:lnTo>
                    <a:lnTo>
                      <a:pt x="1378" y="2490"/>
                    </a:lnTo>
                    <a:lnTo>
                      <a:pt x="1374" y="2491"/>
                    </a:lnTo>
                    <a:lnTo>
                      <a:pt x="1370" y="2491"/>
                    </a:lnTo>
                    <a:lnTo>
                      <a:pt x="1361" y="2492"/>
                    </a:lnTo>
                    <a:lnTo>
                      <a:pt x="1354" y="2493"/>
                    </a:lnTo>
                    <a:lnTo>
                      <a:pt x="1346" y="2496"/>
                    </a:lnTo>
                    <a:lnTo>
                      <a:pt x="1338" y="2500"/>
                    </a:lnTo>
                    <a:lnTo>
                      <a:pt x="1324" y="2510"/>
                    </a:lnTo>
                    <a:lnTo>
                      <a:pt x="1312" y="2522"/>
                    </a:lnTo>
                    <a:lnTo>
                      <a:pt x="1300" y="2535"/>
                    </a:lnTo>
                    <a:lnTo>
                      <a:pt x="1289" y="2548"/>
                    </a:lnTo>
                    <a:lnTo>
                      <a:pt x="1277" y="2561"/>
                    </a:lnTo>
                    <a:lnTo>
                      <a:pt x="1264" y="2573"/>
                    </a:lnTo>
                    <a:lnTo>
                      <a:pt x="1255" y="2582"/>
                    </a:lnTo>
                    <a:lnTo>
                      <a:pt x="1247" y="2589"/>
                    </a:lnTo>
                    <a:lnTo>
                      <a:pt x="1242" y="2597"/>
                    </a:lnTo>
                    <a:lnTo>
                      <a:pt x="1240" y="2606"/>
                    </a:lnTo>
                    <a:lnTo>
                      <a:pt x="1238" y="2614"/>
                    </a:lnTo>
                    <a:lnTo>
                      <a:pt x="1238" y="2623"/>
                    </a:lnTo>
                    <a:lnTo>
                      <a:pt x="1240" y="2631"/>
                    </a:lnTo>
                    <a:lnTo>
                      <a:pt x="1242" y="2640"/>
                    </a:lnTo>
                    <a:lnTo>
                      <a:pt x="1250" y="2657"/>
                    </a:lnTo>
                    <a:lnTo>
                      <a:pt x="1256" y="2675"/>
                    </a:lnTo>
                    <a:lnTo>
                      <a:pt x="1260" y="2683"/>
                    </a:lnTo>
                    <a:lnTo>
                      <a:pt x="1263" y="2692"/>
                    </a:lnTo>
                    <a:lnTo>
                      <a:pt x="1265" y="2702"/>
                    </a:lnTo>
                    <a:lnTo>
                      <a:pt x="1267" y="2711"/>
                    </a:lnTo>
                    <a:lnTo>
                      <a:pt x="1264" y="2718"/>
                    </a:lnTo>
                    <a:lnTo>
                      <a:pt x="1263" y="2724"/>
                    </a:lnTo>
                    <a:lnTo>
                      <a:pt x="1263" y="2729"/>
                    </a:lnTo>
                    <a:lnTo>
                      <a:pt x="1263" y="2733"/>
                    </a:lnTo>
                    <a:lnTo>
                      <a:pt x="1265" y="2737"/>
                    </a:lnTo>
                    <a:lnTo>
                      <a:pt x="1268" y="2741"/>
                    </a:lnTo>
                    <a:lnTo>
                      <a:pt x="1271" y="2744"/>
                    </a:lnTo>
                    <a:lnTo>
                      <a:pt x="1274" y="2746"/>
                    </a:lnTo>
                    <a:lnTo>
                      <a:pt x="1284" y="2750"/>
                    </a:lnTo>
                    <a:lnTo>
                      <a:pt x="1294" y="2753"/>
                    </a:lnTo>
                    <a:lnTo>
                      <a:pt x="1306" y="2753"/>
                    </a:lnTo>
                    <a:lnTo>
                      <a:pt x="1316" y="2754"/>
                    </a:lnTo>
                    <a:lnTo>
                      <a:pt x="1307" y="2773"/>
                    </a:lnTo>
                    <a:lnTo>
                      <a:pt x="1302" y="2786"/>
                    </a:lnTo>
                    <a:lnTo>
                      <a:pt x="1300" y="2790"/>
                    </a:lnTo>
                    <a:lnTo>
                      <a:pt x="1302" y="2794"/>
                    </a:lnTo>
                    <a:lnTo>
                      <a:pt x="1303" y="2795"/>
                    </a:lnTo>
                    <a:lnTo>
                      <a:pt x="1304" y="2797"/>
                    </a:lnTo>
                    <a:lnTo>
                      <a:pt x="1322" y="2795"/>
                    </a:lnTo>
                    <a:lnTo>
                      <a:pt x="1351" y="2793"/>
                    </a:lnTo>
                    <a:lnTo>
                      <a:pt x="1355" y="2794"/>
                    </a:lnTo>
                    <a:lnTo>
                      <a:pt x="1357" y="2794"/>
                    </a:lnTo>
                    <a:lnTo>
                      <a:pt x="1360" y="2797"/>
                    </a:lnTo>
                    <a:lnTo>
                      <a:pt x="1363" y="2798"/>
                    </a:lnTo>
                    <a:lnTo>
                      <a:pt x="1366" y="2803"/>
                    </a:lnTo>
                    <a:lnTo>
                      <a:pt x="1372" y="2807"/>
                    </a:lnTo>
                    <a:lnTo>
                      <a:pt x="1386" y="2808"/>
                    </a:lnTo>
                    <a:lnTo>
                      <a:pt x="1405" y="2806"/>
                    </a:lnTo>
                    <a:lnTo>
                      <a:pt x="1414" y="2806"/>
                    </a:lnTo>
                    <a:lnTo>
                      <a:pt x="1420" y="2808"/>
                    </a:lnTo>
                    <a:lnTo>
                      <a:pt x="1421" y="2810"/>
                    </a:lnTo>
                    <a:lnTo>
                      <a:pt x="1421" y="2813"/>
                    </a:lnTo>
                    <a:lnTo>
                      <a:pt x="1420" y="2816"/>
                    </a:lnTo>
                    <a:lnTo>
                      <a:pt x="1417" y="2821"/>
                    </a:lnTo>
                    <a:lnTo>
                      <a:pt x="1396" y="2838"/>
                    </a:lnTo>
                    <a:lnTo>
                      <a:pt x="1361" y="2868"/>
                    </a:lnTo>
                    <a:lnTo>
                      <a:pt x="1354" y="2876"/>
                    </a:lnTo>
                    <a:lnTo>
                      <a:pt x="1347" y="2882"/>
                    </a:lnTo>
                    <a:lnTo>
                      <a:pt x="1343" y="2889"/>
                    </a:lnTo>
                    <a:lnTo>
                      <a:pt x="1339" y="2895"/>
                    </a:lnTo>
                    <a:lnTo>
                      <a:pt x="1339" y="2898"/>
                    </a:lnTo>
                    <a:lnTo>
                      <a:pt x="1339" y="2900"/>
                    </a:lnTo>
                    <a:lnTo>
                      <a:pt x="1339" y="2903"/>
                    </a:lnTo>
                    <a:lnTo>
                      <a:pt x="1342" y="2904"/>
                    </a:lnTo>
                    <a:lnTo>
                      <a:pt x="1347" y="2907"/>
                    </a:lnTo>
                    <a:lnTo>
                      <a:pt x="1356" y="2908"/>
                    </a:lnTo>
                    <a:lnTo>
                      <a:pt x="1368" y="2905"/>
                    </a:lnTo>
                    <a:lnTo>
                      <a:pt x="1379" y="2902"/>
                    </a:lnTo>
                    <a:lnTo>
                      <a:pt x="1383" y="2902"/>
                    </a:lnTo>
                    <a:lnTo>
                      <a:pt x="1386" y="2903"/>
                    </a:lnTo>
                    <a:lnTo>
                      <a:pt x="1385" y="2905"/>
                    </a:lnTo>
                    <a:lnTo>
                      <a:pt x="1382" y="2912"/>
                    </a:lnTo>
                    <a:lnTo>
                      <a:pt x="1370" y="2934"/>
                    </a:lnTo>
                    <a:lnTo>
                      <a:pt x="1364" y="2946"/>
                    </a:lnTo>
                    <a:lnTo>
                      <a:pt x="1359" y="2948"/>
                    </a:lnTo>
                    <a:lnTo>
                      <a:pt x="1351" y="2951"/>
                    </a:lnTo>
                    <a:lnTo>
                      <a:pt x="1339" y="2951"/>
                    </a:lnTo>
                    <a:lnTo>
                      <a:pt x="1322" y="2949"/>
                    </a:lnTo>
                    <a:lnTo>
                      <a:pt x="1316" y="2949"/>
                    </a:lnTo>
                    <a:lnTo>
                      <a:pt x="1308" y="2951"/>
                    </a:lnTo>
                    <a:lnTo>
                      <a:pt x="1299" y="2952"/>
                    </a:lnTo>
                    <a:lnTo>
                      <a:pt x="1289" y="2955"/>
                    </a:lnTo>
                    <a:lnTo>
                      <a:pt x="1281" y="2959"/>
                    </a:lnTo>
                    <a:lnTo>
                      <a:pt x="1274" y="2962"/>
                    </a:lnTo>
                    <a:lnTo>
                      <a:pt x="1272" y="2966"/>
                    </a:lnTo>
                    <a:lnTo>
                      <a:pt x="1269" y="2969"/>
                    </a:lnTo>
                    <a:lnTo>
                      <a:pt x="1268" y="2973"/>
                    </a:lnTo>
                    <a:lnTo>
                      <a:pt x="1268" y="2977"/>
                    </a:lnTo>
                    <a:lnTo>
                      <a:pt x="1269" y="2983"/>
                    </a:lnTo>
                    <a:lnTo>
                      <a:pt x="1272" y="2988"/>
                    </a:lnTo>
                    <a:lnTo>
                      <a:pt x="1277" y="2994"/>
                    </a:lnTo>
                    <a:lnTo>
                      <a:pt x="1282" y="2997"/>
                    </a:lnTo>
                    <a:lnTo>
                      <a:pt x="1289" y="3000"/>
                    </a:lnTo>
                    <a:lnTo>
                      <a:pt x="1294" y="3005"/>
                    </a:lnTo>
                    <a:lnTo>
                      <a:pt x="1299" y="3010"/>
                    </a:lnTo>
                    <a:lnTo>
                      <a:pt x="1303" y="3016"/>
                    </a:lnTo>
                    <a:lnTo>
                      <a:pt x="1304" y="3019"/>
                    </a:lnTo>
                    <a:lnTo>
                      <a:pt x="1303" y="3022"/>
                    </a:lnTo>
                    <a:lnTo>
                      <a:pt x="1302" y="3025"/>
                    </a:lnTo>
                    <a:lnTo>
                      <a:pt x="1299" y="3026"/>
                    </a:lnTo>
                    <a:lnTo>
                      <a:pt x="1291" y="3028"/>
                    </a:lnTo>
                    <a:lnTo>
                      <a:pt x="1282" y="3031"/>
                    </a:lnTo>
                    <a:lnTo>
                      <a:pt x="1260" y="3034"/>
                    </a:lnTo>
                    <a:lnTo>
                      <a:pt x="1245" y="3039"/>
                    </a:lnTo>
                    <a:lnTo>
                      <a:pt x="1234" y="3045"/>
                    </a:lnTo>
                    <a:lnTo>
                      <a:pt x="1225" y="3053"/>
                    </a:lnTo>
                    <a:lnTo>
                      <a:pt x="1220" y="3062"/>
                    </a:lnTo>
                    <a:lnTo>
                      <a:pt x="1215" y="3071"/>
                    </a:lnTo>
                    <a:lnTo>
                      <a:pt x="1214" y="3082"/>
                    </a:lnTo>
                    <a:lnTo>
                      <a:pt x="1212" y="3092"/>
                    </a:lnTo>
                    <a:lnTo>
                      <a:pt x="1212" y="3104"/>
                    </a:lnTo>
                    <a:lnTo>
                      <a:pt x="1215" y="3117"/>
                    </a:lnTo>
                    <a:lnTo>
                      <a:pt x="1215" y="3124"/>
                    </a:lnTo>
                    <a:lnTo>
                      <a:pt x="1216" y="3132"/>
                    </a:lnTo>
                    <a:lnTo>
                      <a:pt x="1219" y="3140"/>
                    </a:lnTo>
                    <a:lnTo>
                      <a:pt x="1221" y="3146"/>
                    </a:lnTo>
                    <a:lnTo>
                      <a:pt x="1228" y="3159"/>
                    </a:lnTo>
                    <a:lnTo>
                      <a:pt x="1234" y="3172"/>
                    </a:lnTo>
                    <a:lnTo>
                      <a:pt x="1242" y="3184"/>
                    </a:lnTo>
                    <a:lnTo>
                      <a:pt x="1247" y="3197"/>
                    </a:lnTo>
                    <a:lnTo>
                      <a:pt x="1250" y="3202"/>
                    </a:lnTo>
                    <a:lnTo>
                      <a:pt x="1252" y="3209"/>
                    </a:lnTo>
                    <a:lnTo>
                      <a:pt x="1252" y="3215"/>
                    </a:lnTo>
                    <a:lnTo>
                      <a:pt x="1254" y="3223"/>
                    </a:lnTo>
                    <a:lnTo>
                      <a:pt x="1252" y="3229"/>
                    </a:lnTo>
                    <a:lnTo>
                      <a:pt x="1251" y="3234"/>
                    </a:lnTo>
                    <a:lnTo>
                      <a:pt x="1249" y="3238"/>
                    </a:lnTo>
                    <a:lnTo>
                      <a:pt x="1246" y="3241"/>
                    </a:lnTo>
                    <a:lnTo>
                      <a:pt x="1242" y="3242"/>
                    </a:lnTo>
                    <a:lnTo>
                      <a:pt x="1238" y="3242"/>
                    </a:lnTo>
                    <a:lnTo>
                      <a:pt x="1234" y="3241"/>
                    </a:lnTo>
                    <a:lnTo>
                      <a:pt x="1229" y="3240"/>
                    </a:lnTo>
                    <a:lnTo>
                      <a:pt x="1220" y="3233"/>
                    </a:lnTo>
                    <a:lnTo>
                      <a:pt x="1211" y="3224"/>
                    </a:lnTo>
                    <a:lnTo>
                      <a:pt x="1203" y="3215"/>
                    </a:lnTo>
                    <a:lnTo>
                      <a:pt x="1198" y="3205"/>
                    </a:lnTo>
                    <a:lnTo>
                      <a:pt x="1193" y="3187"/>
                    </a:lnTo>
                    <a:lnTo>
                      <a:pt x="1190" y="3174"/>
                    </a:lnTo>
                    <a:lnTo>
                      <a:pt x="1189" y="3171"/>
                    </a:lnTo>
                    <a:lnTo>
                      <a:pt x="1188" y="3170"/>
                    </a:lnTo>
                    <a:lnTo>
                      <a:pt x="1185" y="3168"/>
                    </a:lnTo>
                    <a:lnTo>
                      <a:pt x="1183" y="3168"/>
                    </a:lnTo>
                    <a:lnTo>
                      <a:pt x="1173" y="3170"/>
                    </a:lnTo>
                    <a:lnTo>
                      <a:pt x="1163" y="3174"/>
                    </a:lnTo>
                    <a:lnTo>
                      <a:pt x="1146" y="3184"/>
                    </a:lnTo>
                    <a:lnTo>
                      <a:pt x="1136" y="3192"/>
                    </a:lnTo>
                    <a:lnTo>
                      <a:pt x="1133" y="3193"/>
                    </a:lnTo>
                    <a:lnTo>
                      <a:pt x="1131" y="3193"/>
                    </a:lnTo>
                    <a:lnTo>
                      <a:pt x="1127" y="3193"/>
                    </a:lnTo>
                    <a:lnTo>
                      <a:pt x="1124" y="3192"/>
                    </a:lnTo>
                    <a:lnTo>
                      <a:pt x="1115" y="3188"/>
                    </a:lnTo>
                    <a:lnTo>
                      <a:pt x="1103" y="3179"/>
                    </a:lnTo>
                    <a:lnTo>
                      <a:pt x="1091" y="3170"/>
                    </a:lnTo>
                    <a:lnTo>
                      <a:pt x="1078" y="3163"/>
                    </a:lnTo>
                    <a:lnTo>
                      <a:pt x="1063" y="3158"/>
                    </a:lnTo>
                    <a:lnTo>
                      <a:pt x="1048" y="3153"/>
                    </a:lnTo>
                    <a:lnTo>
                      <a:pt x="1017" y="3148"/>
                    </a:lnTo>
                    <a:lnTo>
                      <a:pt x="984" y="3144"/>
                    </a:lnTo>
                    <a:lnTo>
                      <a:pt x="967" y="3141"/>
                    </a:lnTo>
                    <a:lnTo>
                      <a:pt x="952" y="3140"/>
                    </a:lnTo>
                    <a:lnTo>
                      <a:pt x="938" y="3137"/>
                    </a:lnTo>
                    <a:lnTo>
                      <a:pt x="923" y="3133"/>
                    </a:lnTo>
                    <a:lnTo>
                      <a:pt x="910" y="3130"/>
                    </a:lnTo>
                    <a:lnTo>
                      <a:pt x="900" y="3123"/>
                    </a:lnTo>
                    <a:lnTo>
                      <a:pt x="890" y="3115"/>
                    </a:lnTo>
                    <a:lnTo>
                      <a:pt x="882" y="3106"/>
                    </a:lnTo>
                    <a:lnTo>
                      <a:pt x="870" y="3084"/>
                    </a:lnTo>
                    <a:lnTo>
                      <a:pt x="861" y="3060"/>
                    </a:lnTo>
                    <a:lnTo>
                      <a:pt x="855" y="3049"/>
                    </a:lnTo>
                    <a:lnTo>
                      <a:pt x="848" y="3039"/>
                    </a:lnTo>
                    <a:lnTo>
                      <a:pt x="843" y="3035"/>
                    </a:lnTo>
                    <a:lnTo>
                      <a:pt x="839" y="3031"/>
                    </a:lnTo>
                    <a:lnTo>
                      <a:pt x="834" y="3028"/>
                    </a:lnTo>
                    <a:lnTo>
                      <a:pt x="828" y="3026"/>
                    </a:lnTo>
                    <a:lnTo>
                      <a:pt x="824" y="3025"/>
                    </a:lnTo>
                    <a:lnTo>
                      <a:pt x="820" y="3026"/>
                    </a:lnTo>
                    <a:lnTo>
                      <a:pt x="816" y="3026"/>
                    </a:lnTo>
                    <a:lnTo>
                      <a:pt x="812" y="3028"/>
                    </a:lnTo>
                    <a:lnTo>
                      <a:pt x="804" y="3032"/>
                    </a:lnTo>
                    <a:lnTo>
                      <a:pt x="798" y="3039"/>
                    </a:lnTo>
                    <a:lnTo>
                      <a:pt x="790" y="3047"/>
                    </a:lnTo>
                    <a:lnTo>
                      <a:pt x="782" y="3054"/>
                    </a:lnTo>
                    <a:lnTo>
                      <a:pt x="773" y="3061"/>
                    </a:lnTo>
                    <a:lnTo>
                      <a:pt x="764" y="3065"/>
                    </a:lnTo>
                    <a:lnTo>
                      <a:pt x="764" y="3071"/>
                    </a:lnTo>
                    <a:lnTo>
                      <a:pt x="765" y="3079"/>
                    </a:lnTo>
                    <a:lnTo>
                      <a:pt x="768" y="3087"/>
                    </a:lnTo>
                    <a:lnTo>
                      <a:pt x="772" y="3093"/>
                    </a:lnTo>
                    <a:lnTo>
                      <a:pt x="781" y="3109"/>
                    </a:lnTo>
                    <a:lnTo>
                      <a:pt x="791" y="3123"/>
                    </a:lnTo>
                    <a:lnTo>
                      <a:pt x="804" y="3137"/>
                    </a:lnTo>
                    <a:lnTo>
                      <a:pt x="817" y="3148"/>
                    </a:lnTo>
                    <a:lnTo>
                      <a:pt x="825" y="3153"/>
                    </a:lnTo>
                    <a:lnTo>
                      <a:pt x="831" y="3157"/>
                    </a:lnTo>
                    <a:lnTo>
                      <a:pt x="838" y="3159"/>
                    </a:lnTo>
                    <a:lnTo>
                      <a:pt x="844" y="3162"/>
                    </a:lnTo>
                    <a:lnTo>
                      <a:pt x="844" y="3163"/>
                    </a:lnTo>
                    <a:lnTo>
                      <a:pt x="844" y="3163"/>
                    </a:lnTo>
                    <a:lnTo>
                      <a:pt x="844" y="3168"/>
                    </a:lnTo>
                    <a:lnTo>
                      <a:pt x="843" y="3172"/>
                    </a:lnTo>
                    <a:lnTo>
                      <a:pt x="840" y="3176"/>
                    </a:lnTo>
                    <a:lnTo>
                      <a:pt x="838" y="3180"/>
                    </a:lnTo>
                    <a:lnTo>
                      <a:pt x="829" y="3188"/>
                    </a:lnTo>
                    <a:lnTo>
                      <a:pt x="818" y="3194"/>
                    </a:lnTo>
                    <a:lnTo>
                      <a:pt x="804" y="3201"/>
                    </a:lnTo>
                    <a:lnTo>
                      <a:pt x="790" y="3207"/>
                    </a:lnTo>
                    <a:lnTo>
                      <a:pt x="774" y="3212"/>
                    </a:lnTo>
                    <a:lnTo>
                      <a:pt x="758" y="3218"/>
                    </a:lnTo>
                    <a:lnTo>
                      <a:pt x="725" y="3228"/>
                    </a:lnTo>
                    <a:lnTo>
                      <a:pt x="695" y="3238"/>
                    </a:lnTo>
                    <a:lnTo>
                      <a:pt x="684" y="3244"/>
                    </a:lnTo>
                    <a:lnTo>
                      <a:pt x="673" y="3249"/>
                    </a:lnTo>
                    <a:lnTo>
                      <a:pt x="669" y="3253"/>
                    </a:lnTo>
                    <a:lnTo>
                      <a:pt x="667" y="3255"/>
                    </a:lnTo>
                    <a:lnTo>
                      <a:pt x="664" y="3258"/>
                    </a:lnTo>
                    <a:lnTo>
                      <a:pt x="663" y="3262"/>
                    </a:lnTo>
                    <a:lnTo>
                      <a:pt x="662" y="3266"/>
                    </a:lnTo>
                    <a:lnTo>
                      <a:pt x="662" y="3271"/>
                    </a:lnTo>
                    <a:lnTo>
                      <a:pt x="663" y="3273"/>
                    </a:lnTo>
                    <a:lnTo>
                      <a:pt x="664" y="3277"/>
                    </a:lnTo>
                    <a:lnTo>
                      <a:pt x="668" y="3280"/>
                    </a:lnTo>
                    <a:lnTo>
                      <a:pt x="671" y="3282"/>
                    </a:lnTo>
                    <a:lnTo>
                      <a:pt x="676" y="3285"/>
                    </a:lnTo>
                    <a:lnTo>
                      <a:pt x="681" y="3288"/>
                    </a:lnTo>
                    <a:lnTo>
                      <a:pt x="694" y="3290"/>
                    </a:lnTo>
                    <a:lnTo>
                      <a:pt x="708" y="3293"/>
                    </a:lnTo>
                    <a:lnTo>
                      <a:pt x="724" y="3295"/>
                    </a:lnTo>
                    <a:lnTo>
                      <a:pt x="741" y="3295"/>
                    </a:lnTo>
                    <a:lnTo>
                      <a:pt x="777" y="3297"/>
                    </a:lnTo>
                    <a:lnTo>
                      <a:pt x="812" y="3297"/>
                    </a:lnTo>
                    <a:lnTo>
                      <a:pt x="828" y="3297"/>
                    </a:lnTo>
                    <a:lnTo>
                      <a:pt x="840" y="3298"/>
                    </a:lnTo>
                    <a:lnTo>
                      <a:pt x="852" y="3299"/>
                    </a:lnTo>
                    <a:lnTo>
                      <a:pt x="860" y="3301"/>
                    </a:lnTo>
                    <a:lnTo>
                      <a:pt x="859" y="3310"/>
                    </a:lnTo>
                    <a:lnTo>
                      <a:pt x="852" y="3323"/>
                    </a:lnTo>
                    <a:lnTo>
                      <a:pt x="844" y="3338"/>
                    </a:lnTo>
                    <a:lnTo>
                      <a:pt x="834" y="3354"/>
                    </a:lnTo>
                    <a:lnTo>
                      <a:pt x="824" y="3372"/>
                    </a:lnTo>
                    <a:lnTo>
                      <a:pt x="815" y="3389"/>
                    </a:lnTo>
                    <a:lnTo>
                      <a:pt x="808" y="3404"/>
                    </a:lnTo>
                    <a:lnTo>
                      <a:pt x="804" y="3417"/>
                    </a:lnTo>
                    <a:lnTo>
                      <a:pt x="804" y="3424"/>
                    </a:lnTo>
                    <a:lnTo>
                      <a:pt x="804" y="3429"/>
                    </a:lnTo>
                    <a:lnTo>
                      <a:pt x="807" y="3434"/>
                    </a:lnTo>
                    <a:lnTo>
                      <a:pt x="809" y="3439"/>
                    </a:lnTo>
                    <a:lnTo>
                      <a:pt x="816" y="3447"/>
                    </a:lnTo>
                    <a:lnTo>
                      <a:pt x="822" y="3453"/>
                    </a:lnTo>
                    <a:lnTo>
                      <a:pt x="828" y="3460"/>
                    </a:lnTo>
                    <a:lnTo>
                      <a:pt x="829" y="3465"/>
                    </a:lnTo>
                    <a:lnTo>
                      <a:pt x="828" y="3466"/>
                    </a:lnTo>
                    <a:lnTo>
                      <a:pt x="825" y="3469"/>
                    </a:lnTo>
                    <a:lnTo>
                      <a:pt x="821" y="3470"/>
                    </a:lnTo>
                    <a:lnTo>
                      <a:pt x="815" y="3473"/>
                    </a:lnTo>
                    <a:lnTo>
                      <a:pt x="803" y="3477"/>
                    </a:lnTo>
                    <a:lnTo>
                      <a:pt x="793" y="3481"/>
                    </a:lnTo>
                    <a:lnTo>
                      <a:pt x="786" y="3486"/>
                    </a:lnTo>
                    <a:lnTo>
                      <a:pt x="780" y="3491"/>
                    </a:lnTo>
                    <a:lnTo>
                      <a:pt x="769" y="3504"/>
                    </a:lnTo>
                    <a:lnTo>
                      <a:pt x="761" y="3517"/>
                    </a:lnTo>
                    <a:lnTo>
                      <a:pt x="756" y="3522"/>
                    </a:lnTo>
                    <a:lnTo>
                      <a:pt x="751" y="3529"/>
                    </a:lnTo>
                    <a:lnTo>
                      <a:pt x="745" y="3534"/>
                    </a:lnTo>
                    <a:lnTo>
                      <a:pt x="737" y="3539"/>
                    </a:lnTo>
                    <a:lnTo>
                      <a:pt x="728" y="3543"/>
                    </a:lnTo>
                    <a:lnTo>
                      <a:pt x="716" y="3545"/>
                    </a:lnTo>
                    <a:lnTo>
                      <a:pt x="702" y="3548"/>
                    </a:lnTo>
                    <a:lnTo>
                      <a:pt x="686" y="3548"/>
                    </a:lnTo>
                    <a:lnTo>
                      <a:pt x="672" y="3548"/>
                    </a:lnTo>
                    <a:lnTo>
                      <a:pt x="658" y="3549"/>
                    </a:lnTo>
                    <a:lnTo>
                      <a:pt x="645" y="3552"/>
                    </a:lnTo>
                    <a:lnTo>
                      <a:pt x="632" y="3554"/>
                    </a:lnTo>
                    <a:lnTo>
                      <a:pt x="607" y="3561"/>
                    </a:lnTo>
                    <a:lnTo>
                      <a:pt x="583" y="3567"/>
                    </a:lnTo>
                    <a:lnTo>
                      <a:pt x="558" y="3574"/>
                    </a:lnTo>
                    <a:lnTo>
                      <a:pt x="533" y="3578"/>
                    </a:lnTo>
                    <a:lnTo>
                      <a:pt x="521" y="3580"/>
                    </a:lnTo>
                    <a:lnTo>
                      <a:pt x="508" y="3580"/>
                    </a:lnTo>
                    <a:lnTo>
                      <a:pt x="495" y="3580"/>
                    </a:lnTo>
                    <a:lnTo>
                      <a:pt x="480" y="3579"/>
                    </a:lnTo>
                    <a:lnTo>
                      <a:pt x="473" y="3579"/>
                    </a:lnTo>
                    <a:lnTo>
                      <a:pt x="466" y="3576"/>
                    </a:lnTo>
                    <a:lnTo>
                      <a:pt x="458" y="3573"/>
                    </a:lnTo>
                    <a:lnTo>
                      <a:pt x="451" y="3567"/>
                    </a:lnTo>
                    <a:lnTo>
                      <a:pt x="443" y="3564"/>
                    </a:lnTo>
                    <a:lnTo>
                      <a:pt x="436" y="3562"/>
                    </a:lnTo>
                    <a:lnTo>
                      <a:pt x="432" y="3562"/>
                    </a:lnTo>
                    <a:lnTo>
                      <a:pt x="430" y="3562"/>
                    </a:lnTo>
                    <a:lnTo>
                      <a:pt x="427" y="3564"/>
                    </a:lnTo>
                    <a:lnTo>
                      <a:pt x="425" y="3566"/>
                    </a:lnTo>
                    <a:lnTo>
                      <a:pt x="417" y="3575"/>
                    </a:lnTo>
                    <a:lnTo>
                      <a:pt x="409" y="3582"/>
                    </a:lnTo>
                    <a:lnTo>
                      <a:pt x="399" y="3587"/>
                    </a:lnTo>
                    <a:lnTo>
                      <a:pt x="390" y="3589"/>
                    </a:lnTo>
                    <a:lnTo>
                      <a:pt x="369" y="3593"/>
                    </a:lnTo>
                    <a:lnTo>
                      <a:pt x="347" y="3597"/>
                    </a:lnTo>
                    <a:lnTo>
                      <a:pt x="349" y="3601"/>
                    </a:lnTo>
                    <a:lnTo>
                      <a:pt x="355" y="3605"/>
                    </a:lnTo>
                    <a:lnTo>
                      <a:pt x="361" y="3608"/>
                    </a:lnTo>
                    <a:lnTo>
                      <a:pt x="366" y="3611"/>
                    </a:lnTo>
                    <a:lnTo>
                      <a:pt x="373" y="3614"/>
                    </a:lnTo>
                    <a:lnTo>
                      <a:pt x="379" y="3619"/>
                    </a:lnTo>
                    <a:lnTo>
                      <a:pt x="384" y="3624"/>
                    </a:lnTo>
                    <a:lnTo>
                      <a:pt x="390" y="3632"/>
                    </a:lnTo>
                    <a:lnTo>
                      <a:pt x="392" y="3637"/>
                    </a:lnTo>
                    <a:lnTo>
                      <a:pt x="392" y="3643"/>
                    </a:lnTo>
                    <a:lnTo>
                      <a:pt x="391" y="3648"/>
                    </a:lnTo>
                    <a:lnTo>
                      <a:pt x="387" y="3652"/>
                    </a:lnTo>
                    <a:lnTo>
                      <a:pt x="378" y="3657"/>
                    </a:lnTo>
                    <a:lnTo>
                      <a:pt x="366" y="3661"/>
                    </a:lnTo>
                    <a:lnTo>
                      <a:pt x="356" y="3663"/>
                    </a:lnTo>
                    <a:lnTo>
                      <a:pt x="348" y="3667"/>
                    </a:lnTo>
                    <a:lnTo>
                      <a:pt x="347" y="3670"/>
                    </a:lnTo>
                    <a:lnTo>
                      <a:pt x="347" y="3672"/>
                    </a:lnTo>
                    <a:lnTo>
                      <a:pt x="348" y="3675"/>
                    </a:lnTo>
                    <a:lnTo>
                      <a:pt x="353" y="3679"/>
                    </a:lnTo>
                    <a:lnTo>
                      <a:pt x="360" y="3687"/>
                    </a:lnTo>
                    <a:lnTo>
                      <a:pt x="365" y="3696"/>
                    </a:lnTo>
                    <a:lnTo>
                      <a:pt x="370" y="3705"/>
                    </a:lnTo>
                    <a:lnTo>
                      <a:pt x="374" y="3714"/>
                    </a:lnTo>
                    <a:lnTo>
                      <a:pt x="378" y="3716"/>
                    </a:lnTo>
                    <a:lnTo>
                      <a:pt x="381" y="3720"/>
                    </a:lnTo>
                    <a:lnTo>
                      <a:pt x="384" y="3723"/>
                    </a:lnTo>
                    <a:lnTo>
                      <a:pt x="388" y="3724"/>
                    </a:lnTo>
                    <a:lnTo>
                      <a:pt x="394" y="3725"/>
                    </a:lnTo>
                    <a:lnTo>
                      <a:pt x="399" y="3724"/>
                    </a:lnTo>
                    <a:lnTo>
                      <a:pt x="406" y="3723"/>
                    </a:lnTo>
                    <a:lnTo>
                      <a:pt x="414" y="3720"/>
                    </a:lnTo>
                    <a:lnTo>
                      <a:pt x="430" y="3712"/>
                    </a:lnTo>
                    <a:lnTo>
                      <a:pt x="444" y="3709"/>
                    </a:lnTo>
                    <a:lnTo>
                      <a:pt x="447" y="3709"/>
                    </a:lnTo>
                    <a:lnTo>
                      <a:pt x="449" y="3709"/>
                    </a:lnTo>
                    <a:lnTo>
                      <a:pt x="452" y="3710"/>
                    </a:lnTo>
                    <a:lnTo>
                      <a:pt x="453" y="3711"/>
                    </a:lnTo>
                    <a:lnTo>
                      <a:pt x="454" y="3714"/>
                    </a:lnTo>
                    <a:lnTo>
                      <a:pt x="454" y="3718"/>
                    </a:lnTo>
                    <a:lnTo>
                      <a:pt x="454" y="3722"/>
                    </a:lnTo>
                    <a:lnTo>
                      <a:pt x="453" y="3727"/>
                    </a:lnTo>
                    <a:lnTo>
                      <a:pt x="452" y="3729"/>
                    </a:lnTo>
                    <a:lnTo>
                      <a:pt x="449" y="3733"/>
                    </a:lnTo>
                    <a:lnTo>
                      <a:pt x="447" y="3736"/>
                    </a:lnTo>
                    <a:lnTo>
                      <a:pt x="443" y="3737"/>
                    </a:lnTo>
                    <a:lnTo>
                      <a:pt x="435" y="3741"/>
                    </a:lnTo>
                    <a:lnTo>
                      <a:pt x="426" y="3742"/>
                    </a:lnTo>
                    <a:lnTo>
                      <a:pt x="406" y="3744"/>
                    </a:lnTo>
                    <a:lnTo>
                      <a:pt x="390" y="3745"/>
                    </a:lnTo>
                    <a:lnTo>
                      <a:pt x="384" y="3746"/>
                    </a:lnTo>
                    <a:lnTo>
                      <a:pt x="381" y="3747"/>
                    </a:lnTo>
                    <a:lnTo>
                      <a:pt x="378" y="3749"/>
                    </a:lnTo>
                    <a:lnTo>
                      <a:pt x="378" y="3750"/>
                    </a:lnTo>
                    <a:lnTo>
                      <a:pt x="381" y="3753"/>
                    </a:lnTo>
                    <a:lnTo>
                      <a:pt x="388" y="3757"/>
                    </a:lnTo>
                    <a:lnTo>
                      <a:pt x="406" y="3763"/>
                    </a:lnTo>
                    <a:lnTo>
                      <a:pt x="422" y="3771"/>
                    </a:lnTo>
                    <a:lnTo>
                      <a:pt x="434" y="3781"/>
                    </a:lnTo>
                    <a:lnTo>
                      <a:pt x="444" y="3791"/>
                    </a:lnTo>
                    <a:lnTo>
                      <a:pt x="449" y="3795"/>
                    </a:lnTo>
                    <a:lnTo>
                      <a:pt x="456" y="3798"/>
                    </a:lnTo>
                    <a:lnTo>
                      <a:pt x="460" y="3798"/>
                    </a:lnTo>
                    <a:lnTo>
                      <a:pt x="463" y="3797"/>
                    </a:lnTo>
                    <a:lnTo>
                      <a:pt x="467" y="3795"/>
                    </a:lnTo>
                    <a:lnTo>
                      <a:pt x="471" y="3794"/>
                    </a:lnTo>
                    <a:lnTo>
                      <a:pt x="484" y="3785"/>
                    </a:lnTo>
                    <a:lnTo>
                      <a:pt x="498" y="3779"/>
                    </a:lnTo>
                    <a:lnTo>
                      <a:pt x="511" y="3772"/>
                    </a:lnTo>
                    <a:lnTo>
                      <a:pt x="524" y="3766"/>
                    </a:lnTo>
                    <a:lnTo>
                      <a:pt x="539" y="3762"/>
                    </a:lnTo>
                    <a:lnTo>
                      <a:pt x="553" y="3758"/>
                    </a:lnTo>
                    <a:lnTo>
                      <a:pt x="568" y="3757"/>
                    </a:lnTo>
                    <a:lnTo>
                      <a:pt x="585" y="3755"/>
                    </a:lnTo>
                    <a:lnTo>
                      <a:pt x="593" y="3755"/>
                    </a:lnTo>
                    <a:lnTo>
                      <a:pt x="598" y="3757"/>
                    </a:lnTo>
                    <a:lnTo>
                      <a:pt x="603" y="3758"/>
                    </a:lnTo>
                    <a:lnTo>
                      <a:pt x="609" y="3759"/>
                    </a:lnTo>
                    <a:lnTo>
                      <a:pt x="611" y="3762"/>
                    </a:lnTo>
                    <a:lnTo>
                      <a:pt x="614" y="3763"/>
                    </a:lnTo>
                    <a:lnTo>
                      <a:pt x="615" y="3766"/>
                    </a:lnTo>
                    <a:lnTo>
                      <a:pt x="616" y="3769"/>
                    </a:lnTo>
                    <a:lnTo>
                      <a:pt x="618" y="3776"/>
                    </a:lnTo>
                    <a:lnTo>
                      <a:pt x="620" y="3782"/>
                    </a:lnTo>
                    <a:lnTo>
                      <a:pt x="623" y="3790"/>
                    </a:lnTo>
                    <a:lnTo>
                      <a:pt x="629" y="3798"/>
                    </a:lnTo>
                    <a:lnTo>
                      <a:pt x="633" y="3802"/>
                    </a:lnTo>
                    <a:lnTo>
                      <a:pt x="638" y="3804"/>
                    </a:lnTo>
                    <a:lnTo>
                      <a:pt x="644" y="3807"/>
                    </a:lnTo>
                    <a:lnTo>
                      <a:pt x="650" y="3810"/>
                    </a:lnTo>
                    <a:lnTo>
                      <a:pt x="663" y="3814"/>
                    </a:lnTo>
                    <a:lnTo>
                      <a:pt x="677" y="3817"/>
                    </a:lnTo>
                    <a:lnTo>
                      <a:pt x="693" y="3821"/>
                    </a:lnTo>
                    <a:lnTo>
                      <a:pt x="707" y="3826"/>
                    </a:lnTo>
                    <a:lnTo>
                      <a:pt x="714" y="3829"/>
                    </a:lnTo>
                    <a:lnTo>
                      <a:pt x="720" y="3833"/>
                    </a:lnTo>
                    <a:lnTo>
                      <a:pt x="725" y="3837"/>
                    </a:lnTo>
                    <a:lnTo>
                      <a:pt x="730" y="3842"/>
                    </a:lnTo>
                    <a:lnTo>
                      <a:pt x="734" y="3846"/>
                    </a:lnTo>
                    <a:lnTo>
                      <a:pt x="737" y="3852"/>
                    </a:lnTo>
                    <a:lnTo>
                      <a:pt x="738" y="3859"/>
                    </a:lnTo>
                    <a:lnTo>
                      <a:pt x="739" y="3865"/>
                    </a:lnTo>
                    <a:lnTo>
                      <a:pt x="741" y="3880"/>
                    </a:lnTo>
                    <a:lnTo>
                      <a:pt x="739" y="3894"/>
                    </a:lnTo>
                    <a:lnTo>
                      <a:pt x="739" y="3909"/>
                    </a:lnTo>
                    <a:lnTo>
                      <a:pt x="739" y="3924"/>
                    </a:lnTo>
                    <a:lnTo>
                      <a:pt x="742" y="3930"/>
                    </a:lnTo>
                    <a:lnTo>
                      <a:pt x="743" y="3937"/>
                    </a:lnTo>
                    <a:lnTo>
                      <a:pt x="747" y="3942"/>
                    </a:lnTo>
                    <a:lnTo>
                      <a:pt x="751" y="3948"/>
                    </a:lnTo>
                    <a:lnTo>
                      <a:pt x="754" y="3956"/>
                    </a:lnTo>
                    <a:lnTo>
                      <a:pt x="758" y="3964"/>
                    </a:lnTo>
                    <a:lnTo>
                      <a:pt x="763" y="3972"/>
                    </a:lnTo>
                    <a:lnTo>
                      <a:pt x="769" y="3978"/>
                    </a:lnTo>
                    <a:lnTo>
                      <a:pt x="777" y="3985"/>
                    </a:lnTo>
                    <a:lnTo>
                      <a:pt x="786" y="3991"/>
                    </a:lnTo>
                    <a:lnTo>
                      <a:pt x="795" y="3997"/>
                    </a:lnTo>
                    <a:lnTo>
                      <a:pt x="804" y="4003"/>
                    </a:lnTo>
                    <a:lnTo>
                      <a:pt x="815" y="4007"/>
                    </a:lnTo>
                    <a:lnTo>
                      <a:pt x="825" y="4010"/>
                    </a:lnTo>
                    <a:lnTo>
                      <a:pt x="835" y="4013"/>
                    </a:lnTo>
                    <a:lnTo>
                      <a:pt x="846" y="4016"/>
                    </a:lnTo>
                    <a:lnTo>
                      <a:pt x="855" y="4017"/>
                    </a:lnTo>
                    <a:lnTo>
                      <a:pt x="865" y="4018"/>
                    </a:lnTo>
                    <a:lnTo>
                      <a:pt x="874" y="4017"/>
                    </a:lnTo>
                    <a:lnTo>
                      <a:pt x="882" y="4016"/>
                    </a:lnTo>
                    <a:lnTo>
                      <a:pt x="895" y="4010"/>
                    </a:lnTo>
                    <a:lnTo>
                      <a:pt x="908" y="4005"/>
                    </a:lnTo>
                    <a:lnTo>
                      <a:pt x="921" y="3999"/>
                    </a:lnTo>
                    <a:lnTo>
                      <a:pt x="932" y="3992"/>
                    </a:lnTo>
                    <a:lnTo>
                      <a:pt x="945" y="3986"/>
                    </a:lnTo>
                    <a:lnTo>
                      <a:pt x="958" y="3982"/>
                    </a:lnTo>
                    <a:lnTo>
                      <a:pt x="965" y="3981"/>
                    </a:lnTo>
                    <a:lnTo>
                      <a:pt x="973" y="3979"/>
                    </a:lnTo>
                    <a:lnTo>
                      <a:pt x="979" y="3979"/>
                    </a:lnTo>
                    <a:lnTo>
                      <a:pt x="986" y="3979"/>
                    </a:lnTo>
                    <a:lnTo>
                      <a:pt x="1004" y="3982"/>
                    </a:lnTo>
                    <a:lnTo>
                      <a:pt x="1019" y="3982"/>
                    </a:lnTo>
                    <a:lnTo>
                      <a:pt x="1034" y="3981"/>
                    </a:lnTo>
                    <a:lnTo>
                      <a:pt x="1048" y="3977"/>
                    </a:lnTo>
                    <a:lnTo>
                      <a:pt x="1062" y="3973"/>
                    </a:lnTo>
                    <a:lnTo>
                      <a:pt x="1075" y="3966"/>
                    </a:lnTo>
                    <a:lnTo>
                      <a:pt x="1089" y="3959"/>
                    </a:lnTo>
                    <a:lnTo>
                      <a:pt x="1105" y="3950"/>
                    </a:lnTo>
                    <a:lnTo>
                      <a:pt x="1124" y="3937"/>
                    </a:lnTo>
                    <a:lnTo>
                      <a:pt x="1144" y="3924"/>
                    </a:lnTo>
                    <a:lnTo>
                      <a:pt x="1154" y="3918"/>
                    </a:lnTo>
                    <a:lnTo>
                      <a:pt x="1164" y="3913"/>
                    </a:lnTo>
                    <a:lnTo>
                      <a:pt x="1176" y="3911"/>
                    </a:lnTo>
                    <a:lnTo>
                      <a:pt x="1188" y="3909"/>
                    </a:lnTo>
                    <a:lnTo>
                      <a:pt x="1186" y="3915"/>
                    </a:lnTo>
                    <a:lnTo>
                      <a:pt x="1184" y="3920"/>
                    </a:lnTo>
                    <a:lnTo>
                      <a:pt x="1179" y="3926"/>
                    </a:lnTo>
                    <a:lnTo>
                      <a:pt x="1173" y="3933"/>
                    </a:lnTo>
                    <a:lnTo>
                      <a:pt x="1159" y="3948"/>
                    </a:lnTo>
                    <a:lnTo>
                      <a:pt x="1142" y="3962"/>
                    </a:lnTo>
                    <a:lnTo>
                      <a:pt x="1124" y="3978"/>
                    </a:lnTo>
                    <a:lnTo>
                      <a:pt x="1106" y="3990"/>
                    </a:lnTo>
                    <a:lnTo>
                      <a:pt x="1092" y="4000"/>
                    </a:lnTo>
                    <a:lnTo>
                      <a:pt x="1081" y="4005"/>
                    </a:lnTo>
                    <a:lnTo>
                      <a:pt x="1053" y="4019"/>
                    </a:lnTo>
                    <a:lnTo>
                      <a:pt x="1026" y="4034"/>
                    </a:lnTo>
                    <a:lnTo>
                      <a:pt x="1013" y="4040"/>
                    </a:lnTo>
                    <a:lnTo>
                      <a:pt x="999" y="4047"/>
                    </a:lnTo>
                    <a:lnTo>
                      <a:pt x="983" y="4052"/>
                    </a:lnTo>
                    <a:lnTo>
                      <a:pt x="967" y="4057"/>
                    </a:lnTo>
                    <a:lnTo>
                      <a:pt x="954" y="4060"/>
                    </a:lnTo>
                    <a:lnTo>
                      <a:pt x="936" y="4062"/>
                    </a:lnTo>
                    <a:lnTo>
                      <a:pt x="927" y="4065"/>
                    </a:lnTo>
                    <a:lnTo>
                      <a:pt x="920" y="4067"/>
                    </a:lnTo>
                    <a:lnTo>
                      <a:pt x="913" y="4070"/>
                    </a:lnTo>
                    <a:lnTo>
                      <a:pt x="910" y="4074"/>
                    </a:lnTo>
                    <a:lnTo>
                      <a:pt x="908" y="4080"/>
                    </a:lnTo>
                    <a:lnTo>
                      <a:pt x="908" y="4087"/>
                    </a:lnTo>
                    <a:lnTo>
                      <a:pt x="909" y="4095"/>
                    </a:lnTo>
                    <a:lnTo>
                      <a:pt x="909" y="4102"/>
                    </a:lnTo>
                    <a:lnTo>
                      <a:pt x="909" y="4109"/>
                    </a:lnTo>
                    <a:lnTo>
                      <a:pt x="908" y="4115"/>
                    </a:lnTo>
                    <a:lnTo>
                      <a:pt x="907" y="4119"/>
                    </a:lnTo>
                    <a:lnTo>
                      <a:pt x="905" y="4122"/>
                    </a:lnTo>
                    <a:lnTo>
                      <a:pt x="903" y="4123"/>
                    </a:lnTo>
                    <a:lnTo>
                      <a:pt x="899" y="4124"/>
                    </a:lnTo>
                    <a:lnTo>
                      <a:pt x="895" y="4126"/>
                    </a:lnTo>
                    <a:lnTo>
                      <a:pt x="891" y="4126"/>
                    </a:lnTo>
                    <a:lnTo>
                      <a:pt x="885" y="4126"/>
                    </a:lnTo>
                    <a:lnTo>
                      <a:pt x="879" y="4124"/>
                    </a:lnTo>
                    <a:lnTo>
                      <a:pt x="865" y="4121"/>
                    </a:lnTo>
                    <a:lnTo>
                      <a:pt x="851" y="4114"/>
                    </a:lnTo>
                    <a:lnTo>
                      <a:pt x="822" y="4102"/>
                    </a:lnTo>
                    <a:lnTo>
                      <a:pt x="803" y="4092"/>
                    </a:lnTo>
                    <a:lnTo>
                      <a:pt x="783" y="4082"/>
                    </a:lnTo>
                    <a:lnTo>
                      <a:pt x="764" y="4074"/>
                    </a:lnTo>
                    <a:lnTo>
                      <a:pt x="745" y="4067"/>
                    </a:lnTo>
                    <a:lnTo>
                      <a:pt x="725" y="4061"/>
                    </a:lnTo>
                    <a:lnTo>
                      <a:pt x="685" y="4049"/>
                    </a:lnTo>
                    <a:lnTo>
                      <a:pt x="645" y="4036"/>
                    </a:lnTo>
                    <a:lnTo>
                      <a:pt x="623" y="4038"/>
                    </a:lnTo>
                    <a:lnTo>
                      <a:pt x="600" y="4035"/>
                    </a:lnTo>
                    <a:lnTo>
                      <a:pt x="588" y="4035"/>
                    </a:lnTo>
                    <a:lnTo>
                      <a:pt x="576" y="4034"/>
                    </a:lnTo>
                    <a:lnTo>
                      <a:pt x="565" y="4035"/>
                    </a:lnTo>
                    <a:lnTo>
                      <a:pt x="553" y="4036"/>
                    </a:lnTo>
                    <a:lnTo>
                      <a:pt x="549" y="4038"/>
                    </a:lnTo>
                    <a:lnTo>
                      <a:pt x="546" y="4039"/>
                    </a:lnTo>
                    <a:lnTo>
                      <a:pt x="544" y="4042"/>
                    </a:lnTo>
                    <a:lnTo>
                      <a:pt x="544" y="4043"/>
                    </a:lnTo>
                    <a:lnTo>
                      <a:pt x="545" y="4048"/>
                    </a:lnTo>
                    <a:lnTo>
                      <a:pt x="550" y="4054"/>
                    </a:lnTo>
                    <a:lnTo>
                      <a:pt x="555" y="4061"/>
                    </a:lnTo>
                    <a:lnTo>
                      <a:pt x="559" y="4067"/>
                    </a:lnTo>
                    <a:lnTo>
                      <a:pt x="562" y="4071"/>
                    </a:lnTo>
                    <a:lnTo>
                      <a:pt x="563" y="4075"/>
                    </a:lnTo>
                    <a:lnTo>
                      <a:pt x="563" y="4078"/>
                    </a:lnTo>
                    <a:lnTo>
                      <a:pt x="562" y="4082"/>
                    </a:lnTo>
                    <a:lnTo>
                      <a:pt x="546" y="4079"/>
                    </a:lnTo>
                    <a:lnTo>
                      <a:pt x="533" y="4076"/>
                    </a:lnTo>
                    <a:lnTo>
                      <a:pt x="521" y="4075"/>
                    </a:lnTo>
                    <a:lnTo>
                      <a:pt x="510" y="4076"/>
                    </a:lnTo>
                    <a:lnTo>
                      <a:pt x="500" y="4078"/>
                    </a:lnTo>
                    <a:lnTo>
                      <a:pt x="491" y="4080"/>
                    </a:lnTo>
                    <a:lnTo>
                      <a:pt x="483" y="4084"/>
                    </a:lnTo>
                    <a:lnTo>
                      <a:pt x="475" y="4089"/>
                    </a:lnTo>
                    <a:lnTo>
                      <a:pt x="444" y="4117"/>
                    </a:lnTo>
                    <a:lnTo>
                      <a:pt x="403" y="4153"/>
                    </a:lnTo>
                    <a:lnTo>
                      <a:pt x="383" y="4166"/>
                    </a:lnTo>
                    <a:lnTo>
                      <a:pt x="361" y="4179"/>
                    </a:lnTo>
                    <a:lnTo>
                      <a:pt x="339" y="4190"/>
                    </a:lnTo>
                    <a:lnTo>
                      <a:pt x="316" y="4201"/>
                    </a:lnTo>
                    <a:lnTo>
                      <a:pt x="268" y="4222"/>
                    </a:lnTo>
                    <a:lnTo>
                      <a:pt x="223" y="4241"/>
                    </a:lnTo>
                    <a:lnTo>
                      <a:pt x="210" y="4249"/>
                    </a:lnTo>
                    <a:lnTo>
                      <a:pt x="198" y="4257"/>
                    </a:lnTo>
                    <a:lnTo>
                      <a:pt x="186" y="4266"/>
                    </a:lnTo>
                    <a:lnTo>
                      <a:pt x="176" y="4276"/>
                    </a:lnTo>
                    <a:lnTo>
                      <a:pt x="164" y="4285"/>
                    </a:lnTo>
                    <a:lnTo>
                      <a:pt x="153" y="4294"/>
                    </a:lnTo>
                    <a:lnTo>
                      <a:pt x="141" y="4302"/>
                    </a:lnTo>
                    <a:lnTo>
                      <a:pt x="128" y="4308"/>
                    </a:lnTo>
                    <a:lnTo>
                      <a:pt x="120" y="4311"/>
                    </a:lnTo>
                    <a:lnTo>
                      <a:pt x="112" y="4312"/>
                    </a:lnTo>
                    <a:lnTo>
                      <a:pt x="103" y="4312"/>
                    </a:lnTo>
                    <a:lnTo>
                      <a:pt x="94" y="4312"/>
                    </a:lnTo>
                    <a:lnTo>
                      <a:pt x="75" y="4312"/>
                    </a:lnTo>
                    <a:lnTo>
                      <a:pt x="55" y="4312"/>
                    </a:lnTo>
                    <a:lnTo>
                      <a:pt x="46" y="4312"/>
                    </a:lnTo>
                    <a:lnTo>
                      <a:pt x="39" y="4314"/>
                    </a:lnTo>
                    <a:lnTo>
                      <a:pt x="30" y="4316"/>
                    </a:lnTo>
                    <a:lnTo>
                      <a:pt x="22" y="4320"/>
                    </a:lnTo>
                    <a:lnTo>
                      <a:pt x="15" y="4325"/>
                    </a:lnTo>
                    <a:lnTo>
                      <a:pt x="9" y="4332"/>
                    </a:lnTo>
                    <a:lnTo>
                      <a:pt x="4" y="4339"/>
                    </a:lnTo>
                    <a:lnTo>
                      <a:pt x="0" y="4350"/>
                    </a:lnTo>
                    <a:lnTo>
                      <a:pt x="0" y="4354"/>
                    </a:lnTo>
                    <a:lnTo>
                      <a:pt x="0" y="4356"/>
                    </a:lnTo>
                    <a:lnTo>
                      <a:pt x="2" y="4358"/>
                    </a:lnTo>
                    <a:lnTo>
                      <a:pt x="5" y="4359"/>
                    </a:lnTo>
                    <a:lnTo>
                      <a:pt x="14" y="4359"/>
                    </a:lnTo>
                    <a:lnTo>
                      <a:pt x="24" y="4358"/>
                    </a:lnTo>
                    <a:lnTo>
                      <a:pt x="37" y="4356"/>
                    </a:lnTo>
                    <a:lnTo>
                      <a:pt x="49" y="4355"/>
                    </a:lnTo>
                    <a:lnTo>
                      <a:pt x="54" y="4355"/>
                    </a:lnTo>
                    <a:lnTo>
                      <a:pt x="59" y="4356"/>
                    </a:lnTo>
                    <a:lnTo>
                      <a:pt x="63" y="4358"/>
                    </a:lnTo>
                    <a:lnTo>
                      <a:pt x="67" y="4360"/>
                    </a:lnTo>
                    <a:lnTo>
                      <a:pt x="71" y="4365"/>
                    </a:lnTo>
                    <a:lnTo>
                      <a:pt x="72" y="4373"/>
                    </a:lnTo>
                    <a:lnTo>
                      <a:pt x="74" y="4382"/>
                    </a:lnTo>
                    <a:lnTo>
                      <a:pt x="74" y="4391"/>
                    </a:lnTo>
                    <a:lnTo>
                      <a:pt x="74" y="4400"/>
                    </a:lnTo>
                    <a:lnTo>
                      <a:pt x="74" y="4408"/>
                    </a:lnTo>
                    <a:lnTo>
                      <a:pt x="75" y="4413"/>
                    </a:lnTo>
                    <a:lnTo>
                      <a:pt x="76" y="4416"/>
                    </a:lnTo>
                    <a:lnTo>
                      <a:pt x="77" y="4418"/>
                    </a:lnTo>
                    <a:lnTo>
                      <a:pt x="79" y="4420"/>
                    </a:lnTo>
                    <a:lnTo>
                      <a:pt x="85" y="4421"/>
                    </a:lnTo>
                    <a:lnTo>
                      <a:pt x="93" y="4420"/>
                    </a:lnTo>
                    <a:lnTo>
                      <a:pt x="98" y="4418"/>
                    </a:lnTo>
                    <a:lnTo>
                      <a:pt x="105" y="4416"/>
                    </a:lnTo>
                    <a:lnTo>
                      <a:pt x="115" y="4408"/>
                    </a:lnTo>
                    <a:lnTo>
                      <a:pt x="124" y="4399"/>
                    </a:lnTo>
                    <a:lnTo>
                      <a:pt x="134" y="4389"/>
                    </a:lnTo>
                    <a:lnTo>
                      <a:pt x="145" y="4377"/>
                    </a:lnTo>
                    <a:lnTo>
                      <a:pt x="156" y="4367"/>
                    </a:lnTo>
                    <a:lnTo>
                      <a:pt x="171" y="4356"/>
                    </a:lnTo>
                    <a:lnTo>
                      <a:pt x="182" y="4351"/>
                    </a:lnTo>
                    <a:lnTo>
                      <a:pt x="189" y="4350"/>
                    </a:lnTo>
                    <a:lnTo>
                      <a:pt x="191" y="4351"/>
                    </a:lnTo>
                    <a:lnTo>
                      <a:pt x="193" y="4352"/>
                    </a:lnTo>
                    <a:lnTo>
                      <a:pt x="195" y="4354"/>
                    </a:lnTo>
                    <a:lnTo>
                      <a:pt x="195" y="4356"/>
                    </a:lnTo>
                    <a:lnTo>
                      <a:pt x="197" y="4363"/>
                    </a:lnTo>
                    <a:lnTo>
                      <a:pt x="198" y="4369"/>
                    </a:lnTo>
                    <a:lnTo>
                      <a:pt x="201" y="4376"/>
                    </a:lnTo>
                    <a:lnTo>
                      <a:pt x="204" y="4382"/>
                    </a:lnTo>
                    <a:lnTo>
                      <a:pt x="208" y="4386"/>
                    </a:lnTo>
                    <a:lnTo>
                      <a:pt x="212" y="4387"/>
                    </a:lnTo>
                    <a:lnTo>
                      <a:pt x="219" y="4389"/>
                    </a:lnTo>
                    <a:lnTo>
                      <a:pt x="225" y="4387"/>
                    </a:lnTo>
                    <a:lnTo>
                      <a:pt x="239" y="4384"/>
                    </a:lnTo>
                    <a:lnTo>
                      <a:pt x="256" y="4378"/>
                    </a:lnTo>
                    <a:lnTo>
                      <a:pt x="274" y="4372"/>
                    </a:lnTo>
                    <a:lnTo>
                      <a:pt x="292" y="4368"/>
                    </a:lnTo>
                    <a:lnTo>
                      <a:pt x="302" y="4368"/>
                    </a:lnTo>
                    <a:lnTo>
                      <a:pt x="311" y="4369"/>
                    </a:lnTo>
                    <a:lnTo>
                      <a:pt x="318" y="4371"/>
                    </a:lnTo>
                    <a:lnTo>
                      <a:pt x="326" y="4374"/>
                    </a:lnTo>
                    <a:lnTo>
                      <a:pt x="334" y="4378"/>
                    </a:lnTo>
                    <a:lnTo>
                      <a:pt x="340" y="4381"/>
                    </a:lnTo>
                    <a:lnTo>
                      <a:pt x="347" y="4382"/>
                    </a:lnTo>
                    <a:lnTo>
                      <a:pt x="352" y="4384"/>
                    </a:lnTo>
                    <a:lnTo>
                      <a:pt x="362" y="4384"/>
                    </a:lnTo>
                    <a:lnTo>
                      <a:pt x="373" y="4382"/>
                    </a:lnTo>
                    <a:lnTo>
                      <a:pt x="377" y="4384"/>
                    </a:lnTo>
                    <a:lnTo>
                      <a:pt x="382" y="4384"/>
                    </a:lnTo>
                    <a:lnTo>
                      <a:pt x="387" y="4385"/>
                    </a:lnTo>
                    <a:lnTo>
                      <a:pt x="392" y="4389"/>
                    </a:lnTo>
                    <a:lnTo>
                      <a:pt x="397" y="4393"/>
                    </a:lnTo>
                    <a:lnTo>
                      <a:pt x="403" y="4398"/>
                    </a:lnTo>
                    <a:lnTo>
                      <a:pt x="409" y="4406"/>
                    </a:lnTo>
                    <a:lnTo>
                      <a:pt x="416" y="4415"/>
                    </a:lnTo>
                    <a:lnTo>
                      <a:pt x="419" y="4417"/>
                    </a:lnTo>
                    <a:lnTo>
                      <a:pt x="422" y="4420"/>
                    </a:lnTo>
                    <a:lnTo>
                      <a:pt x="425" y="4418"/>
                    </a:lnTo>
                    <a:lnTo>
                      <a:pt x="429" y="4417"/>
                    </a:lnTo>
                    <a:lnTo>
                      <a:pt x="434" y="4412"/>
                    </a:lnTo>
                    <a:lnTo>
                      <a:pt x="439" y="4403"/>
                    </a:lnTo>
                    <a:lnTo>
                      <a:pt x="443" y="4395"/>
                    </a:lnTo>
                    <a:lnTo>
                      <a:pt x="447" y="4389"/>
                    </a:lnTo>
                    <a:lnTo>
                      <a:pt x="448" y="4387"/>
                    </a:lnTo>
                    <a:lnTo>
                      <a:pt x="449" y="4387"/>
                    </a:lnTo>
                    <a:lnTo>
                      <a:pt x="449" y="4389"/>
                    </a:lnTo>
                    <a:lnTo>
                      <a:pt x="449" y="4391"/>
                    </a:lnTo>
                    <a:lnTo>
                      <a:pt x="451" y="4403"/>
                    </a:lnTo>
                    <a:lnTo>
                      <a:pt x="452" y="4412"/>
                    </a:lnTo>
                    <a:lnTo>
                      <a:pt x="456" y="4421"/>
                    </a:lnTo>
                    <a:lnTo>
                      <a:pt x="460" y="4429"/>
                    </a:lnTo>
                    <a:lnTo>
                      <a:pt x="465" y="4434"/>
                    </a:lnTo>
                    <a:lnTo>
                      <a:pt x="470" y="4441"/>
                    </a:lnTo>
                    <a:lnTo>
                      <a:pt x="476" y="4444"/>
                    </a:lnTo>
                    <a:lnTo>
                      <a:pt x="484" y="4450"/>
                    </a:lnTo>
                    <a:lnTo>
                      <a:pt x="517" y="4464"/>
                    </a:lnTo>
                    <a:lnTo>
                      <a:pt x="550" y="4482"/>
                    </a:lnTo>
                    <a:lnTo>
                      <a:pt x="555" y="4485"/>
                    </a:lnTo>
                    <a:lnTo>
                      <a:pt x="561" y="4486"/>
                    </a:lnTo>
                    <a:lnTo>
                      <a:pt x="566" y="4487"/>
                    </a:lnTo>
                    <a:lnTo>
                      <a:pt x="571" y="4487"/>
                    </a:lnTo>
                    <a:lnTo>
                      <a:pt x="576" y="4486"/>
                    </a:lnTo>
                    <a:lnTo>
                      <a:pt x="583" y="4483"/>
                    </a:lnTo>
                    <a:lnTo>
                      <a:pt x="588" y="4481"/>
                    </a:lnTo>
                    <a:lnTo>
                      <a:pt x="593" y="4477"/>
                    </a:lnTo>
                    <a:lnTo>
                      <a:pt x="603" y="4466"/>
                    </a:lnTo>
                    <a:lnTo>
                      <a:pt x="615" y="4455"/>
                    </a:lnTo>
                    <a:lnTo>
                      <a:pt x="625" y="4441"/>
                    </a:lnTo>
                    <a:lnTo>
                      <a:pt x="635" y="4426"/>
                    </a:lnTo>
                    <a:lnTo>
                      <a:pt x="654" y="4394"/>
                    </a:lnTo>
                    <a:lnTo>
                      <a:pt x="671" y="4363"/>
                    </a:lnTo>
                    <a:lnTo>
                      <a:pt x="684" y="4337"/>
                    </a:lnTo>
                    <a:lnTo>
                      <a:pt x="695" y="4321"/>
                    </a:lnTo>
                    <a:lnTo>
                      <a:pt x="698" y="4319"/>
                    </a:lnTo>
                    <a:lnTo>
                      <a:pt x="701" y="4317"/>
                    </a:lnTo>
                    <a:lnTo>
                      <a:pt x="703" y="4316"/>
                    </a:lnTo>
                    <a:lnTo>
                      <a:pt x="706" y="4316"/>
                    </a:lnTo>
                    <a:lnTo>
                      <a:pt x="710" y="4319"/>
                    </a:lnTo>
                    <a:lnTo>
                      <a:pt x="715" y="4323"/>
                    </a:lnTo>
                    <a:lnTo>
                      <a:pt x="719" y="4328"/>
                    </a:lnTo>
                    <a:lnTo>
                      <a:pt x="724" y="4333"/>
                    </a:lnTo>
                    <a:lnTo>
                      <a:pt x="729" y="4337"/>
                    </a:lnTo>
                    <a:lnTo>
                      <a:pt x="734" y="4339"/>
                    </a:lnTo>
                    <a:lnTo>
                      <a:pt x="746" y="4341"/>
                    </a:lnTo>
                    <a:lnTo>
                      <a:pt x="759" y="4339"/>
                    </a:lnTo>
                    <a:lnTo>
                      <a:pt x="765" y="4339"/>
                    </a:lnTo>
                    <a:lnTo>
                      <a:pt x="771" y="4339"/>
                    </a:lnTo>
                    <a:lnTo>
                      <a:pt x="777" y="4341"/>
                    </a:lnTo>
                    <a:lnTo>
                      <a:pt x="782" y="4342"/>
                    </a:lnTo>
                    <a:lnTo>
                      <a:pt x="790" y="4347"/>
                    </a:lnTo>
                    <a:lnTo>
                      <a:pt x="795" y="4352"/>
                    </a:lnTo>
                    <a:lnTo>
                      <a:pt x="796" y="4356"/>
                    </a:lnTo>
                    <a:lnTo>
                      <a:pt x="799" y="4360"/>
                    </a:lnTo>
                    <a:lnTo>
                      <a:pt x="802" y="4363"/>
                    </a:lnTo>
                    <a:lnTo>
                      <a:pt x="808" y="4364"/>
                    </a:lnTo>
                    <a:lnTo>
                      <a:pt x="818" y="4365"/>
                    </a:lnTo>
                    <a:lnTo>
                      <a:pt x="837" y="4367"/>
                    </a:lnTo>
                    <a:lnTo>
                      <a:pt x="847" y="4367"/>
                    </a:lnTo>
                    <a:lnTo>
                      <a:pt x="857" y="4368"/>
                    </a:lnTo>
                    <a:lnTo>
                      <a:pt x="868" y="4371"/>
                    </a:lnTo>
                    <a:lnTo>
                      <a:pt x="878" y="4374"/>
                    </a:lnTo>
                    <a:lnTo>
                      <a:pt x="888" y="4378"/>
                    </a:lnTo>
                    <a:lnTo>
                      <a:pt x="899" y="4384"/>
                    </a:lnTo>
                    <a:lnTo>
                      <a:pt x="908" y="4389"/>
                    </a:lnTo>
                    <a:lnTo>
                      <a:pt x="916" y="4395"/>
                    </a:lnTo>
                    <a:lnTo>
                      <a:pt x="925" y="4420"/>
                    </a:lnTo>
                    <a:lnTo>
                      <a:pt x="934" y="4446"/>
                    </a:lnTo>
                    <a:lnTo>
                      <a:pt x="936" y="4451"/>
                    </a:lnTo>
                    <a:lnTo>
                      <a:pt x="939" y="4456"/>
                    </a:lnTo>
                    <a:lnTo>
                      <a:pt x="943" y="4460"/>
                    </a:lnTo>
                    <a:lnTo>
                      <a:pt x="947" y="4463"/>
                    </a:lnTo>
                    <a:lnTo>
                      <a:pt x="951" y="4465"/>
                    </a:lnTo>
                    <a:lnTo>
                      <a:pt x="956" y="4466"/>
                    </a:lnTo>
                    <a:lnTo>
                      <a:pt x="961" y="4466"/>
                    </a:lnTo>
                    <a:lnTo>
                      <a:pt x="967" y="4465"/>
                    </a:lnTo>
                    <a:lnTo>
                      <a:pt x="980" y="4461"/>
                    </a:lnTo>
                    <a:lnTo>
                      <a:pt x="992" y="4460"/>
                    </a:lnTo>
                    <a:lnTo>
                      <a:pt x="1004" y="4460"/>
                    </a:lnTo>
                    <a:lnTo>
                      <a:pt x="1014" y="4461"/>
                    </a:lnTo>
                    <a:lnTo>
                      <a:pt x="1024" y="4463"/>
                    </a:lnTo>
                    <a:lnTo>
                      <a:pt x="1034" y="4466"/>
                    </a:lnTo>
                    <a:lnTo>
                      <a:pt x="1044" y="4469"/>
                    </a:lnTo>
                    <a:lnTo>
                      <a:pt x="1053" y="4474"/>
                    </a:lnTo>
                    <a:lnTo>
                      <a:pt x="1071" y="4482"/>
                    </a:lnTo>
                    <a:lnTo>
                      <a:pt x="1089" y="4491"/>
                    </a:lnTo>
                    <a:lnTo>
                      <a:pt x="1098" y="4495"/>
                    </a:lnTo>
                    <a:lnTo>
                      <a:pt x="1107" y="4497"/>
                    </a:lnTo>
                    <a:lnTo>
                      <a:pt x="1118" y="4499"/>
                    </a:lnTo>
                    <a:lnTo>
                      <a:pt x="1128" y="4500"/>
                    </a:lnTo>
                    <a:lnTo>
                      <a:pt x="1133" y="4500"/>
                    </a:lnTo>
                    <a:lnTo>
                      <a:pt x="1136" y="4499"/>
                    </a:lnTo>
                    <a:lnTo>
                      <a:pt x="1137" y="4495"/>
                    </a:lnTo>
                    <a:lnTo>
                      <a:pt x="1137" y="4491"/>
                    </a:lnTo>
                    <a:lnTo>
                      <a:pt x="1133" y="4481"/>
                    </a:lnTo>
                    <a:lnTo>
                      <a:pt x="1125" y="4469"/>
                    </a:lnTo>
                    <a:lnTo>
                      <a:pt x="1106" y="4443"/>
                    </a:lnTo>
                    <a:lnTo>
                      <a:pt x="1093" y="4426"/>
                    </a:lnTo>
                    <a:lnTo>
                      <a:pt x="1092" y="4420"/>
                    </a:lnTo>
                    <a:lnTo>
                      <a:pt x="1092" y="4415"/>
                    </a:lnTo>
                    <a:lnTo>
                      <a:pt x="1093" y="4412"/>
                    </a:lnTo>
                    <a:lnTo>
                      <a:pt x="1096" y="4409"/>
                    </a:lnTo>
                    <a:lnTo>
                      <a:pt x="1098" y="4409"/>
                    </a:lnTo>
                    <a:lnTo>
                      <a:pt x="1103" y="4411"/>
                    </a:lnTo>
                    <a:lnTo>
                      <a:pt x="1109" y="4412"/>
                    </a:lnTo>
                    <a:lnTo>
                      <a:pt x="1115" y="4415"/>
                    </a:lnTo>
                    <a:lnTo>
                      <a:pt x="1140" y="4429"/>
                    </a:lnTo>
                    <a:lnTo>
                      <a:pt x="1157" y="4439"/>
                    </a:lnTo>
                    <a:lnTo>
                      <a:pt x="1166" y="4444"/>
                    </a:lnTo>
                    <a:lnTo>
                      <a:pt x="1175" y="4448"/>
                    </a:lnTo>
                    <a:lnTo>
                      <a:pt x="1184" y="4450"/>
                    </a:lnTo>
                    <a:lnTo>
                      <a:pt x="1192" y="4451"/>
                    </a:lnTo>
                    <a:lnTo>
                      <a:pt x="1199" y="4451"/>
                    </a:lnTo>
                    <a:lnTo>
                      <a:pt x="1207" y="4450"/>
                    </a:lnTo>
                    <a:lnTo>
                      <a:pt x="1215" y="4448"/>
                    </a:lnTo>
                    <a:lnTo>
                      <a:pt x="1221" y="4446"/>
                    </a:lnTo>
                    <a:lnTo>
                      <a:pt x="1236" y="4441"/>
                    </a:lnTo>
                    <a:lnTo>
                      <a:pt x="1249" y="4437"/>
                    </a:lnTo>
                    <a:lnTo>
                      <a:pt x="1255" y="4434"/>
                    </a:lnTo>
                    <a:lnTo>
                      <a:pt x="1262" y="4434"/>
                    </a:lnTo>
                    <a:lnTo>
                      <a:pt x="1268" y="4434"/>
                    </a:lnTo>
                    <a:lnTo>
                      <a:pt x="1274" y="4435"/>
                    </a:lnTo>
                    <a:lnTo>
                      <a:pt x="1287" y="4438"/>
                    </a:lnTo>
                    <a:lnTo>
                      <a:pt x="1297" y="4438"/>
                    </a:lnTo>
                    <a:lnTo>
                      <a:pt x="1304" y="4438"/>
                    </a:lnTo>
                    <a:lnTo>
                      <a:pt x="1308" y="4435"/>
                    </a:lnTo>
                    <a:lnTo>
                      <a:pt x="1312" y="4431"/>
                    </a:lnTo>
                    <a:lnTo>
                      <a:pt x="1315" y="4428"/>
                    </a:lnTo>
                    <a:lnTo>
                      <a:pt x="1315" y="4422"/>
                    </a:lnTo>
                    <a:lnTo>
                      <a:pt x="1315" y="4417"/>
                    </a:lnTo>
                    <a:lnTo>
                      <a:pt x="1313" y="4406"/>
                    </a:lnTo>
                    <a:lnTo>
                      <a:pt x="1313" y="4395"/>
                    </a:lnTo>
                    <a:lnTo>
                      <a:pt x="1313" y="4391"/>
                    </a:lnTo>
                    <a:lnTo>
                      <a:pt x="1315" y="4389"/>
                    </a:lnTo>
                    <a:lnTo>
                      <a:pt x="1319" y="4386"/>
                    </a:lnTo>
                    <a:lnTo>
                      <a:pt x="1322" y="4385"/>
                    </a:lnTo>
                    <a:lnTo>
                      <a:pt x="1325" y="4387"/>
                    </a:lnTo>
                    <a:lnTo>
                      <a:pt x="1325" y="4394"/>
                    </a:lnTo>
                    <a:lnTo>
                      <a:pt x="1326" y="4400"/>
                    </a:lnTo>
                    <a:lnTo>
                      <a:pt x="1329" y="4406"/>
                    </a:lnTo>
                    <a:lnTo>
                      <a:pt x="1333" y="4411"/>
                    </a:lnTo>
                    <a:lnTo>
                      <a:pt x="1337" y="4416"/>
                    </a:lnTo>
                    <a:lnTo>
                      <a:pt x="1342" y="4420"/>
                    </a:lnTo>
                    <a:lnTo>
                      <a:pt x="1347" y="4424"/>
                    </a:lnTo>
                    <a:lnTo>
                      <a:pt x="1354" y="4426"/>
                    </a:lnTo>
                    <a:lnTo>
                      <a:pt x="1366" y="4431"/>
                    </a:lnTo>
                    <a:lnTo>
                      <a:pt x="1382" y="4435"/>
                    </a:lnTo>
                    <a:lnTo>
                      <a:pt x="1399" y="4438"/>
                    </a:lnTo>
                    <a:lnTo>
                      <a:pt x="1416" y="4441"/>
                    </a:lnTo>
                    <a:lnTo>
                      <a:pt x="1448" y="4444"/>
                    </a:lnTo>
                    <a:lnTo>
                      <a:pt x="1478" y="4450"/>
                    </a:lnTo>
                    <a:lnTo>
                      <a:pt x="1490" y="4453"/>
                    </a:lnTo>
                    <a:lnTo>
                      <a:pt x="1499" y="4460"/>
                    </a:lnTo>
                    <a:lnTo>
                      <a:pt x="1501" y="4463"/>
                    </a:lnTo>
                    <a:lnTo>
                      <a:pt x="1504" y="4466"/>
                    </a:lnTo>
                    <a:lnTo>
                      <a:pt x="1505" y="4472"/>
                    </a:lnTo>
                    <a:lnTo>
                      <a:pt x="1506" y="4477"/>
                    </a:lnTo>
                    <a:lnTo>
                      <a:pt x="1490" y="4483"/>
                    </a:lnTo>
                    <a:lnTo>
                      <a:pt x="1474" y="4486"/>
                    </a:lnTo>
                    <a:lnTo>
                      <a:pt x="1469" y="4488"/>
                    </a:lnTo>
                    <a:lnTo>
                      <a:pt x="1465" y="4492"/>
                    </a:lnTo>
                    <a:lnTo>
                      <a:pt x="1464" y="4496"/>
                    </a:lnTo>
                    <a:lnTo>
                      <a:pt x="1464" y="4499"/>
                    </a:lnTo>
                    <a:lnTo>
                      <a:pt x="1464" y="4504"/>
                    </a:lnTo>
                    <a:lnTo>
                      <a:pt x="1465" y="4509"/>
                    </a:lnTo>
                    <a:lnTo>
                      <a:pt x="1468" y="4516"/>
                    </a:lnTo>
                    <a:lnTo>
                      <a:pt x="1471" y="4521"/>
                    </a:lnTo>
                    <a:lnTo>
                      <a:pt x="1477" y="4525"/>
                    </a:lnTo>
                    <a:lnTo>
                      <a:pt x="1483" y="4527"/>
                    </a:lnTo>
                    <a:lnTo>
                      <a:pt x="1491" y="4529"/>
                    </a:lnTo>
                    <a:lnTo>
                      <a:pt x="1499" y="4529"/>
                    </a:lnTo>
                    <a:lnTo>
                      <a:pt x="1508" y="4527"/>
                    </a:lnTo>
                    <a:lnTo>
                      <a:pt x="1518" y="4526"/>
                    </a:lnTo>
                    <a:lnTo>
                      <a:pt x="1537" y="4523"/>
                    </a:lnTo>
                    <a:lnTo>
                      <a:pt x="1558" y="4521"/>
                    </a:lnTo>
                    <a:lnTo>
                      <a:pt x="1569" y="4520"/>
                    </a:lnTo>
                    <a:lnTo>
                      <a:pt x="1579" y="4520"/>
                    </a:lnTo>
                    <a:lnTo>
                      <a:pt x="1588" y="4521"/>
                    </a:lnTo>
                    <a:lnTo>
                      <a:pt x="1597" y="4523"/>
                    </a:lnTo>
                    <a:lnTo>
                      <a:pt x="1606" y="4526"/>
                    </a:lnTo>
                    <a:lnTo>
                      <a:pt x="1616" y="4527"/>
                    </a:lnTo>
                    <a:lnTo>
                      <a:pt x="1627" y="4527"/>
                    </a:lnTo>
                    <a:lnTo>
                      <a:pt x="1639" y="4526"/>
                    </a:lnTo>
                    <a:lnTo>
                      <a:pt x="1648" y="4527"/>
                    </a:lnTo>
                    <a:lnTo>
                      <a:pt x="1657" y="4530"/>
                    </a:lnTo>
                    <a:lnTo>
                      <a:pt x="1661" y="4531"/>
                    </a:lnTo>
                    <a:lnTo>
                      <a:pt x="1664" y="4534"/>
                    </a:lnTo>
                    <a:lnTo>
                      <a:pt x="1668" y="4538"/>
                    </a:lnTo>
                    <a:lnTo>
                      <a:pt x="1671" y="4542"/>
                    </a:lnTo>
                    <a:lnTo>
                      <a:pt x="1680" y="4558"/>
                    </a:lnTo>
                    <a:lnTo>
                      <a:pt x="1692" y="4577"/>
                    </a:lnTo>
                    <a:lnTo>
                      <a:pt x="1698" y="4584"/>
                    </a:lnTo>
                    <a:lnTo>
                      <a:pt x="1706" y="4591"/>
                    </a:lnTo>
                    <a:lnTo>
                      <a:pt x="1714" y="4596"/>
                    </a:lnTo>
                    <a:lnTo>
                      <a:pt x="1721" y="4597"/>
                    </a:lnTo>
                    <a:lnTo>
                      <a:pt x="1728" y="4600"/>
                    </a:lnTo>
                    <a:lnTo>
                      <a:pt x="1734" y="4602"/>
                    </a:lnTo>
                    <a:lnTo>
                      <a:pt x="1742" y="4602"/>
                    </a:lnTo>
                    <a:lnTo>
                      <a:pt x="1751" y="4602"/>
                    </a:lnTo>
                    <a:lnTo>
                      <a:pt x="1771" y="4600"/>
                    </a:lnTo>
                    <a:lnTo>
                      <a:pt x="1790" y="4596"/>
                    </a:lnTo>
                    <a:lnTo>
                      <a:pt x="1812" y="4591"/>
                    </a:lnTo>
                    <a:lnTo>
                      <a:pt x="1833" y="4586"/>
                    </a:lnTo>
                    <a:lnTo>
                      <a:pt x="1851" y="4582"/>
                    </a:lnTo>
                    <a:lnTo>
                      <a:pt x="1867" y="4580"/>
                    </a:lnTo>
                    <a:lnTo>
                      <a:pt x="1889" y="4580"/>
                    </a:lnTo>
                    <a:lnTo>
                      <a:pt x="1911" y="4579"/>
                    </a:lnTo>
                    <a:lnTo>
                      <a:pt x="1933" y="4577"/>
                    </a:lnTo>
                    <a:lnTo>
                      <a:pt x="1955" y="4573"/>
                    </a:lnTo>
                    <a:lnTo>
                      <a:pt x="1977" y="4569"/>
                    </a:lnTo>
                    <a:lnTo>
                      <a:pt x="1999" y="4562"/>
                    </a:lnTo>
                    <a:lnTo>
                      <a:pt x="2019" y="4556"/>
                    </a:lnTo>
                    <a:lnTo>
                      <a:pt x="2039" y="4547"/>
                    </a:lnTo>
                    <a:lnTo>
                      <a:pt x="2058" y="4536"/>
                    </a:lnTo>
                    <a:lnTo>
                      <a:pt x="2076" y="4525"/>
                    </a:lnTo>
                    <a:lnTo>
                      <a:pt x="2092" y="4512"/>
                    </a:lnTo>
                    <a:lnTo>
                      <a:pt x="2106" y="4497"/>
                    </a:lnTo>
                    <a:lnTo>
                      <a:pt x="2113" y="4488"/>
                    </a:lnTo>
                    <a:lnTo>
                      <a:pt x="2118" y="4481"/>
                    </a:lnTo>
                    <a:lnTo>
                      <a:pt x="2123" y="4472"/>
                    </a:lnTo>
                    <a:lnTo>
                      <a:pt x="2128" y="4463"/>
                    </a:lnTo>
                    <a:lnTo>
                      <a:pt x="2132" y="4452"/>
                    </a:lnTo>
                    <a:lnTo>
                      <a:pt x="2135" y="4442"/>
                    </a:lnTo>
                    <a:lnTo>
                      <a:pt x="2137" y="4430"/>
                    </a:lnTo>
                    <a:lnTo>
                      <a:pt x="2140" y="4420"/>
                    </a:lnTo>
                    <a:lnTo>
                      <a:pt x="2140" y="4409"/>
                    </a:lnTo>
                    <a:lnTo>
                      <a:pt x="2137" y="4402"/>
                    </a:lnTo>
                    <a:lnTo>
                      <a:pt x="2133" y="4396"/>
                    </a:lnTo>
                    <a:lnTo>
                      <a:pt x="2128" y="4391"/>
                    </a:lnTo>
                    <a:lnTo>
                      <a:pt x="2120" y="4389"/>
                    </a:lnTo>
                    <a:lnTo>
                      <a:pt x="2111" y="4386"/>
                    </a:lnTo>
                    <a:lnTo>
                      <a:pt x="2101" y="4385"/>
                    </a:lnTo>
                    <a:lnTo>
                      <a:pt x="2091" y="4385"/>
                    </a:lnTo>
                    <a:lnTo>
                      <a:pt x="2067" y="4385"/>
                    </a:lnTo>
                    <a:lnTo>
                      <a:pt x="2044" y="4385"/>
                    </a:lnTo>
                    <a:lnTo>
                      <a:pt x="2032" y="4385"/>
                    </a:lnTo>
                    <a:lnTo>
                      <a:pt x="2022" y="4384"/>
                    </a:lnTo>
                    <a:lnTo>
                      <a:pt x="2012" y="4382"/>
                    </a:lnTo>
                    <a:lnTo>
                      <a:pt x="2003" y="4380"/>
                    </a:lnTo>
                    <a:lnTo>
                      <a:pt x="1996" y="4376"/>
                    </a:lnTo>
                    <a:lnTo>
                      <a:pt x="1991" y="4372"/>
                    </a:lnTo>
                    <a:lnTo>
                      <a:pt x="1986" y="4367"/>
                    </a:lnTo>
                    <a:lnTo>
                      <a:pt x="1981" y="4361"/>
                    </a:lnTo>
                    <a:lnTo>
                      <a:pt x="1977" y="4356"/>
                    </a:lnTo>
                    <a:lnTo>
                      <a:pt x="1971" y="4351"/>
                    </a:lnTo>
                    <a:lnTo>
                      <a:pt x="1966" y="4347"/>
                    </a:lnTo>
                    <a:lnTo>
                      <a:pt x="1960" y="4343"/>
                    </a:lnTo>
                    <a:lnTo>
                      <a:pt x="1946" y="4338"/>
                    </a:lnTo>
                    <a:lnTo>
                      <a:pt x="1933" y="4333"/>
                    </a:lnTo>
                    <a:lnTo>
                      <a:pt x="1926" y="4330"/>
                    </a:lnTo>
                    <a:lnTo>
                      <a:pt x="1921" y="4327"/>
                    </a:lnTo>
                    <a:lnTo>
                      <a:pt x="1914" y="4323"/>
                    </a:lnTo>
                    <a:lnTo>
                      <a:pt x="1908" y="4317"/>
                    </a:lnTo>
                    <a:lnTo>
                      <a:pt x="1908" y="4316"/>
                    </a:lnTo>
                    <a:lnTo>
                      <a:pt x="1909" y="4315"/>
                    </a:lnTo>
                    <a:lnTo>
                      <a:pt x="1924" y="4314"/>
                    </a:lnTo>
                    <a:lnTo>
                      <a:pt x="1934" y="4311"/>
                    </a:lnTo>
                    <a:lnTo>
                      <a:pt x="1944" y="4307"/>
                    </a:lnTo>
                    <a:lnTo>
                      <a:pt x="1953" y="4302"/>
                    </a:lnTo>
                    <a:lnTo>
                      <a:pt x="1961" y="4297"/>
                    </a:lnTo>
                    <a:lnTo>
                      <a:pt x="1970" y="4293"/>
                    </a:lnTo>
                    <a:lnTo>
                      <a:pt x="1981" y="4290"/>
                    </a:lnTo>
                    <a:lnTo>
                      <a:pt x="1995" y="4289"/>
                    </a:lnTo>
                    <a:lnTo>
                      <a:pt x="2014" y="4286"/>
                    </a:lnTo>
                    <a:lnTo>
                      <a:pt x="2034" y="4282"/>
                    </a:lnTo>
                    <a:lnTo>
                      <a:pt x="2041" y="4280"/>
                    </a:lnTo>
                    <a:lnTo>
                      <a:pt x="2050" y="4276"/>
                    </a:lnTo>
                    <a:lnTo>
                      <a:pt x="2058" y="4272"/>
                    </a:lnTo>
                    <a:lnTo>
                      <a:pt x="2065" y="4267"/>
                    </a:lnTo>
                    <a:lnTo>
                      <a:pt x="2070" y="4262"/>
                    </a:lnTo>
                    <a:lnTo>
                      <a:pt x="2075" y="4257"/>
                    </a:lnTo>
                    <a:lnTo>
                      <a:pt x="2079" y="4250"/>
                    </a:lnTo>
                    <a:lnTo>
                      <a:pt x="2083" y="4242"/>
                    </a:lnTo>
                    <a:lnTo>
                      <a:pt x="2084" y="4235"/>
                    </a:lnTo>
                    <a:lnTo>
                      <a:pt x="2084" y="4225"/>
                    </a:lnTo>
                    <a:lnTo>
                      <a:pt x="2083" y="4216"/>
                    </a:lnTo>
                    <a:lnTo>
                      <a:pt x="2082" y="4206"/>
                    </a:lnTo>
                    <a:lnTo>
                      <a:pt x="2079" y="4197"/>
                    </a:lnTo>
                    <a:lnTo>
                      <a:pt x="2079" y="4189"/>
                    </a:lnTo>
                    <a:lnTo>
                      <a:pt x="2082" y="4185"/>
                    </a:lnTo>
                    <a:lnTo>
                      <a:pt x="2085" y="4181"/>
                    </a:lnTo>
                    <a:lnTo>
                      <a:pt x="2092" y="4180"/>
                    </a:lnTo>
                    <a:lnTo>
                      <a:pt x="2098" y="4180"/>
                    </a:lnTo>
                    <a:lnTo>
                      <a:pt x="2105" y="4180"/>
                    </a:lnTo>
                    <a:lnTo>
                      <a:pt x="2113" y="4181"/>
                    </a:lnTo>
                    <a:lnTo>
                      <a:pt x="2128" y="4181"/>
                    </a:lnTo>
                    <a:lnTo>
                      <a:pt x="2144" y="4180"/>
                    </a:lnTo>
                    <a:lnTo>
                      <a:pt x="2158" y="4176"/>
                    </a:lnTo>
                    <a:lnTo>
                      <a:pt x="2172" y="4170"/>
                    </a:lnTo>
                    <a:lnTo>
                      <a:pt x="2185" y="4162"/>
                    </a:lnTo>
                    <a:lnTo>
                      <a:pt x="2197" y="4153"/>
                    </a:lnTo>
                    <a:lnTo>
                      <a:pt x="2209" y="4143"/>
                    </a:lnTo>
                    <a:lnTo>
                      <a:pt x="2219" y="4131"/>
                    </a:lnTo>
                    <a:lnTo>
                      <a:pt x="2216" y="4133"/>
                    </a:lnTo>
                    <a:lnTo>
                      <a:pt x="2216" y="4136"/>
                    </a:lnTo>
                    <a:lnTo>
                      <a:pt x="2223" y="4128"/>
                    </a:lnTo>
                    <a:lnTo>
                      <a:pt x="2229" y="4123"/>
                    </a:lnTo>
                    <a:lnTo>
                      <a:pt x="2236" y="4118"/>
                    </a:lnTo>
                    <a:lnTo>
                      <a:pt x="2244" y="4113"/>
                    </a:lnTo>
                    <a:lnTo>
                      <a:pt x="2256" y="4106"/>
                    </a:lnTo>
                    <a:lnTo>
                      <a:pt x="2271" y="4099"/>
                    </a:lnTo>
                    <a:lnTo>
                      <a:pt x="2284" y="4092"/>
                    </a:lnTo>
                    <a:lnTo>
                      <a:pt x="2297" y="4083"/>
                    </a:lnTo>
                    <a:lnTo>
                      <a:pt x="2303" y="4076"/>
                    </a:lnTo>
                    <a:lnTo>
                      <a:pt x="2308" y="4070"/>
                    </a:lnTo>
                    <a:lnTo>
                      <a:pt x="2313" y="4061"/>
                    </a:lnTo>
                    <a:lnTo>
                      <a:pt x="2319" y="4052"/>
                    </a:lnTo>
                    <a:lnTo>
                      <a:pt x="2332" y="4025"/>
                    </a:lnTo>
                    <a:lnTo>
                      <a:pt x="2343" y="3999"/>
                    </a:lnTo>
                    <a:lnTo>
                      <a:pt x="2354" y="3974"/>
                    </a:lnTo>
                    <a:lnTo>
                      <a:pt x="2363" y="3950"/>
                    </a:lnTo>
                    <a:lnTo>
                      <a:pt x="2365" y="3938"/>
                    </a:lnTo>
                    <a:lnTo>
                      <a:pt x="2369" y="3925"/>
                    </a:lnTo>
                    <a:lnTo>
                      <a:pt x="2372" y="3912"/>
                    </a:lnTo>
                    <a:lnTo>
                      <a:pt x="2373" y="3899"/>
                    </a:lnTo>
                    <a:lnTo>
                      <a:pt x="2373" y="3885"/>
                    </a:lnTo>
                    <a:lnTo>
                      <a:pt x="2373" y="3869"/>
                    </a:lnTo>
                    <a:lnTo>
                      <a:pt x="2373" y="3854"/>
                    </a:lnTo>
                    <a:lnTo>
                      <a:pt x="2370" y="3837"/>
                    </a:lnTo>
                    <a:lnTo>
                      <a:pt x="2369" y="3829"/>
                    </a:lnTo>
                    <a:lnTo>
                      <a:pt x="2367" y="3820"/>
                    </a:lnTo>
                    <a:lnTo>
                      <a:pt x="2363" y="3811"/>
                    </a:lnTo>
                    <a:lnTo>
                      <a:pt x="2359" y="3801"/>
                    </a:lnTo>
                    <a:lnTo>
                      <a:pt x="2347" y="3782"/>
                    </a:lnTo>
                    <a:lnTo>
                      <a:pt x="2333" y="3764"/>
                    </a:lnTo>
                    <a:lnTo>
                      <a:pt x="2316" y="3746"/>
                    </a:lnTo>
                    <a:lnTo>
                      <a:pt x="2298" y="3728"/>
                    </a:lnTo>
                    <a:lnTo>
                      <a:pt x="2278" y="3712"/>
                    </a:lnTo>
                    <a:lnTo>
                      <a:pt x="2256" y="3698"/>
                    </a:lnTo>
                    <a:lnTo>
                      <a:pt x="2234" y="3685"/>
                    </a:lnTo>
                    <a:lnTo>
                      <a:pt x="2212" y="3674"/>
                    </a:lnTo>
                    <a:lnTo>
                      <a:pt x="2190" y="3666"/>
                    </a:lnTo>
                    <a:lnTo>
                      <a:pt x="2167" y="3661"/>
                    </a:lnTo>
                    <a:lnTo>
                      <a:pt x="2157" y="3658"/>
                    </a:lnTo>
                    <a:lnTo>
                      <a:pt x="2146" y="3658"/>
                    </a:lnTo>
                    <a:lnTo>
                      <a:pt x="2136" y="3658"/>
                    </a:lnTo>
                    <a:lnTo>
                      <a:pt x="2126" y="3659"/>
                    </a:lnTo>
                    <a:lnTo>
                      <a:pt x="2117" y="3661"/>
                    </a:lnTo>
                    <a:lnTo>
                      <a:pt x="2107" y="3665"/>
                    </a:lnTo>
                    <a:lnTo>
                      <a:pt x="2098" y="3668"/>
                    </a:lnTo>
                    <a:lnTo>
                      <a:pt x="2091" y="3674"/>
                    </a:lnTo>
                    <a:lnTo>
                      <a:pt x="2079" y="3684"/>
                    </a:lnTo>
                    <a:lnTo>
                      <a:pt x="2066" y="3697"/>
                    </a:lnTo>
                    <a:lnTo>
                      <a:pt x="2058" y="3702"/>
                    </a:lnTo>
                    <a:lnTo>
                      <a:pt x="2050" y="3705"/>
                    </a:lnTo>
                    <a:lnTo>
                      <a:pt x="2047" y="3706"/>
                    </a:lnTo>
                    <a:lnTo>
                      <a:pt x="2043" y="3706"/>
                    </a:lnTo>
                    <a:lnTo>
                      <a:pt x="2038" y="3706"/>
                    </a:lnTo>
                    <a:lnTo>
                      <a:pt x="2032" y="3705"/>
                    </a:lnTo>
                    <a:lnTo>
                      <a:pt x="2026" y="3702"/>
                    </a:lnTo>
                    <a:lnTo>
                      <a:pt x="2021" y="3700"/>
                    </a:lnTo>
                    <a:lnTo>
                      <a:pt x="2017" y="3697"/>
                    </a:lnTo>
                    <a:lnTo>
                      <a:pt x="2013" y="3694"/>
                    </a:lnTo>
                    <a:lnTo>
                      <a:pt x="2008" y="3687"/>
                    </a:lnTo>
                    <a:lnTo>
                      <a:pt x="1999" y="3679"/>
                    </a:lnTo>
                    <a:lnTo>
                      <a:pt x="1992" y="3676"/>
                    </a:lnTo>
                    <a:lnTo>
                      <a:pt x="1986" y="3675"/>
                    </a:lnTo>
                    <a:lnTo>
                      <a:pt x="1977" y="3674"/>
                    </a:lnTo>
                    <a:lnTo>
                      <a:pt x="1969" y="3672"/>
                    </a:lnTo>
                    <a:lnTo>
                      <a:pt x="1961" y="3671"/>
                    </a:lnTo>
                    <a:lnTo>
                      <a:pt x="1953" y="3668"/>
                    </a:lnTo>
                    <a:lnTo>
                      <a:pt x="1951" y="3667"/>
                    </a:lnTo>
                    <a:lnTo>
                      <a:pt x="1949" y="3666"/>
                    </a:lnTo>
                    <a:lnTo>
                      <a:pt x="1948" y="3663"/>
                    </a:lnTo>
                    <a:lnTo>
                      <a:pt x="1947" y="3661"/>
                    </a:lnTo>
                    <a:lnTo>
                      <a:pt x="1947" y="3655"/>
                    </a:lnTo>
                    <a:lnTo>
                      <a:pt x="1948" y="3650"/>
                    </a:lnTo>
                    <a:lnTo>
                      <a:pt x="1951" y="3645"/>
                    </a:lnTo>
                    <a:lnTo>
                      <a:pt x="1955" y="3640"/>
                    </a:lnTo>
                    <a:lnTo>
                      <a:pt x="1964" y="3630"/>
                    </a:lnTo>
                    <a:lnTo>
                      <a:pt x="1975" y="3618"/>
                    </a:lnTo>
                    <a:lnTo>
                      <a:pt x="1999" y="3598"/>
                    </a:lnTo>
                    <a:lnTo>
                      <a:pt x="2017" y="3582"/>
                    </a:lnTo>
                    <a:lnTo>
                      <a:pt x="2034" y="3576"/>
                    </a:lnTo>
                    <a:lnTo>
                      <a:pt x="2056" y="3567"/>
                    </a:lnTo>
                    <a:lnTo>
                      <a:pt x="2067" y="3562"/>
                    </a:lnTo>
                    <a:lnTo>
                      <a:pt x="2078" y="3557"/>
                    </a:lnTo>
                    <a:lnTo>
                      <a:pt x="2084" y="3552"/>
                    </a:lnTo>
                    <a:lnTo>
                      <a:pt x="2089" y="3548"/>
                    </a:lnTo>
                    <a:lnTo>
                      <a:pt x="2089" y="3541"/>
                    </a:lnTo>
                    <a:lnTo>
                      <a:pt x="2087" y="3530"/>
                    </a:lnTo>
                    <a:lnTo>
                      <a:pt x="2083" y="3514"/>
                    </a:lnTo>
                    <a:lnTo>
                      <a:pt x="2078" y="3496"/>
                    </a:lnTo>
                    <a:lnTo>
                      <a:pt x="2067" y="3461"/>
                    </a:lnTo>
                    <a:lnTo>
                      <a:pt x="2061" y="3437"/>
                    </a:lnTo>
                    <a:lnTo>
                      <a:pt x="2058" y="3418"/>
                    </a:lnTo>
                    <a:lnTo>
                      <a:pt x="2053" y="3394"/>
                    </a:lnTo>
                    <a:lnTo>
                      <a:pt x="2044" y="3367"/>
                    </a:lnTo>
                    <a:lnTo>
                      <a:pt x="2034" y="3338"/>
                    </a:lnTo>
                    <a:lnTo>
                      <a:pt x="2021" y="3310"/>
                    </a:lnTo>
                    <a:lnTo>
                      <a:pt x="2008" y="3285"/>
                    </a:lnTo>
                    <a:lnTo>
                      <a:pt x="2001" y="3275"/>
                    </a:lnTo>
                    <a:lnTo>
                      <a:pt x="1993" y="3266"/>
                    </a:lnTo>
                    <a:lnTo>
                      <a:pt x="1987" y="3259"/>
                    </a:lnTo>
                    <a:lnTo>
                      <a:pt x="1981" y="3254"/>
                    </a:lnTo>
                    <a:lnTo>
                      <a:pt x="1966" y="3246"/>
                    </a:lnTo>
                    <a:lnTo>
                      <a:pt x="1949" y="3241"/>
                    </a:lnTo>
                    <a:lnTo>
                      <a:pt x="1931" y="3236"/>
                    </a:lnTo>
                    <a:lnTo>
                      <a:pt x="1913" y="3232"/>
                    </a:lnTo>
                    <a:lnTo>
                      <a:pt x="1896" y="3228"/>
                    </a:lnTo>
                    <a:lnTo>
                      <a:pt x="1879" y="3223"/>
                    </a:lnTo>
                    <a:lnTo>
                      <a:pt x="1864" y="3216"/>
                    </a:lnTo>
                    <a:lnTo>
                      <a:pt x="1850" y="3209"/>
                    </a:lnTo>
                    <a:lnTo>
                      <a:pt x="1864" y="3205"/>
                    </a:lnTo>
                    <a:lnTo>
                      <a:pt x="1879" y="3203"/>
                    </a:lnTo>
                    <a:lnTo>
                      <a:pt x="1896" y="3203"/>
                    </a:lnTo>
                    <a:lnTo>
                      <a:pt x="1912" y="3206"/>
                    </a:lnTo>
                    <a:lnTo>
                      <a:pt x="1929" y="3209"/>
                    </a:lnTo>
                    <a:lnTo>
                      <a:pt x="1944" y="3212"/>
                    </a:lnTo>
                    <a:lnTo>
                      <a:pt x="1960" y="3216"/>
                    </a:lnTo>
                    <a:lnTo>
                      <a:pt x="1974" y="3222"/>
                    </a:lnTo>
                    <a:lnTo>
                      <a:pt x="1992" y="3231"/>
                    </a:lnTo>
                    <a:lnTo>
                      <a:pt x="2014" y="3244"/>
                    </a:lnTo>
                    <a:lnTo>
                      <a:pt x="2036" y="3258"/>
                    </a:lnTo>
                    <a:lnTo>
                      <a:pt x="2057" y="3269"/>
                    </a:lnTo>
                    <a:lnTo>
                      <a:pt x="2065" y="3273"/>
                    </a:lnTo>
                    <a:lnTo>
                      <a:pt x="2071" y="3275"/>
                    </a:lnTo>
                    <a:lnTo>
                      <a:pt x="2074" y="3275"/>
                    </a:lnTo>
                    <a:lnTo>
                      <a:pt x="2076" y="3275"/>
                    </a:lnTo>
                    <a:lnTo>
                      <a:pt x="2078" y="3273"/>
                    </a:lnTo>
                    <a:lnTo>
                      <a:pt x="2079" y="3272"/>
                    </a:lnTo>
                    <a:lnTo>
                      <a:pt x="2080" y="3266"/>
                    </a:lnTo>
                    <a:lnTo>
                      <a:pt x="2078" y="3256"/>
                    </a:lnTo>
                    <a:lnTo>
                      <a:pt x="2073" y="3244"/>
                    </a:lnTo>
                    <a:lnTo>
                      <a:pt x="2063" y="3225"/>
                    </a:lnTo>
                    <a:lnTo>
                      <a:pt x="2058" y="3214"/>
                    </a:lnTo>
                    <a:lnTo>
                      <a:pt x="2053" y="3202"/>
                    </a:lnTo>
                    <a:lnTo>
                      <a:pt x="2049" y="3192"/>
                    </a:lnTo>
                    <a:lnTo>
                      <a:pt x="2047" y="3180"/>
                    </a:lnTo>
                    <a:lnTo>
                      <a:pt x="2045" y="3170"/>
                    </a:lnTo>
                    <a:lnTo>
                      <a:pt x="2045" y="3158"/>
                    </a:lnTo>
                    <a:lnTo>
                      <a:pt x="2048" y="3145"/>
                    </a:lnTo>
                    <a:lnTo>
                      <a:pt x="2053" y="3132"/>
                    </a:lnTo>
                    <a:lnTo>
                      <a:pt x="2057" y="3122"/>
                    </a:lnTo>
                    <a:lnTo>
                      <a:pt x="2060" y="3113"/>
                    </a:lnTo>
                    <a:lnTo>
                      <a:pt x="2061" y="3104"/>
                    </a:lnTo>
                    <a:lnTo>
                      <a:pt x="2062" y="3095"/>
                    </a:lnTo>
                    <a:lnTo>
                      <a:pt x="2062" y="3078"/>
                    </a:lnTo>
                    <a:lnTo>
                      <a:pt x="2060" y="3061"/>
                    </a:lnTo>
                    <a:lnTo>
                      <a:pt x="2054" y="3044"/>
                    </a:lnTo>
                    <a:lnTo>
                      <a:pt x="2048" y="3027"/>
                    </a:lnTo>
                    <a:lnTo>
                      <a:pt x="2041" y="3010"/>
                    </a:lnTo>
                    <a:lnTo>
                      <a:pt x="2034" y="2991"/>
                    </a:lnTo>
                    <a:lnTo>
                      <a:pt x="2028" y="2977"/>
                    </a:lnTo>
                    <a:lnTo>
                      <a:pt x="2023" y="2961"/>
                    </a:lnTo>
                    <a:lnTo>
                      <a:pt x="2021" y="2947"/>
                    </a:lnTo>
                    <a:lnTo>
                      <a:pt x="2018" y="2931"/>
                    </a:lnTo>
                    <a:lnTo>
                      <a:pt x="2016" y="2916"/>
                    </a:lnTo>
                    <a:lnTo>
                      <a:pt x="2012" y="2900"/>
                    </a:lnTo>
                    <a:lnTo>
                      <a:pt x="2008" y="2886"/>
                    </a:lnTo>
                    <a:lnTo>
                      <a:pt x="2003" y="2870"/>
                    </a:lnTo>
                    <a:lnTo>
                      <a:pt x="1997" y="2861"/>
                    </a:lnTo>
                    <a:lnTo>
                      <a:pt x="1992" y="2852"/>
                    </a:lnTo>
                    <a:lnTo>
                      <a:pt x="1986" y="2845"/>
                    </a:lnTo>
                    <a:lnTo>
                      <a:pt x="1977" y="2838"/>
                    </a:lnTo>
                    <a:lnTo>
                      <a:pt x="1960" y="2826"/>
                    </a:lnTo>
                    <a:lnTo>
                      <a:pt x="1940" y="2816"/>
                    </a:lnTo>
                    <a:lnTo>
                      <a:pt x="1920" y="2807"/>
                    </a:lnTo>
                    <a:lnTo>
                      <a:pt x="1900" y="2797"/>
                    </a:lnTo>
                    <a:lnTo>
                      <a:pt x="1891" y="2791"/>
                    </a:lnTo>
                    <a:lnTo>
                      <a:pt x="1883" y="2786"/>
                    </a:lnTo>
                    <a:lnTo>
                      <a:pt x="1876" y="2780"/>
                    </a:lnTo>
                    <a:lnTo>
                      <a:pt x="1869" y="2773"/>
                    </a:lnTo>
                    <a:lnTo>
                      <a:pt x="1864" y="2766"/>
                    </a:lnTo>
                    <a:lnTo>
                      <a:pt x="1860" y="2756"/>
                    </a:lnTo>
                    <a:lnTo>
                      <a:pt x="1857" y="2747"/>
                    </a:lnTo>
                    <a:lnTo>
                      <a:pt x="1855" y="2737"/>
                    </a:lnTo>
                    <a:lnTo>
                      <a:pt x="1854" y="2718"/>
                    </a:lnTo>
                    <a:lnTo>
                      <a:pt x="1852" y="2698"/>
                    </a:lnTo>
                    <a:lnTo>
                      <a:pt x="1852" y="2688"/>
                    </a:lnTo>
                    <a:lnTo>
                      <a:pt x="1854" y="2679"/>
                    </a:lnTo>
                    <a:lnTo>
                      <a:pt x="1854" y="2668"/>
                    </a:lnTo>
                    <a:lnTo>
                      <a:pt x="1855" y="2659"/>
                    </a:lnTo>
                    <a:lnTo>
                      <a:pt x="1852" y="2648"/>
                    </a:lnTo>
                    <a:lnTo>
                      <a:pt x="1850" y="2637"/>
                    </a:lnTo>
                    <a:lnTo>
                      <a:pt x="1846" y="2626"/>
                    </a:lnTo>
                    <a:lnTo>
                      <a:pt x="1843" y="2614"/>
                    </a:lnTo>
                    <a:lnTo>
                      <a:pt x="1845" y="2588"/>
                    </a:lnTo>
                    <a:close/>
                    <a:moveTo>
                      <a:pt x="2038" y="712"/>
                    </a:moveTo>
                    <a:lnTo>
                      <a:pt x="2035" y="694"/>
                    </a:lnTo>
                    <a:lnTo>
                      <a:pt x="2032" y="683"/>
                    </a:lnTo>
                    <a:lnTo>
                      <a:pt x="2023" y="681"/>
                    </a:lnTo>
                    <a:lnTo>
                      <a:pt x="2016" y="681"/>
                    </a:lnTo>
                    <a:lnTo>
                      <a:pt x="2010" y="681"/>
                    </a:lnTo>
                    <a:lnTo>
                      <a:pt x="2008" y="679"/>
                    </a:lnTo>
                    <a:lnTo>
                      <a:pt x="2004" y="676"/>
                    </a:lnTo>
                    <a:lnTo>
                      <a:pt x="2001" y="672"/>
                    </a:lnTo>
                    <a:lnTo>
                      <a:pt x="2000" y="664"/>
                    </a:lnTo>
                    <a:lnTo>
                      <a:pt x="2001" y="657"/>
                    </a:lnTo>
                    <a:lnTo>
                      <a:pt x="2005" y="648"/>
                    </a:lnTo>
                    <a:lnTo>
                      <a:pt x="2009" y="640"/>
                    </a:lnTo>
                    <a:lnTo>
                      <a:pt x="2016" y="632"/>
                    </a:lnTo>
                    <a:lnTo>
                      <a:pt x="2022" y="626"/>
                    </a:lnTo>
                    <a:lnTo>
                      <a:pt x="2030" y="620"/>
                    </a:lnTo>
                    <a:lnTo>
                      <a:pt x="2036" y="618"/>
                    </a:lnTo>
                    <a:lnTo>
                      <a:pt x="2039" y="618"/>
                    </a:lnTo>
                    <a:lnTo>
                      <a:pt x="2041" y="619"/>
                    </a:lnTo>
                    <a:lnTo>
                      <a:pt x="2043" y="620"/>
                    </a:lnTo>
                    <a:lnTo>
                      <a:pt x="2045" y="622"/>
                    </a:lnTo>
                    <a:lnTo>
                      <a:pt x="2049" y="628"/>
                    </a:lnTo>
                    <a:lnTo>
                      <a:pt x="2053" y="635"/>
                    </a:lnTo>
                    <a:lnTo>
                      <a:pt x="2060" y="650"/>
                    </a:lnTo>
                    <a:lnTo>
                      <a:pt x="2065" y="662"/>
                    </a:lnTo>
                    <a:lnTo>
                      <a:pt x="2070" y="671"/>
                    </a:lnTo>
                    <a:lnTo>
                      <a:pt x="2076" y="679"/>
                    </a:lnTo>
                    <a:lnTo>
                      <a:pt x="2083" y="684"/>
                    </a:lnTo>
                    <a:lnTo>
                      <a:pt x="2092" y="690"/>
                    </a:lnTo>
                    <a:lnTo>
                      <a:pt x="2107" y="698"/>
                    </a:lnTo>
                    <a:lnTo>
                      <a:pt x="2118" y="703"/>
                    </a:lnTo>
                    <a:lnTo>
                      <a:pt x="2122" y="707"/>
                    </a:lnTo>
                    <a:lnTo>
                      <a:pt x="2126" y="714"/>
                    </a:lnTo>
                    <a:lnTo>
                      <a:pt x="2127" y="720"/>
                    </a:lnTo>
                    <a:lnTo>
                      <a:pt x="2130" y="729"/>
                    </a:lnTo>
                    <a:lnTo>
                      <a:pt x="2132" y="741"/>
                    </a:lnTo>
                    <a:lnTo>
                      <a:pt x="2132" y="752"/>
                    </a:lnTo>
                    <a:lnTo>
                      <a:pt x="2131" y="754"/>
                    </a:lnTo>
                    <a:lnTo>
                      <a:pt x="2127" y="754"/>
                    </a:lnTo>
                    <a:lnTo>
                      <a:pt x="2122" y="754"/>
                    </a:lnTo>
                    <a:lnTo>
                      <a:pt x="2115" y="752"/>
                    </a:lnTo>
                    <a:lnTo>
                      <a:pt x="2105" y="751"/>
                    </a:lnTo>
                    <a:lnTo>
                      <a:pt x="2097" y="749"/>
                    </a:lnTo>
                    <a:lnTo>
                      <a:pt x="2089" y="741"/>
                    </a:lnTo>
                    <a:lnTo>
                      <a:pt x="2082" y="736"/>
                    </a:lnTo>
                    <a:lnTo>
                      <a:pt x="2074" y="730"/>
                    </a:lnTo>
                    <a:lnTo>
                      <a:pt x="2066" y="728"/>
                    </a:lnTo>
                    <a:lnTo>
                      <a:pt x="2058" y="725"/>
                    </a:lnTo>
                    <a:lnTo>
                      <a:pt x="2052" y="721"/>
                    </a:lnTo>
                    <a:lnTo>
                      <a:pt x="2044" y="717"/>
                    </a:lnTo>
                    <a:lnTo>
                      <a:pt x="2038" y="712"/>
                    </a:lnTo>
                    <a:close/>
                    <a:moveTo>
                      <a:pt x="2198" y="601"/>
                    </a:moveTo>
                    <a:lnTo>
                      <a:pt x="2211" y="593"/>
                    </a:lnTo>
                    <a:lnTo>
                      <a:pt x="2223" y="585"/>
                    </a:lnTo>
                    <a:lnTo>
                      <a:pt x="2232" y="579"/>
                    </a:lnTo>
                    <a:lnTo>
                      <a:pt x="2242" y="574"/>
                    </a:lnTo>
                    <a:lnTo>
                      <a:pt x="2249" y="570"/>
                    </a:lnTo>
                    <a:lnTo>
                      <a:pt x="2258" y="565"/>
                    </a:lnTo>
                    <a:lnTo>
                      <a:pt x="2262" y="562"/>
                    </a:lnTo>
                    <a:lnTo>
                      <a:pt x="2267" y="562"/>
                    </a:lnTo>
                    <a:lnTo>
                      <a:pt x="2271" y="562"/>
                    </a:lnTo>
                    <a:lnTo>
                      <a:pt x="2273" y="563"/>
                    </a:lnTo>
                    <a:lnTo>
                      <a:pt x="2275" y="565"/>
                    </a:lnTo>
                    <a:lnTo>
                      <a:pt x="2276" y="567"/>
                    </a:lnTo>
                    <a:lnTo>
                      <a:pt x="2276" y="569"/>
                    </a:lnTo>
                    <a:lnTo>
                      <a:pt x="2275" y="571"/>
                    </a:lnTo>
                    <a:lnTo>
                      <a:pt x="2272" y="575"/>
                    </a:lnTo>
                    <a:lnTo>
                      <a:pt x="2269" y="578"/>
                    </a:lnTo>
                    <a:lnTo>
                      <a:pt x="2262" y="583"/>
                    </a:lnTo>
                    <a:lnTo>
                      <a:pt x="2254" y="588"/>
                    </a:lnTo>
                    <a:lnTo>
                      <a:pt x="2247" y="596"/>
                    </a:lnTo>
                    <a:lnTo>
                      <a:pt x="2242" y="602"/>
                    </a:lnTo>
                    <a:lnTo>
                      <a:pt x="2240" y="605"/>
                    </a:lnTo>
                    <a:lnTo>
                      <a:pt x="2234" y="607"/>
                    </a:lnTo>
                    <a:lnTo>
                      <a:pt x="2229" y="609"/>
                    </a:lnTo>
                    <a:lnTo>
                      <a:pt x="2223" y="610"/>
                    </a:lnTo>
                    <a:lnTo>
                      <a:pt x="2218" y="611"/>
                    </a:lnTo>
                    <a:lnTo>
                      <a:pt x="2211" y="611"/>
                    </a:lnTo>
                    <a:lnTo>
                      <a:pt x="2207" y="610"/>
                    </a:lnTo>
                    <a:lnTo>
                      <a:pt x="2205" y="609"/>
                    </a:lnTo>
                    <a:lnTo>
                      <a:pt x="2198" y="601"/>
                    </a:lnTo>
                    <a:close/>
                    <a:moveTo>
                      <a:pt x="1978" y="768"/>
                    </a:moveTo>
                    <a:lnTo>
                      <a:pt x="1971" y="762"/>
                    </a:lnTo>
                    <a:lnTo>
                      <a:pt x="1966" y="754"/>
                    </a:lnTo>
                    <a:lnTo>
                      <a:pt x="1961" y="746"/>
                    </a:lnTo>
                    <a:lnTo>
                      <a:pt x="1957" y="737"/>
                    </a:lnTo>
                    <a:lnTo>
                      <a:pt x="1956" y="733"/>
                    </a:lnTo>
                    <a:lnTo>
                      <a:pt x="1955" y="730"/>
                    </a:lnTo>
                    <a:lnTo>
                      <a:pt x="1956" y="727"/>
                    </a:lnTo>
                    <a:lnTo>
                      <a:pt x="1959" y="723"/>
                    </a:lnTo>
                    <a:lnTo>
                      <a:pt x="1962" y="719"/>
                    </a:lnTo>
                    <a:lnTo>
                      <a:pt x="1968" y="716"/>
                    </a:lnTo>
                    <a:lnTo>
                      <a:pt x="1974" y="716"/>
                    </a:lnTo>
                    <a:lnTo>
                      <a:pt x="1979" y="717"/>
                    </a:lnTo>
                    <a:lnTo>
                      <a:pt x="1988" y="721"/>
                    </a:lnTo>
                    <a:lnTo>
                      <a:pt x="1997" y="724"/>
                    </a:lnTo>
                    <a:lnTo>
                      <a:pt x="2001" y="729"/>
                    </a:lnTo>
                    <a:lnTo>
                      <a:pt x="2005" y="737"/>
                    </a:lnTo>
                    <a:lnTo>
                      <a:pt x="2009" y="745"/>
                    </a:lnTo>
                    <a:lnTo>
                      <a:pt x="2012" y="751"/>
                    </a:lnTo>
                    <a:lnTo>
                      <a:pt x="2013" y="756"/>
                    </a:lnTo>
                    <a:lnTo>
                      <a:pt x="2013" y="760"/>
                    </a:lnTo>
                    <a:lnTo>
                      <a:pt x="2012" y="764"/>
                    </a:lnTo>
                    <a:lnTo>
                      <a:pt x="2009" y="765"/>
                    </a:lnTo>
                    <a:lnTo>
                      <a:pt x="2003" y="769"/>
                    </a:lnTo>
                    <a:lnTo>
                      <a:pt x="1993" y="769"/>
                    </a:lnTo>
                    <a:lnTo>
                      <a:pt x="1978" y="768"/>
                    </a:lnTo>
                    <a:close/>
                    <a:moveTo>
                      <a:pt x="2109" y="636"/>
                    </a:moveTo>
                    <a:lnTo>
                      <a:pt x="2102" y="636"/>
                    </a:lnTo>
                    <a:lnTo>
                      <a:pt x="2097" y="633"/>
                    </a:lnTo>
                    <a:lnTo>
                      <a:pt x="2095" y="631"/>
                    </a:lnTo>
                    <a:lnTo>
                      <a:pt x="2091" y="626"/>
                    </a:lnTo>
                    <a:lnTo>
                      <a:pt x="2087" y="619"/>
                    </a:lnTo>
                    <a:lnTo>
                      <a:pt x="2084" y="613"/>
                    </a:lnTo>
                    <a:lnTo>
                      <a:pt x="2083" y="610"/>
                    </a:lnTo>
                    <a:lnTo>
                      <a:pt x="2082" y="606"/>
                    </a:lnTo>
                    <a:lnTo>
                      <a:pt x="2082" y="603"/>
                    </a:lnTo>
                    <a:lnTo>
                      <a:pt x="2083" y="600"/>
                    </a:lnTo>
                    <a:lnTo>
                      <a:pt x="2084" y="597"/>
                    </a:lnTo>
                    <a:lnTo>
                      <a:pt x="2085" y="596"/>
                    </a:lnTo>
                    <a:lnTo>
                      <a:pt x="2087" y="596"/>
                    </a:lnTo>
                    <a:lnTo>
                      <a:pt x="2089" y="594"/>
                    </a:lnTo>
                    <a:lnTo>
                      <a:pt x="2093" y="596"/>
                    </a:lnTo>
                    <a:lnTo>
                      <a:pt x="2097" y="598"/>
                    </a:lnTo>
                    <a:lnTo>
                      <a:pt x="2100" y="600"/>
                    </a:lnTo>
                    <a:lnTo>
                      <a:pt x="2104" y="602"/>
                    </a:lnTo>
                    <a:lnTo>
                      <a:pt x="2109" y="606"/>
                    </a:lnTo>
                    <a:lnTo>
                      <a:pt x="2113" y="611"/>
                    </a:lnTo>
                    <a:lnTo>
                      <a:pt x="2117" y="614"/>
                    </a:lnTo>
                    <a:lnTo>
                      <a:pt x="2119" y="616"/>
                    </a:lnTo>
                    <a:lnTo>
                      <a:pt x="2120" y="620"/>
                    </a:lnTo>
                    <a:lnTo>
                      <a:pt x="2122" y="624"/>
                    </a:lnTo>
                    <a:lnTo>
                      <a:pt x="2123" y="628"/>
                    </a:lnTo>
                    <a:lnTo>
                      <a:pt x="2123" y="631"/>
                    </a:lnTo>
                    <a:lnTo>
                      <a:pt x="2122" y="632"/>
                    </a:lnTo>
                    <a:lnTo>
                      <a:pt x="2119" y="635"/>
                    </a:lnTo>
                    <a:lnTo>
                      <a:pt x="2109" y="636"/>
                    </a:lnTo>
                    <a:close/>
                    <a:moveTo>
                      <a:pt x="505" y="2556"/>
                    </a:moveTo>
                    <a:lnTo>
                      <a:pt x="506" y="2554"/>
                    </a:lnTo>
                    <a:lnTo>
                      <a:pt x="508" y="2554"/>
                    </a:lnTo>
                    <a:lnTo>
                      <a:pt x="514" y="2563"/>
                    </a:lnTo>
                    <a:lnTo>
                      <a:pt x="522" y="2570"/>
                    </a:lnTo>
                    <a:lnTo>
                      <a:pt x="530" y="2575"/>
                    </a:lnTo>
                    <a:lnTo>
                      <a:pt x="539" y="2578"/>
                    </a:lnTo>
                    <a:lnTo>
                      <a:pt x="548" y="2580"/>
                    </a:lnTo>
                    <a:lnTo>
                      <a:pt x="558" y="2582"/>
                    </a:lnTo>
                    <a:lnTo>
                      <a:pt x="568" y="2583"/>
                    </a:lnTo>
                    <a:lnTo>
                      <a:pt x="579" y="2583"/>
                    </a:lnTo>
                    <a:lnTo>
                      <a:pt x="585" y="2582"/>
                    </a:lnTo>
                    <a:lnTo>
                      <a:pt x="590" y="2580"/>
                    </a:lnTo>
                    <a:lnTo>
                      <a:pt x="594" y="2578"/>
                    </a:lnTo>
                    <a:lnTo>
                      <a:pt x="600" y="2575"/>
                    </a:lnTo>
                    <a:lnTo>
                      <a:pt x="607" y="2566"/>
                    </a:lnTo>
                    <a:lnTo>
                      <a:pt x="614" y="2557"/>
                    </a:lnTo>
                    <a:lnTo>
                      <a:pt x="619" y="2548"/>
                    </a:lnTo>
                    <a:lnTo>
                      <a:pt x="624" y="2540"/>
                    </a:lnTo>
                    <a:lnTo>
                      <a:pt x="628" y="2534"/>
                    </a:lnTo>
                    <a:lnTo>
                      <a:pt x="633" y="2531"/>
                    </a:lnTo>
                    <a:lnTo>
                      <a:pt x="638" y="2532"/>
                    </a:lnTo>
                    <a:lnTo>
                      <a:pt x="644" y="2536"/>
                    </a:lnTo>
                    <a:lnTo>
                      <a:pt x="647" y="2540"/>
                    </a:lnTo>
                    <a:lnTo>
                      <a:pt x="653" y="2545"/>
                    </a:lnTo>
                    <a:lnTo>
                      <a:pt x="658" y="2550"/>
                    </a:lnTo>
                    <a:lnTo>
                      <a:pt x="663" y="2552"/>
                    </a:lnTo>
                    <a:lnTo>
                      <a:pt x="666" y="2552"/>
                    </a:lnTo>
                    <a:lnTo>
                      <a:pt x="669" y="2552"/>
                    </a:lnTo>
                    <a:lnTo>
                      <a:pt x="673" y="2549"/>
                    </a:lnTo>
                    <a:lnTo>
                      <a:pt x="677" y="2547"/>
                    </a:lnTo>
                    <a:lnTo>
                      <a:pt x="684" y="2540"/>
                    </a:lnTo>
                    <a:lnTo>
                      <a:pt x="690" y="2534"/>
                    </a:lnTo>
                    <a:lnTo>
                      <a:pt x="694" y="2528"/>
                    </a:lnTo>
                    <a:lnTo>
                      <a:pt x="695" y="2525"/>
                    </a:lnTo>
                    <a:lnTo>
                      <a:pt x="697" y="2521"/>
                    </a:lnTo>
                    <a:lnTo>
                      <a:pt x="697" y="2518"/>
                    </a:lnTo>
                    <a:lnTo>
                      <a:pt x="695" y="2516"/>
                    </a:lnTo>
                    <a:lnTo>
                      <a:pt x="693" y="2513"/>
                    </a:lnTo>
                    <a:lnTo>
                      <a:pt x="688" y="2508"/>
                    </a:lnTo>
                    <a:lnTo>
                      <a:pt x="682" y="2503"/>
                    </a:lnTo>
                    <a:lnTo>
                      <a:pt x="680" y="2500"/>
                    </a:lnTo>
                    <a:lnTo>
                      <a:pt x="679" y="2496"/>
                    </a:lnTo>
                    <a:lnTo>
                      <a:pt x="679" y="2492"/>
                    </a:lnTo>
                    <a:lnTo>
                      <a:pt x="679" y="2487"/>
                    </a:lnTo>
                    <a:lnTo>
                      <a:pt x="680" y="2481"/>
                    </a:lnTo>
                    <a:lnTo>
                      <a:pt x="684" y="2475"/>
                    </a:lnTo>
                    <a:lnTo>
                      <a:pt x="686" y="2471"/>
                    </a:lnTo>
                    <a:lnTo>
                      <a:pt x="692" y="2469"/>
                    </a:lnTo>
                    <a:lnTo>
                      <a:pt x="695" y="2466"/>
                    </a:lnTo>
                    <a:lnTo>
                      <a:pt x="699" y="2464"/>
                    </a:lnTo>
                    <a:lnTo>
                      <a:pt x="702" y="2460"/>
                    </a:lnTo>
                    <a:lnTo>
                      <a:pt x="704" y="2455"/>
                    </a:lnTo>
                    <a:lnTo>
                      <a:pt x="707" y="2444"/>
                    </a:lnTo>
                    <a:lnTo>
                      <a:pt x="707" y="2431"/>
                    </a:lnTo>
                    <a:lnTo>
                      <a:pt x="707" y="2420"/>
                    </a:lnTo>
                    <a:lnTo>
                      <a:pt x="708" y="2408"/>
                    </a:lnTo>
                    <a:lnTo>
                      <a:pt x="711" y="2408"/>
                    </a:lnTo>
                    <a:lnTo>
                      <a:pt x="714" y="2409"/>
                    </a:lnTo>
                    <a:lnTo>
                      <a:pt x="715" y="2412"/>
                    </a:lnTo>
                    <a:lnTo>
                      <a:pt x="717" y="2416"/>
                    </a:lnTo>
                    <a:lnTo>
                      <a:pt x="721" y="2424"/>
                    </a:lnTo>
                    <a:lnTo>
                      <a:pt x="725" y="2434"/>
                    </a:lnTo>
                    <a:lnTo>
                      <a:pt x="730" y="2455"/>
                    </a:lnTo>
                    <a:lnTo>
                      <a:pt x="734" y="2470"/>
                    </a:lnTo>
                    <a:lnTo>
                      <a:pt x="737" y="2478"/>
                    </a:lnTo>
                    <a:lnTo>
                      <a:pt x="741" y="2484"/>
                    </a:lnTo>
                    <a:lnTo>
                      <a:pt x="745" y="2490"/>
                    </a:lnTo>
                    <a:lnTo>
                      <a:pt x="749" y="2492"/>
                    </a:lnTo>
                    <a:lnTo>
                      <a:pt x="751" y="2492"/>
                    </a:lnTo>
                    <a:lnTo>
                      <a:pt x="752" y="2492"/>
                    </a:lnTo>
                    <a:lnTo>
                      <a:pt x="755" y="2491"/>
                    </a:lnTo>
                    <a:lnTo>
                      <a:pt x="756" y="2490"/>
                    </a:lnTo>
                    <a:lnTo>
                      <a:pt x="758" y="2483"/>
                    </a:lnTo>
                    <a:lnTo>
                      <a:pt x="758" y="2474"/>
                    </a:lnTo>
                    <a:lnTo>
                      <a:pt x="758" y="2459"/>
                    </a:lnTo>
                    <a:lnTo>
                      <a:pt x="758" y="2442"/>
                    </a:lnTo>
                    <a:lnTo>
                      <a:pt x="759" y="2424"/>
                    </a:lnTo>
                    <a:lnTo>
                      <a:pt x="761" y="2407"/>
                    </a:lnTo>
                    <a:lnTo>
                      <a:pt x="763" y="2390"/>
                    </a:lnTo>
                    <a:lnTo>
                      <a:pt x="763" y="2372"/>
                    </a:lnTo>
                    <a:lnTo>
                      <a:pt x="761" y="2355"/>
                    </a:lnTo>
                    <a:lnTo>
                      <a:pt x="759" y="2339"/>
                    </a:lnTo>
                    <a:lnTo>
                      <a:pt x="742" y="2341"/>
                    </a:lnTo>
                    <a:lnTo>
                      <a:pt x="719" y="2341"/>
                    </a:lnTo>
                    <a:lnTo>
                      <a:pt x="707" y="2339"/>
                    </a:lnTo>
                    <a:lnTo>
                      <a:pt x="698" y="2337"/>
                    </a:lnTo>
                    <a:lnTo>
                      <a:pt x="694" y="2334"/>
                    </a:lnTo>
                    <a:lnTo>
                      <a:pt x="692" y="2332"/>
                    </a:lnTo>
                    <a:lnTo>
                      <a:pt x="690" y="2329"/>
                    </a:lnTo>
                    <a:lnTo>
                      <a:pt x="690" y="2325"/>
                    </a:lnTo>
                    <a:lnTo>
                      <a:pt x="690" y="2321"/>
                    </a:lnTo>
                    <a:lnTo>
                      <a:pt x="692" y="2317"/>
                    </a:lnTo>
                    <a:lnTo>
                      <a:pt x="694" y="2313"/>
                    </a:lnTo>
                    <a:lnTo>
                      <a:pt x="695" y="2311"/>
                    </a:lnTo>
                    <a:lnTo>
                      <a:pt x="701" y="2306"/>
                    </a:lnTo>
                    <a:lnTo>
                      <a:pt x="707" y="2300"/>
                    </a:lnTo>
                    <a:lnTo>
                      <a:pt x="714" y="2295"/>
                    </a:lnTo>
                    <a:lnTo>
                      <a:pt x="719" y="2289"/>
                    </a:lnTo>
                    <a:lnTo>
                      <a:pt x="721" y="2286"/>
                    </a:lnTo>
                    <a:lnTo>
                      <a:pt x="723" y="2282"/>
                    </a:lnTo>
                    <a:lnTo>
                      <a:pt x="724" y="2278"/>
                    </a:lnTo>
                    <a:lnTo>
                      <a:pt x="724" y="2273"/>
                    </a:lnTo>
                    <a:lnTo>
                      <a:pt x="723" y="2255"/>
                    </a:lnTo>
                    <a:lnTo>
                      <a:pt x="719" y="2238"/>
                    </a:lnTo>
                    <a:lnTo>
                      <a:pt x="715" y="2220"/>
                    </a:lnTo>
                    <a:lnTo>
                      <a:pt x="710" y="2202"/>
                    </a:lnTo>
                    <a:lnTo>
                      <a:pt x="704" y="2184"/>
                    </a:lnTo>
                    <a:lnTo>
                      <a:pt x="701" y="2166"/>
                    </a:lnTo>
                    <a:lnTo>
                      <a:pt x="697" y="2149"/>
                    </a:lnTo>
                    <a:lnTo>
                      <a:pt x="697" y="2132"/>
                    </a:lnTo>
                    <a:lnTo>
                      <a:pt x="697" y="2114"/>
                    </a:lnTo>
                    <a:lnTo>
                      <a:pt x="697" y="2100"/>
                    </a:lnTo>
                    <a:lnTo>
                      <a:pt x="694" y="2089"/>
                    </a:lnTo>
                    <a:lnTo>
                      <a:pt x="692" y="2080"/>
                    </a:lnTo>
                    <a:lnTo>
                      <a:pt x="685" y="2072"/>
                    </a:lnTo>
                    <a:lnTo>
                      <a:pt x="677" y="2063"/>
                    </a:lnTo>
                    <a:lnTo>
                      <a:pt x="666" y="2056"/>
                    </a:lnTo>
                    <a:lnTo>
                      <a:pt x="650" y="2045"/>
                    </a:lnTo>
                    <a:lnTo>
                      <a:pt x="616" y="2045"/>
                    </a:lnTo>
                    <a:lnTo>
                      <a:pt x="578" y="2047"/>
                    </a:lnTo>
                    <a:lnTo>
                      <a:pt x="557" y="2047"/>
                    </a:lnTo>
                    <a:lnTo>
                      <a:pt x="539" y="2045"/>
                    </a:lnTo>
                    <a:lnTo>
                      <a:pt x="522" y="2043"/>
                    </a:lnTo>
                    <a:lnTo>
                      <a:pt x="509" y="2039"/>
                    </a:lnTo>
                    <a:lnTo>
                      <a:pt x="500" y="2035"/>
                    </a:lnTo>
                    <a:lnTo>
                      <a:pt x="492" y="2032"/>
                    </a:lnTo>
                    <a:lnTo>
                      <a:pt x="483" y="2031"/>
                    </a:lnTo>
                    <a:lnTo>
                      <a:pt x="476" y="2031"/>
                    </a:lnTo>
                    <a:lnTo>
                      <a:pt x="462" y="2032"/>
                    </a:lnTo>
                    <a:lnTo>
                      <a:pt x="449" y="2035"/>
                    </a:lnTo>
                    <a:lnTo>
                      <a:pt x="438" y="2039"/>
                    </a:lnTo>
                    <a:lnTo>
                      <a:pt x="425" y="2041"/>
                    </a:lnTo>
                    <a:lnTo>
                      <a:pt x="418" y="2043"/>
                    </a:lnTo>
                    <a:lnTo>
                      <a:pt x="412" y="2043"/>
                    </a:lnTo>
                    <a:lnTo>
                      <a:pt x="405" y="2043"/>
                    </a:lnTo>
                    <a:lnTo>
                      <a:pt x="399" y="2041"/>
                    </a:lnTo>
                    <a:lnTo>
                      <a:pt x="400" y="2031"/>
                    </a:lnTo>
                    <a:lnTo>
                      <a:pt x="403" y="2023"/>
                    </a:lnTo>
                    <a:lnTo>
                      <a:pt x="408" y="2015"/>
                    </a:lnTo>
                    <a:lnTo>
                      <a:pt x="414" y="2009"/>
                    </a:lnTo>
                    <a:lnTo>
                      <a:pt x="430" y="1997"/>
                    </a:lnTo>
                    <a:lnTo>
                      <a:pt x="447" y="1988"/>
                    </a:lnTo>
                    <a:lnTo>
                      <a:pt x="454" y="1983"/>
                    </a:lnTo>
                    <a:lnTo>
                      <a:pt x="462" y="1978"/>
                    </a:lnTo>
                    <a:lnTo>
                      <a:pt x="469" y="1973"/>
                    </a:lnTo>
                    <a:lnTo>
                      <a:pt x="473" y="1968"/>
                    </a:lnTo>
                    <a:lnTo>
                      <a:pt x="476" y="1961"/>
                    </a:lnTo>
                    <a:lnTo>
                      <a:pt x="476" y="1953"/>
                    </a:lnTo>
                    <a:lnTo>
                      <a:pt x="475" y="1944"/>
                    </a:lnTo>
                    <a:lnTo>
                      <a:pt x="470" y="1934"/>
                    </a:lnTo>
                    <a:lnTo>
                      <a:pt x="462" y="1921"/>
                    </a:lnTo>
                    <a:lnTo>
                      <a:pt x="453" y="1903"/>
                    </a:lnTo>
                    <a:lnTo>
                      <a:pt x="443" y="1886"/>
                    </a:lnTo>
                    <a:lnTo>
                      <a:pt x="434" y="1874"/>
                    </a:lnTo>
                    <a:lnTo>
                      <a:pt x="426" y="1885"/>
                    </a:lnTo>
                    <a:lnTo>
                      <a:pt x="413" y="1905"/>
                    </a:lnTo>
                    <a:lnTo>
                      <a:pt x="395" y="1935"/>
                    </a:lnTo>
                    <a:lnTo>
                      <a:pt x="374" y="1965"/>
                    </a:lnTo>
                    <a:lnTo>
                      <a:pt x="353" y="1995"/>
                    </a:lnTo>
                    <a:lnTo>
                      <a:pt x="337" y="2015"/>
                    </a:lnTo>
                    <a:lnTo>
                      <a:pt x="329" y="2022"/>
                    </a:lnTo>
                    <a:lnTo>
                      <a:pt x="322" y="2026"/>
                    </a:lnTo>
                    <a:lnTo>
                      <a:pt x="320" y="2026"/>
                    </a:lnTo>
                    <a:lnTo>
                      <a:pt x="318" y="2025"/>
                    </a:lnTo>
                    <a:lnTo>
                      <a:pt x="317" y="2022"/>
                    </a:lnTo>
                    <a:lnTo>
                      <a:pt x="316" y="2019"/>
                    </a:lnTo>
                    <a:lnTo>
                      <a:pt x="317" y="2023"/>
                    </a:lnTo>
                    <a:lnTo>
                      <a:pt x="289" y="2065"/>
                    </a:lnTo>
                    <a:lnTo>
                      <a:pt x="289" y="2071"/>
                    </a:lnTo>
                    <a:lnTo>
                      <a:pt x="287" y="2075"/>
                    </a:lnTo>
                    <a:lnTo>
                      <a:pt x="285" y="2079"/>
                    </a:lnTo>
                    <a:lnTo>
                      <a:pt x="282" y="2083"/>
                    </a:lnTo>
                    <a:lnTo>
                      <a:pt x="272" y="2087"/>
                    </a:lnTo>
                    <a:lnTo>
                      <a:pt x="260" y="2089"/>
                    </a:lnTo>
                    <a:lnTo>
                      <a:pt x="234" y="2092"/>
                    </a:lnTo>
                    <a:lnTo>
                      <a:pt x="212" y="2093"/>
                    </a:lnTo>
                    <a:lnTo>
                      <a:pt x="206" y="2096"/>
                    </a:lnTo>
                    <a:lnTo>
                      <a:pt x="201" y="2098"/>
                    </a:lnTo>
                    <a:lnTo>
                      <a:pt x="197" y="2101"/>
                    </a:lnTo>
                    <a:lnTo>
                      <a:pt x="193" y="2105"/>
                    </a:lnTo>
                    <a:lnTo>
                      <a:pt x="190" y="2109"/>
                    </a:lnTo>
                    <a:lnTo>
                      <a:pt x="189" y="2113"/>
                    </a:lnTo>
                    <a:lnTo>
                      <a:pt x="189" y="2117"/>
                    </a:lnTo>
                    <a:lnTo>
                      <a:pt x="189" y="2122"/>
                    </a:lnTo>
                    <a:lnTo>
                      <a:pt x="191" y="2131"/>
                    </a:lnTo>
                    <a:lnTo>
                      <a:pt x="195" y="2141"/>
                    </a:lnTo>
                    <a:lnTo>
                      <a:pt x="201" y="2150"/>
                    </a:lnTo>
                    <a:lnTo>
                      <a:pt x="206" y="2159"/>
                    </a:lnTo>
                    <a:lnTo>
                      <a:pt x="210" y="2166"/>
                    </a:lnTo>
                    <a:lnTo>
                      <a:pt x="212" y="2171"/>
                    </a:lnTo>
                    <a:lnTo>
                      <a:pt x="212" y="2175"/>
                    </a:lnTo>
                    <a:lnTo>
                      <a:pt x="212" y="2179"/>
                    </a:lnTo>
                    <a:lnTo>
                      <a:pt x="211" y="2181"/>
                    </a:lnTo>
                    <a:lnTo>
                      <a:pt x="208" y="2184"/>
                    </a:lnTo>
                    <a:lnTo>
                      <a:pt x="206" y="2185"/>
                    </a:lnTo>
                    <a:lnTo>
                      <a:pt x="202" y="2186"/>
                    </a:lnTo>
                    <a:lnTo>
                      <a:pt x="182" y="2189"/>
                    </a:lnTo>
                    <a:lnTo>
                      <a:pt x="164" y="2193"/>
                    </a:lnTo>
                    <a:lnTo>
                      <a:pt x="156" y="2197"/>
                    </a:lnTo>
                    <a:lnTo>
                      <a:pt x="150" y="2202"/>
                    </a:lnTo>
                    <a:lnTo>
                      <a:pt x="144" y="2207"/>
                    </a:lnTo>
                    <a:lnTo>
                      <a:pt x="138" y="2214"/>
                    </a:lnTo>
                    <a:lnTo>
                      <a:pt x="134" y="2220"/>
                    </a:lnTo>
                    <a:lnTo>
                      <a:pt x="131" y="2228"/>
                    </a:lnTo>
                    <a:lnTo>
                      <a:pt x="128" y="2236"/>
                    </a:lnTo>
                    <a:lnTo>
                      <a:pt x="127" y="2245"/>
                    </a:lnTo>
                    <a:lnTo>
                      <a:pt x="124" y="2262"/>
                    </a:lnTo>
                    <a:lnTo>
                      <a:pt x="124" y="2278"/>
                    </a:lnTo>
                    <a:lnTo>
                      <a:pt x="127" y="2295"/>
                    </a:lnTo>
                    <a:lnTo>
                      <a:pt x="132" y="2311"/>
                    </a:lnTo>
                    <a:lnTo>
                      <a:pt x="136" y="2321"/>
                    </a:lnTo>
                    <a:lnTo>
                      <a:pt x="141" y="2332"/>
                    </a:lnTo>
                    <a:lnTo>
                      <a:pt x="146" y="2343"/>
                    </a:lnTo>
                    <a:lnTo>
                      <a:pt x="154" y="2354"/>
                    </a:lnTo>
                    <a:lnTo>
                      <a:pt x="162" y="2365"/>
                    </a:lnTo>
                    <a:lnTo>
                      <a:pt x="171" y="2376"/>
                    </a:lnTo>
                    <a:lnTo>
                      <a:pt x="180" y="2386"/>
                    </a:lnTo>
                    <a:lnTo>
                      <a:pt x="190" y="2396"/>
                    </a:lnTo>
                    <a:lnTo>
                      <a:pt x="201" y="2404"/>
                    </a:lnTo>
                    <a:lnTo>
                      <a:pt x="211" y="2413"/>
                    </a:lnTo>
                    <a:lnTo>
                      <a:pt x="223" y="2420"/>
                    </a:lnTo>
                    <a:lnTo>
                      <a:pt x="234" y="2425"/>
                    </a:lnTo>
                    <a:lnTo>
                      <a:pt x="246" y="2429"/>
                    </a:lnTo>
                    <a:lnTo>
                      <a:pt x="258" y="2431"/>
                    </a:lnTo>
                    <a:lnTo>
                      <a:pt x="269" y="2433"/>
                    </a:lnTo>
                    <a:lnTo>
                      <a:pt x="281" y="2431"/>
                    </a:lnTo>
                    <a:lnTo>
                      <a:pt x="287" y="2430"/>
                    </a:lnTo>
                    <a:lnTo>
                      <a:pt x="294" y="2427"/>
                    </a:lnTo>
                    <a:lnTo>
                      <a:pt x="300" y="2425"/>
                    </a:lnTo>
                    <a:lnTo>
                      <a:pt x="307" y="2421"/>
                    </a:lnTo>
                    <a:lnTo>
                      <a:pt x="320" y="2412"/>
                    </a:lnTo>
                    <a:lnTo>
                      <a:pt x="331" y="2404"/>
                    </a:lnTo>
                    <a:lnTo>
                      <a:pt x="344" y="2395"/>
                    </a:lnTo>
                    <a:lnTo>
                      <a:pt x="359" y="2387"/>
                    </a:lnTo>
                    <a:lnTo>
                      <a:pt x="366" y="2385"/>
                    </a:lnTo>
                    <a:lnTo>
                      <a:pt x="374" y="2382"/>
                    </a:lnTo>
                    <a:lnTo>
                      <a:pt x="382" y="2381"/>
                    </a:lnTo>
                    <a:lnTo>
                      <a:pt x="391" y="2381"/>
                    </a:lnTo>
                    <a:lnTo>
                      <a:pt x="395" y="2381"/>
                    </a:lnTo>
                    <a:lnTo>
                      <a:pt x="399" y="2383"/>
                    </a:lnTo>
                    <a:lnTo>
                      <a:pt x="403" y="2386"/>
                    </a:lnTo>
                    <a:lnTo>
                      <a:pt x="406" y="2391"/>
                    </a:lnTo>
                    <a:lnTo>
                      <a:pt x="412" y="2402"/>
                    </a:lnTo>
                    <a:lnTo>
                      <a:pt x="418" y="2414"/>
                    </a:lnTo>
                    <a:lnTo>
                      <a:pt x="426" y="2443"/>
                    </a:lnTo>
                    <a:lnTo>
                      <a:pt x="432" y="2464"/>
                    </a:lnTo>
                    <a:lnTo>
                      <a:pt x="436" y="2473"/>
                    </a:lnTo>
                    <a:lnTo>
                      <a:pt x="441" y="2479"/>
                    </a:lnTo>
                    <a:lnTo>
                      <a:pt x="447" y="2483"/>
                    </a:lnTo>
                    <a:lnTo>
                      <a:pt x="457" y="2487"/>
                    </a:lnTo>
                    <a:lnTo>
                      <a:pt x="466" y="2490"/>
                    </a:lnTo>
                    <a:lnTo>
                      <a:pt x="475" y="2492"/>
                    </a:lnTo>
                    <a:lnTo>
                      <a:pt x="484" y="2495"/>
                    </a:lnTo>
                    <a:lnTo>
                      <a:pt x="491" y="2500"/>
                    </a:lnTo>
                    <a:lnTo>
                      <a:pt x="495" y="2505"/>
                    </a:lnTo>
                    <a:lnTo>
                      <a:pt x="497" y="2510"/>
                    </a:lnTo>
                    <a:lnTo>
                      <a:pt x="498" y="2518"/>
                    </a:lnTo>
                    <a:lnTo>
                      <a:pt x="501" y="2526"/>
                    </a:lnTo>
                    <a:lnTo>
                      <a:pt x="504" y="2543"/>
                    </a:lnTo>
                    <a:lnTo>
                      <a:pt x="508" y="2554"/>
                    </a:lnTo>
                    <a:lnTo>
                      <a:pt x="505" y="2556"/>
                    </a:lnTo>
                    <a:close/>
                    <a:moveTo>
                      <a:pt x="905" y="2677"/>
                    </a:moveTo>
                    <a:lnTo>
                      <a:pt x="917" y="2667"/>
                    </a:lnTo>
                    <a:lnTo>
                      <a:pt x="930" y="2655"/>
                    </a:lnTo>
                    <a:lnTo>
                      <a:pt x="942" y="2648"/>
                    </a:lnTo>
                    <a:lnTo>
                      <a:pt x="953" y="2639"/>
                    </a:lnTo>
                    <a:lnTo>
                      <a:pt x="964" y="2628"/>
                    </a:lnTo>
                    <a:lnTo>
                      <a:pt x="973" y="2617"/>
                    </a:lnTo>
                    <a:lnTo>
                      <a:pt x="977" y="2613"/>
                    </a:lnTo>
                    <a:lnTo>
                      <a:pt x="983" y="2607"/>
                    </a:lnTo>
                    <a:lnTo>
                      <a:pt x="988" y="2604"/>
                    </a:lnTo>
                    <a:lnTo>
                      <a:pt x="995" y="2601"/>
                    </a:lnTo>
                    <a:lnTo>
                      <a:pt x="1005" y="2598"/>
                    </a:lnTo>
                    <a:lnTo>
                      <a:pt x="1014" y="2598"/>
                    </a:lnTo>
                    <a:lnTo>
                      <a:pt x="1023" y="2600"/>
                    </a:lnTo>
                    <a:lnTo>
                      <a:pt x="1034" y="2600"/>
                    </a:lnTo>
                    <a:lnTo>
                      <a:pt x="1037" y="2601"/>
                    </a:lnTo>
                    <a:lnTo>
                      <a:pt x="1041" y="2602"/>
                    </a:lnTo>
                    <a:lnTo>
                      <a:pt x="1044" y="2604"/>
                    </a:lnTo>
                    <a:lnTo>
                      <a:pt x="1045" y="2605"/>
                    </a:lnTo>
                    <a:lnTo>
                      <a:pt x="1045" y="2607"/>
                    </a:lnTo>
                    <a:lnTo>
                      <a:pt x="1044" y="2609"/>
                    </a:lnTo>
                    <a:lnTo>
                      <a:pt x="1041" y="2611"/>
                    </a:lnTo>
                    <a:lnTo>
                      <a:pt x="1037" y="2614"/>
                    </a:lnTo>
                    <a:lnTo>
                      <a:pt x="1030" y="2619"/>
                    </a:lnTo>
                    <a:lnTo>
                      <a:pt x="1024" y="2626"/>
                    </a:lnTo>
                    <a:lnTo>
                      <a:pt x="1023" y="2631"/>
                    </a:lnTo>
                    <a:lnTo>
                      <a:pt x="1023" y="2637"/>
                    </a:lnTo>
                    <a:lnTo>
                      <a:pt x="1027" y="2652"/>
                    </a:lnTo>
                    <a:lnTo>
                      <a:pt x="1031" y="2667"/>
                    </a:lnTo>
                    <a:lnTo>
                      <a:pt x="1031" y="2674"/>
                    </a:lnTo>
                    <a:lnTo>
                      <a:pt x="1031" y="2680"/>
                    </a:lnTo>
                    <a:lnTo>
                      <a:pt x="1028" y="2684"/>
                    </a:lnTo>
                    <a:lnTo>
                      <a:pt x="1026" y="2688"/>
                    </a:lnTo>
                    <a:lnTo>
                      <a:pt x="1015" y="2693"/>
                    </a:lnTo>
                    <a:lnTo>
                      <a:pt x="1004" y="2697"/>
                    </a:lnTo>
                    <a:lnTo>
                      <a:pt x="993" y="2702"/>
                    </a:lnTo>
                    <a:lnTo>
                      <a:pt x="982" y="2707"/>
                    </a:lnTo>
                    <a:lnTo>
                      <a:pt x="971" y="2714"/>
                    </a:lnTo>
                    <a:lnTo>
                      <a:pt x="961" y="2719"/>
                    </a:lnTo>
                    <a:lnTo>
                      <a:pt x="948" y="2723"/>
                    </a:lnTo>
                    <a:lnTo>
                      <a:pt x="936" y="2725"/>
                    </a:lnTo>
                    <a:lnTo>
                      <a:pt x="923" y="2727"/>
                    </a:lnTo>
                    <a:lnTo>
                      <a:pt x="910" y="2729"/>
                    </a:lnTo>
                    <a:lnTo>
                      <a:pt x="905" y="2731"/>
                    </a:lnTo>
                    <a:lnTo>
                      <a:pt x="901" y="2731"/>
                    </a:lnTo>
                    <a:lnTo>
                      <a:pt x="899" y="2731"/>
                    </a:lnTo>
                    <a:lnTo>
                      <a:pt x="895" y="2731"/>
                    </a:lnTo>
                    <a:lnTo>
                      <a:pt x="891" y="2727"/>
                    </a:lnTo>
                    <a:lnTo>
                      <a:pt x="890" y="2721"/>
                    </a:lnTo>
                    <a:lnTo>
                      <a:pt x="888" y="2707"/>
                    </a:lnTo>
                    <a:lnTo>
                      <a:pt x="888" y="2694"/>
                    </a:lnTo>
                    <a:lnTo>
                      <a:pt x="905" y="2677"/>
                    </a:lnTo>
                    <a:close/>
                    <a:moveTo>
                      <a:pt x="943" y="879"/>
                    </a:moveTo>
                    <a:lnTo>
                      <a:pt x="956" y="870"/>
                    </a:lnTo>
                    <a:lnTo>
                      <a:pt x="975" y="856"/>
                    </a:lnTo>
                    <a:lnTo>
                      <a:pt x="984" y="848"/>
                    </a:lnTo>
                    <a:lnTo>
                      <a:pt x="992" y="841"/>
                    </a:lnTo>
                    <a:lnTo>
                      <a:pt x="995" y="837"/>
                    </a:lnTo>
                    <a:lnTo>
                      <a:pt x="996" y="834"/>
                    </a:lnTo>
                    <a:lnTo>
                      <a:pt x="997" y="830"/>
                    </a:lnTo>
                    <a:lnTo>
                      <a:pt x="997" y="828"/>
                    </a:lnTo>
                    <a:lnTo>
                      <a:pt x="991" y="822"/>
                    </a:lnTo>
                    <a:lnTo>
                      <a:pt x="979" y="816"/>
                    </a:lnTo>
                    <a:lnTo>
                      <a:pt x="966" y="808"/>
                    </a:lnTo>
                    <a:lnTo>
                      <a:pt x="957" y="803"/>
                    </a:lnTo>
                    <a:lnTo>
                      <a:pt x="966" y="793"/>
                    </a:lnTo>
                    <a:lnTo>
                      <a:pt x="982" y="780"/>
                    </a:lnTo>
                    <a:lnTo>
                      <a:pt x="983" y="777"/>
                    </a:lnTo>
                    <a:lnTo>
                      <a:pt x="983" y="773"/>
                    </a:lnTo>
                    <a:lnTo>
                      <a:pt x="982" y="769"/>
                    </a:lnTo>
                    <a:lnTo>
                      <a:pt x="982" y="767"/>
                    </a:lnTo>
                    <a:lnTo>
                      <a:pt x="978" y="760"/>
                    </a:lnTo>
                    <a:lnTo>
                      <a:pt x="973" y="754"/>
                    </a:lnTo>
                    <a:lnTo>
                      <a:pt x="969" y="746"/>
                    </a:lnTo>
                    <a:lnTo>
                      <a:pt x="964" y="739"/>
                    </a:lnTo>
                    <a:lnTo>
                      <a:pt x="960" y="733"/>
                    </a:lnTo>
                    <a:lnTo>
                      <a:pt x="958" y="727"/>
                    </a:lnTo>
                    <a:lnTo>
                      <a:pt x="958" y="723"/>
                    </a:lnTo>
                    <a:lnTo>
                      <a:pt x="960" y="720"/>
                    </a:lnTo>
                    <a:lnTo>
                      <a:pt x="962" y="717"/>
                    </a:lnTo>
                    <a:lnTo>
                      <a:pt x="965" y="715"/>
                    </a:lnTo>
                    <a:lnTo>
                      <a:pt x="971" y="711"/>
                    </a:lnTo>
                    <a:lnTo>
                      <a:pt x="979" y="707"/>
                    </a:lnTo>
                    <a:lnTo>
                      <a:pt x="996" y="705"/>
                    </a:lnTo>
                    <a:lnTo>
                      <a:pt x="1010" y="703"/>
                    </a:lnTo>
                    <a:lnTo>
                      <a:pt x="1010" y="716"/>
                    </a:lnTo>
                    <a:lnTo>
                      <a:pt x="1010" y="730"/>
                    </a:lnTo>
                    <a:lnTo>
                      <a:pt x="1011" y="737"/>
                    </a:lnTo>
                    <a:lnTo>
                      <a:pt x="1014" y="743"/>
                    </a:lnTo>
                    <a:lnTo>
                      <a:pt x="1018" y="749"/>
                    </a:lnTo>
                    <a:lnTo>
                      <a:pt x="1023" y="754"/>
                    </a:lnTo>
                    <a:lnTo>
                      <a:pt x="1037" y="760"/>
                    </a:lnTo>
                    <a:lnTo>
                      <a:pt x="1048" y="764"/>
                    </a:lnTo>
                    <a:lnTo>
                      <a:pt x="1057" y="765"/>
                    </a:lnTo>
                    <a:lnTo>
                      <a:pt x="1065" y="765"/>
                    </a:lnTo>
                    <a:lnTo>
                      <a:pt x="1070" y="763"/>
                    </a:lnTo>
                    <a:lnTo>
                      <a:pt x="1075" y="758"/>
                    </a:lnTo>
                    <a:lnTo>
                      <a:pt x="1079" y="752"/>
                    </a:lnTo>
                    <a:lnTo>
                      <a:pt x="1083" y="746"/>
                    </a:lnTo>
                    <a:lnTo>
                      <a:pt x="1088" y="730"/>
                    </a:lnTo>
                    <a:lnTo>
                      <a:pt x="1093" y="714"/>
                    </a:lnTo>
                    <a:lnTo>
                      <a:pt x="1097" y="706"/>
                    </a:lnTo>
                    <a:lnTo>
                      <a:pt x="1101" y="699"/>
                    </a:lnTo>
                    <a:lnTo>
                      <a:pt x="1107" y="693"/>
                    </a:lnTo>
                    <a:lnTo>
                      <a:pt x="1114" y="689"/>
                    </a:lnTo>
                    <a:lnTo>
                      <a:pt x="1137" y="677"/>
                    </a:lnTo>
                    <a:lnTo>
                      <a:pt x="1162" y="667"/>
                    </a:lnTo>
                    <a:lnTo>
                      <a:pt x="1175" y="662"/>
                    </a:lnTo>
                    <a:lnTo>
                      <a:pt x="1188" y="658"/>
                    </a:lnTo>
                    <a:lnTo>
                      <a:pt x="1201" y="655"/>
                    </a:lnTo>
                    <a:lnTo>
                      <a:pt x="1214" y="653"/>
                    </a:lnTo>
                    <a:lnTo>
                      <a:pt x="1234" y="649"/>
                    </a:lnTo>
                    <a:lnTo>
                      <a:pt x="1247" y="646"/>
                    </a:lnTo>
                    <a:lnTo>
                      <a:pt x="1250" y="648"/>
                    </a:lnTo>
                    <a:lnTo>
                      <a:pt x="1252" y="649"/>
                    </a:lnTo>
                    <a:lnTo>
                      <a:pt x="1254" y="650"/>
                    </a:lnTo>
                    <a:lnTo>
                      <a:pt x="1254" y="653"/>
                    </a:lnTo>
                    <a:lnTo>
                      <a:pt x="1254" y="663"/>
                    </a:lnTo>
                    <a:lnTo>
                      <a:pt x="1251" y="677"/>
                    </a:lnTo>
                    <a:lnTo>
                      <a:pt x="1249" y="688"/>
                    </a:lnTo>
                    <a:lnTo>
                      <a:pt x="1245" y="697"/>
                    </a:lnTo>
                    <a:lnTo>
                      <a:pt x="1241" y="706"/>
                    </a:lnTo>
                    <a:lnTo>
                      <a:pt x="1236" y="714"/>
                    </a:lnTo>
                    <a:lnTo>
                      <a:pt x="1230" y="720"/>
                    </a:lnTo>
                    <a:lnTo>
                      <a:pt x="1224" y="727"/>
                    </a:lnTo>
                    <a:lnTo>
                      <a:pt x="1216" y="734"/>
                    </a:lnTo>
                    <a:lnTo>
                      <a:pt x="1207" y="741"/>
                    </a:lnTo>
                    <a:lnTo>
                      <a:pt x="1197" y="747"/>
                    </a:lnTo>
                    <a:lnTo>
                      <a:pt x="1185" y="752"/>
                    </a:lnTo>
                    <a:lnTo>
                      <a:pt x="1181" y="756"/>
                    </a:lnTo>
                    <a:lnTo>
                      <a:pt x="1180" y="759"/>
                    </a:lnTo>
                    <a:lnTo>
                      <a:pt x="1184" y="763"/>
                    </a:lnTo>
                    <a:lnTo>
                      <a:pt x="1192" y="767"/>
                    </a:lnTo>
                    <a:lnTo>
                      <a:pt x="1201" y="771"/>
                    </a:lnTo>
                    <a:lnTo>
                      <a:pt x="1206" y="773"/>
                    </a:lnTo>
                    <a:lnTo>
                      <a:pt x="1208" y="776"/>
                    </a:lnTo>
                    <a:lnTo>
                      <a:pt x="1208" y="780"/>
                    </a:lnTo>
                    <a:lnTo>
                      <a:pt x="1206" y="781"/>
                    </a:lnTo>
                    <a:lnTo>
                      <a:pt x="1202" y="784"/>
                    </a:lnTo>
                    <a:lnTo>
                      <a:pt x="1195" y="785"/>
                    </a:lnTo>
                    <a:lnTo>
                      <a:pt x="1188" y="786"/>
                    </a:lnTo>
                    <a:lnTo>
                      <a:pt x="1155" y="791"/>
                    </a:lnTo>
                    <a:lnTo>
                      <a:pt x="1131" y="794"/>
                    </a:lnTo>
                    <a:lnTo>
                      <a:pt x="1122" y="796"/>
                    </a:lnTo>
                    <a:lnTo>
                      <a:pt x="1115" y="798"/>
                    </a:lnTo>
                    <a:lnTo>
                      <a:pt x="1113" y="800"/>
                    </a:lnTo>
                    <a:lnTo>
                      <a:pt x="1111" y="803"/>
                    </a:lnTo>
                    <a:lnTo>
                      <a:pt x="1114" y="809"/>
                    </a:lnTo>
                    <a:lnTo>
                      <a:pt x="1120" y="816"/>
                    </a:lnTo>
                    <a:lnTo>
                      <a:pt x="1123" y="820"/>
                    </a:lnTo>
                    <a:lnTo>
                      <a:pt x="1127" y="825"/>
                    </a:lnTo>
                    <a:lnTo>
                      <a:pt x="1129" y="829"/>
                    </a:lnTo>
                    <a:lnTo>
                      <a:pt x="1129" y="834"/>
                    </a:lnTo>
                    <a:lnTo>
                      <a:pt x="1129" y="839"/>
                    </a:lnTo>
                    <a:lnTo>
                      <a:pt x="1127" y="844"/>
                    </a:lnTo>
                    <a:lnTo>
                      <a:pt x="1123" y="850"/>
                    </a:lnTo>
                    <a:lnTo>
                      <a:pt x="1115" y="856"/>
                    </a:lnTo>
                    <a:lnTo>
                      <a:pt x="1106" y="861"/>
                    </a:lnTo>
                    <a:lnTo>
                      <a:pt x="1096" y="864"/>
                    </a:lnTo>
                    <a:lnTo>
                      <a:pt x="1087" y="865"/>
                    </a:lnTo>
                    <a:lnTo>
                      <a:pt x="1076" y="865"/>
                    </a:lnTo>
                    <a:lnTo>
                      <a:pt x="1057" y="861"/>
                    </a:lnTo>
                    <a:lnTo>
                      <a:pt x="1036" y="857"/>
                    </a:lnTo>
                    <a:lnTo>
                      <a:pt x="1031" y="857"/>
                    </a:lnTo>
                    <a:lnTo>
                      <a:pt x="1026" y="859"/>
                    </a:lnTo>
                    <a:lnTo>
                      <a:pt x="1022" y="860"/>
                    </a:lnTo>
                    <a:lnTo>
                      <a:pt x="1018" y="863"/>
                    </a:lnTo>
                    <a:lnTo>
                      <a:pt x="1013" y="870"/>
                    </a:lnTo>
                    <a:lnTo>
                      <a:pt x="1008" y="881"/>
                    </a:lnTo>
                    <a:lnTo>
                      <a:pt x="1002" y="890"/>
                    </a:lnTo>
                    <a:lnTo>
                      <a:pt x="996" y="900"/>
                    </a:lnTo>
                    <a:lnTo>
                      <a:pt x="991" y="904"/>
                    </a:lnTo>
                    <a:lnTo>
                      <a:pt x="986" y="907"/>
                    </a:lnTo>
                    <a:lnTo>
                      <a:pt x="979" y="909"/>
                    </a:lnTo>
                    <a:lnTo>
                      <a:pt x="973" y="912"/>
                    </a:lnTo>
                    <a:lnTo>
                      <a:pt x="956" y="916"/>
                    </a:lnTo>
                    <a:lnTo>
                      <a:pt x="942" y="921"/>
                    </a:lnTo>
                    <a:lnTo>
                      <a:pt x="935" y="921"/>
                    </a:lnTo>
                    <a:lnTo>
                      <a:pt x="930" y="918"/>
                    </a:lnTo>
                    <a:lnTo>
                      <a:pt x="925" y="914"/>
                    </a:lnTo>
                    <a:lnTo>
                      <a:pt x="920" y="909"/>
                    </a:lnTo>
                    <a:lnTo>
                      <a:pt x="916" y="903"/>
                    </a:lnTo>
                    <a:lnTo>
                      <a:pt x="913" y="898"/>
                    </a:lnTo>
                    <a:lnTo>
                      <a:pt x="913" y="891"/>
                    </a:lnTo>
                    <a:lnTo>
                      <a:pt x="914" y="886"/>
                    </a:lnTo>
                    <a:lnTo>
                      <a:pt x="943" y="879"/>
                    </a:lnTo>
                    <a:close/>
                    <a:moveTo>
                      <a:pt x="833" y="974"/>
                    </a:moveTo>
                    <a:lnTo>
                      <a:pt x="822" y="965"/>
                    </a:lnTo>
                    <a:lnTo>
                      <a:pt x="813" y="955"/>
                    </a:lnTo>
                    <a:lnTo>
                      <a:pt x="806" y="945"/>
                    </a:lnTo>
                    <a:lnTo>
                      <a:pt x="796" y="933"/>
                    </a:lnTo>
                    <a:lnTo>
                      <a:pt x="793" y="926"/>
                    </a:lnTo>
                    <a:lnTo>
                      <a:pt x="791" y="920"/>
                    </a:lnTo>
                    <a:lnTo>
                      <a:pt x="791" y="916"/>
                    </a:lnTo>
                    <a:lnTo>
                      <a:pt x="793" y="913"/>
                    </a:lnTo>
                    <a:lnTo>
                      <a:pt x="794" y="910"/>
                    </a:lnTo>
                    <a:lnTo>
                      <a:pt x="796" y="909"/>
                    </a:lnTo>
                    <a:lnTo>
                      <a:pt x="806" y="909"/>
                    </a:lnTo>
                    <a:lnTo>
                      <a:pt x="815" y="912"/>
                    </a:lnTo>
                    <a:lnTo>
                      <a:pt x="828" y="910"/>
                    </a:lnTo>
                    <a:lnTo>
                      <a:pt x="839" y="908"/>
                    </a:lnTo>
                    <a:lnTo>
                      <a:pt x="844" y="907"/>
                    </a:lnTo>
                    <a:lnTo>
                      <a:pt x="851" y="907"/>
                    </a:lnTo>
                    <a:lnTo>
                      <a:pt x="856" y="907"/>
                    </a:lnTo>
                    <a:lnTo>
                      <a:pt x="863" y="907"/>
                    </a:lnTo>
                    <a:lnTo>
                      <a:pt x="869" y="909"/>
                    </a:lnTo>
                    <a:lnTo>
                      <a:pt x="873" y="914"/>
                    </a:lnTo>
                    <a:lnTo>
                      <a:pt x="875" y="920"/>
                    </a:lnTo>
                    <a:lnTo>
                      <a:pt x="878" y="926"/>
                    </a:lnTo>
                    <a:lnTo>
                      <a:pt x="879" y="939"/>
                    </a:lnTo>
                    <a:lnTo>
                      <a:pt x="882" y="952"/>
                    </a:lnTo>
                    <a:lnTo>
                      <a:pt x="883" y="956"/>
                    </a:lnTo>
                    <a:lnTo>
                      <a:pt x="883" y="958"/>
                    </a:lnTo>
                    <a:lnTo>
                      <a:pt x="883" y="961"/>
                    </a:lnTo>
                    <a:lnTo>
                      <a:pt x="882" y="965"/>
                    </a:lnTo>
                    <a:lnTo>
                      <a:pt x="879" y="969"/>
                    </a:lnTo>
                    <a:lnTo>
                      <a:pt x="874" y="973"/>
                    </a:lnTo>
                    <a:lnTo>
                      <a:pt x="868" y="975"/>
                    </a:lnTo>
                    <a:lnTo>
                      <a:pt x="861" y="977"/>
                    </a:lnTo>
                    <a:lnTo>
                      <a:pt x="855" y="978"/>
                    </a:lnTo>
                    <a:lnTo>
                      <a:pt x="848" y="978"/>
                    </a:lnTo>
                    <a:lnTo>
                      <a:pt x="833" y="974"/>
                    </a:lnTo>
                    <a:close/>
                    <a:moveTo>
                      <a:pt x="798" y="1040"/>
                    </a:moveTo>
                    <a:lnTo>
                      <a:pt x="790" y="1035"/>
                    </a:lnTo>
                    <a:lnTo>
                      <a:pt x="785" y="1030"/>
                    </a:lnTo>
                    <a:lnTo>
                      <a:pt x="781" y="1024"/>
                    </a:lnTo>
                    <a:lnTo>
                      <a:pt x="776" y="1017"/>
                    </a:lnTo>
                    <a:lnTo>
                      <a:pt x="773" y="1010"/>
                    </a:lnTo>
                    <a:lnTo>
                      <a:pt x="772" y="1002"/>
                    </a:lnTo>
                    <a:lnTo>
                      <a:pt x="773" y="1000"/>
                    </a:lnTo>
                    <a:lnTo>
                      <a:pt x="774" y="997"/>
                    </a:lnTo>
                    <a:lnTo>
                      <a:pt x="778" y="996"/>
                    </a:lnTo>
                    <a:lnTo>
                      <a:pt x="782" y="996"/>
                    </a:lnTo>
                    <a:lnTo>
                      <a:pt x="796" y="996"/>
                    </a:lnTo>
                    <a:lnTo>
                      <a:pt x="812" y="999"/>
                    </a:lnTo>
                    <a:lnTo>
                      <a:pt x="815" y="999"/>
                    </a:lnTo>
                    <a:lnTo>
                      <a:pt x="818" y="999"/>
                    </a:lnTo>
                    <a:lnTo>
                      <a:pt x="821" y="1000"/>
                    </a:lnTo>
                    <a:lnTo>
                      <a:pt x="822" y="1002"/>
                    </a:lnTo>
                    <a:lnTo>
                      <a:pt x="830" y="1014"/>
                    </a:lnTo>
                    <a:lnTo>
                      <a:pt x="835" y="1026"/>
                    </a:lnTo>
                    <a:lnTo>
                      <a:pt x="837" y="1030"/>
                    </a:lnTo>
                    <a:lnTo>
                      <a:pt x="835" y="1032"/>
                    </a:lnTo>
                    <a:lnTo>
                      <a:pt x="834" y="1036"/>
                    </a:lnTo>
                    <a:lnTo>
                      <a:pt x="830" y="1037"/>
                    </a:lnTo>
                    <a:lnTo>
                      <a:pt x="824" y="1041"/>
                    </a:lnTo>
                    <a:lnTo>
                      <a:pt x="817" y="1044"/>
                    </a:lnTo>
                    <a:lnTo>
                      <a:pt x="798" y="1040"/>
                    </a:lnTo>
                    <a:close/>
                    <a:moveTo>
                      <a:pt x="737" y="1124"/>
                    </a:moveTo>
                    <a:lnTo>
                      <a:pt x="738" y="1111"/>
                    </a:lnTo>
                    <a:lnTo>
                      <a:pt x="741" y="1092"/>
                    </a:lnTo>
                    <a:lnTo>
                      <a:pt x="743" y="1083"/>
                    </a:lnTo>
                    <a:lnTo>
                      <a:pt x="746" y="1074"/>
                    </a:lnTo>
                    <a:lnTo>
                      <a:pt x="749" y="1069"/>
                    </a:lnTo>
                    <a:lnTo>
                      <a:pt x="752" y="1065"/>
                    </a:lnTo>
                    <a:lnTo>
                      <a:pt x="759" y="1063"/>
                    </a:lnTo>
                    <a:lnTo>
                      <a:pt x="769" y="1063"/>
                    </a:lnTo>
                    <a:lnTo>
                      <a:pt x="780" y="1065"/>
                    </a:lnTo>
                    <a:lnTo>
                      <a:pt x="783" y="1066"/>
                    </a:lnTo>
                    <a:lnTo>
                      <a:pt x="782" y="1075"/>
                    </a:lnTo>
                    <a:lnTo>
                      <a:pt x="780" y="1084"/>
                    </a:lnTo>
                    <a:lnTo>
                      <a:pt x="777" y="1093"/>
                    </a:lnTo>
                    <a:lnTo>
                      <a:pt x="773" y="1101"/>
                    </a:lnTo>
                    <a:lnTo>
                      <a:pt x="771" y="1113"/>
                    </a:lnTo>
                    <a:lnTo>
                      <a:pt x="769" y="1124"/>
                    </a:lnTo>
                    <a:lnTo>
                      <a:pt x="767" y="1136"/>
                    </a:lnTo>
                    <a:lnTo>
                      <a:pt x="764" y="1148"/>
                    </a:lnTo>
                    <a:lnTo>
                      <a:pt x="764" y="1153"/>
                    </a:lnTo>
                    <a:lnTo>
                      <a:pt x="761" y="1157"/>
                    </a:lnTo>
                    <a:lnTo>
                      <a:pt x="759" y="1159"/>
                    </a:lnTo>
                    <a:lnTo>
                      <a:pt x="755" y="1162"/>
                    </a:lnTo>
                    <a:lnTo>
                      <a:pt x="751" y="1162"/>
                    </a:lnTo>
                    <a:lnTo>
                      <a:pt x="749" y="1161"/>
                    </a:lnTo>
                    <a:lnTo>
                      <a:pt x="747" y="1158"/>
                    </a:lnTo>
                    <a:lnTo>
                      <a:pt x="746" y="1155"/>
                    </a:lnTo>
                    <a:lnTo>
                      <a:pt x="745" y="1148"/>
                    </a:lnTo>
                    <a:lnTo>
                      <a:pt x="745" y="1141"/>
                    </a:lnTo>
                    <a:lnTo>
                      <a:pt x="737" y="1124"/>
                    </a:lnTo>
                    <a:close/>
                    <a:moveTo>
                      <a:pt x="1010" y="1176"/>
                    </a:moveTo>
                    <a:lnTo>
                      <a:pt x="1011" y="1168"/>
                    </a:lnTo>
                    <a:lnTo>
                      <a:pt x="1013" y="1159"/>
                    </a:lnTo>
                    <a:lnTo>
                      <a:pt x="1013" y="1149"/>
                    </a:lnTo>
                    <a:lnTo>
                      <a:pt x="1011" y="1140"/>
                    </a:lnTo>
                    <a:lnTo>
                      <a:pt x="1009" y="1131"/>
                    </a:lnTo>
                    <a:lnTo>
                      <a:pt x="1005" y="1124"/>
                    </a:lnTo>
                    <a:lnTo>
                      <a:pt x="1001" y="1123"/>
                    </a:lnTo>
                    <a:lnTo>
                      <a:pt x="999" y="1122"/>
                    </a:lnTo>
                    <a:lnTo>
                      <a:pt x="995" y="1122"/>
                    </a:lnTo>
                    <a:lnTo>
                      <a:pt x="989" y="1123"/>
                    </a:lnTo>
                    <a:lnTo>
                      <a:pt x="980" y="1126"/>
                    </a:lnTo>
                    <a:lnTo>
                      <a:pt x="971" y="1126"/>
                    </a:lnTo>
                    <a:lnTo>
                      <a:pt x="965" y="1124"/>
                    </a:lnTo>
                    <a:lnTo>
                      <a:pt x="958" y="1122"/>
                    </a:lnTo>
                    <a:lnTo>
                      <a:pt x="953" y="1118"/>
                    </a:lnTo>
                    <a:lnTo>
                      <a:pt x="949" y="1114"/>
                    </a:lnTo>
                    <a:lnTo>
                      <a:pt x="945" y="1107"/>
                    </a:lnTo>
                    <a:lnTo>
                      <a:pt x="943" y="1102"/>
                    </a:lnTo>
                    <a:lnTo>
                      <a:pt x="940" y="1089"/>
                    </a:lnTo>
                    <a:lnTo>
                      <a:pt x="940" y="1079"/>
                    </a:lnTo>
                    <a:lnTo>
                      <a:pt x="942" y="1075"/>
                    </a:lnTo>
                    <a:lnTo>
                      <a:pt x="942" y="1071"/>
                    </a:lnTo>
                    <a:lnTo>
                      <a:pt x="944" y="1070"/>
                    </a:lnTo>
                    <a:lnTo>
                      <a:pt x="945" y="1070"/>
                    </a:lnTo>
                    <a:lnTo>
                      <a:pt x="953" y="1072"/>
                    </a:lnTo>
                    <a:lnTo>
                      <a:pt x="961" y="1075"/>
                    </a:lnTo>
                    <a:lnTo>
                      <a:pt x="970" y="1076"/>
                    </a:lnTo>
                    <a:lnTo>
                      <a:pt x="978" y="1076"/>
                    </a:lnTo>
                    <a:lnTo>
                      <a:pt x="982" y="1076"/>
                    </a:lnTo>
                    <a:lnTo>
                      <a:pt x="986" y="1075"/>
                    </a:lnTo>
                    <a:lnTo>
                      <a:pt x="989" y="1072"/>
                    </a:lnTo>
                    <a:lnTo>
                      <a:pt x="992" y="1071"/>
                    </a:lnTo>
                    <a:lnTo>
                      <a:pt x="993" y="1067"/>
                    </a:lnTo>
                    <a:lnTo>
                      <a:pt x="996" y="1065"/>
                    </a:lnTo>
                    <a:lnTo>
                      <a:pt x="997" y="1059"/>
                    </a:lnTo>
                    <a:lnTo>
                      <a:pt x="997" y="1054"/>
                    </a:lnTo>
                    <a:lnTo>
                      <a:pt x="997" y="1043"/>
                    </a:lnTo>
                    <a:lnTo>
                      <a:pt x="997" y="1028"/>
                    </a:lnTo>
                    <a:lnTo>
                      <a:pt x="997" y="1021"/>
                    </a:lnTo>
                    <a:lnTo>
                      <a:pt x="1000" y="1015"/>
                    </a:lnTo>
                    <a:lnTo>
                      <a:pt x="1002" y="1010"/>
                    </a:lnTo>
                    <a:lnTo>
                      <a:pt x="1006" y="1006"/>
                    </a:lnTo>
                    <a:lnTo>
                      <a:pt x="1013" y="1019"/>
                    </a:lnTo>
                    <a:lnTo>
                      <a:pt x="1027" y="1044"/>
                    </a:lnTo>
                    <a:lnTo>
                      <a:pt x="1035" y="1054"/>
                    </a:lnTo>
                    <a:lnTo>
                      <a:pt x="1041" y="1061"/>
                    </a:lnTo>
                    <a:lnTo>
                      <a:pt x="1044" y="1061"/>
                    </a:lnTo>
                    <a:lnTo>
                      <a:pt x="1046" y="1059"/>
                    </a:lnTo>
                    <a:lnTo>
                      <a:pt x="1049" y="1056"/>
                    </a:lnTo>
                    <a:lnTo>
                      <a:pt x="1049" y="1050"/>
                    </a:lnTo>
                    <a:lnTo>
                      <a:pt x="1052" y="1041"/>
                    </a:lnTo>
                    <a:lnTo>
                      <a:pt x="1056" y="1032"/>
                    </a:lnTo>
                    <a:lnTo>
                      <a:pt x="1063" y="1021"/>
                    </a:lnTo>
                    <a:lnTo>
                      <a:pt x="1071" y="1009"/>
                    </a:lnTo>
                    <a:lnTo>
                      <a:pt x="1080" y="1000"/>
                    </a:lnTo>
                    <a:lnTo>
                      <a:pt x="1091" y="992"/>
                    </a:lnTo>
                    <a:lnTo>
                      <a:pt x="1094" y="990"/>
                    </a:lnTo>
                    <a:lnTo>
                      <a:pt x="1100" y="988"/>
                    </a:lnTo>
                    <a:lnTo>
                      <a:pt x="1103" y="988"/>
                    </a:lnTo>
                    <a:lnTo>
                      <a:pt x="1107" y="990"/>
                    </a:lnTo>
                    <a:lnTo>
                      <a:pt x="1110" y="1001"/>
                    </a:lnTo>
                    <a:lnTo>
                      <a:pt x="1110" y="1012"/>
                    </a:lnTo>
                    <a:lnTo>
                      <a:pt x="1110" y="1023"/>
                    </a:lnTo>
                    <a:lnTo>
                      <a:pt x="1109" y="1034"/>
                    </a:lnTo>
                    <a:lnTo>
                      <a:pt x="1102" y="1054"/>
                    </a:lnTo>
                    <a:lnTo>
                      <a:pt x="1094" y="1074"/>
                    </a:lnTo>
                    <a:lnTo>
                      <a:pt x="1087" y="1094"/>
                    </a:lnTo>
                    <a:lnTo>
                      <a:pt x="1079" y="1114"/>
                    </a:lnTo>
                    <a:lnTo>
                      <a:pt x="1075" y="1124"/>
                    </a:lnTo>
                    <a:lnTo>
                      <a:pt x="1072" y="1135"/>
                    </a:lnTo>
                    <a:lnTo>
                      <a:pt x="1071" y="1145"/>
                    </a:lnTo>
                    <a:lnTo>
                      <a:pt x="1071" y="1157"/>
                    </a:lnTo>
                    <a:lnTo>
                      <a:pt x="1072" y="1172"/>
                    </a:lnTo>
                    <a:lnTo>
                      <a:pt x="1076" y="1193"/>
                    </a:lnTo>
                    <a:lnTo>
                      <a:pt x="1080" y="1202"/>
                    </a:lnTo>
                    <a:lnTo>
                      <a:pt x="1084" y="1212"/>
                    </a:lnTo>
                    <a:lnTo>
                      <a:pt x="1087" y="1220"/>
                    </a:lnTo>
                    <a:lnTo>
                      <a:pt x="1091" y="1225"/>
                    </a:lnTo>
                    <a:lnTo>
                      <a:pt x="1100" y="1233"/>
                    </a:lnTo>
                    <a:lnTo>
                      <a:pt x="1106" y="1238"/>
                    </a:lnTo>
                    <a:lnTo>
                      <a:pt x="1113" y="1240"/>
                    </a:lnTo>
                    <a:lnTo>
                      <a:pt x="1119" y="1241"/>
                    </a:lnTo>
                    <a:lnTo>
                      <a:pt x="1125" y="1240"/>
                    </a:lnTo>
                    <a:lnTo>
                      <a:pt x="1132" y="1240"/>
                    </a:lnTo>
                    <a:lnTo>
                      <a:pt x="1138" y="1241"/>
                    </a:lnTo>
                    <a:lnTo>
                      <a:pt x="1145" y="1243"/>
                    </a:lnTo>
                    <a:lnTo>
                      <a:pt x="1146" y="1254"/>
                    </a:lnTo>
                    <a:lnTo>
                      <a:pt x="1145" y="1262"/>
                    </a:lnTo>
                    <a:lnTo>
                      <a:pt x="1142" y="1267"/>
                    </a:lnTo>
                    <a:lnTo>
                      <a:pt x="1140" y="1271"/>
                    </a:lnTo>
                    <a:lnTo>
                      <a:pt x="1128" y="1276"/>
                    </a:lnTo>
                    <a:lnTo>
                      <a:pt x="1113" y="1282"/>
                    </a:lnTo>
                    <a:lnTo>
                      <a:pt x="1103" y="1293"/>
                    </a:lnTo>
                    <a:lnTo>
                      <a:pt x="1094" y="1306"/>
                    </a:lnTo>
                    <a:lnTo>
                      <a:pt x="1091" y="1308"/>
                    </a:lnTo>
                    <a:lnTo>
                      <a:pt x="1085" y="1311"/>
                    </a:lnTo>
                    <a:lnTo>
                      <a:pt x="1080" y="1312"/>
                    </a:lnTo>
                    <a:lnTo>
                      <a:pt x="1075" y="1313"/>
                    </a:lnTo>
                    <a:lnTo>
                      <a:pt x="1063" y="1313"/>
                    </a:lnTo>
                    <a:lnTo>
                      <a:pt x="1053" y="1312"/>
                    </a:lnTo>
                    <a:lnTo>
                      <a:pt x="1053" y="1309"/>
                    </a:lnTo>
                    <a:lnTo>
                      <a:pt x="1056" y="1306"/>
                    </a:lnTo>
                    <a:lnTo>
                      <a:pt x="1059" y="1300"/>
                    </a:lnTo>
                    <a:lnTo>
                      <a:pt x="1065" y="1295"/>
                    </a:lnTo>
                    <a:lnTo>
                      <a:pt x="1070" y="1289"/>
                    </a:lnTo>
                    <a:lnTo>
                      <a:pt x="1075" y="1284"/>
                    </a:lnTo>
                    <a:lnTo>
                      <a:pt x="1078" y="1277"/>
                    </a:lnTo>
                    <a:lnTo>
                      <a:pt x="1079" y="1272"/>
                    </a:lnTo>
                    <a:lnTo>
                      <a:pt x="1079" y="1268"/>
                    </a:lnTo>
                    <a:lnTo>
                      <a:pt x="1078" y="1265"/>
                    </a:lnTo>
                    <a:lnTo>
                      <a:pt x="1075" y="1262"/>
                    </a:lnTo>
                    <a:lnTo>
                      <a:pt x="1072" y="1259"/>
                    </a:lnTo>
                    <a:lnTo>
                      <a:pt x="1065" y="1255"/>
                    </a:lnTo>
                    <a:lnTo>
                      <a:pt x="1056" y="1252"/>
                    </a:lnTo>
                    <a:lnTo>
                      <a:pt x="1037" y="1247"/>
                    </a:lnTo>
                    <a:lnTo>
                      <a:pt x="1022" y="1246"/>
                    </a:lnTo>
                    <a:lnTo>
                      <a:pt x="1009" y="1242"/>
                    </a:lnTo>
                    <a:lnTo>
                      <a:pt x="1000" y="1240"/>
                    </a:lnTo>
                    <a:lnTo>
                      <a:pt x="997" y="1237"/>
                    </a:lnTo>
                    <a:lnTo>
                      <a:pt x="995" y="1236"/>
                    </a:lnTo>
                    <a:lnTo>
                      <a:pt x="992" y="1233"/>
                    </a:lnTo>
                    <a:lnTo>
                      <a:pt x="992" y="1230"/>
                    </a:lnTo>
                    <a:lnTo>
                      <a:pt x="992" y="1216"/>
                    </a:lnTo>
                    <a:lnTo>
                      <a:pt x="995" y="1194"/>
                    </a:lnTo>
                    <a:lnTo>
                      <a:pt x="1010" y="1176"/>
                    </a:lnTo>
                    <a:close/>
                    <a:moveTo>
                      <a:pt x="881" y="1593"/>
                    </a:moveTo>
                    <a:lnTo>
                      <a:pt x="892" y="1596"/>
                    </a:lnTo>
                    <a:lnTo>
                      <a:pt x="907" y="1596"/>
                    </a:lnTo>
                    <a:lnTo>
                      <a:pt x="920" y="1594"/>
                    </a:lnTo>
                    <a:lnTo>
                      <a:pt x="931" y="1591"/>
                    </a:lnTo>
                    <a:lnTo>
                      <a:pt x="922" y="1578"/>
                    </a:lnTo>
                    <a:lnTo>
                      <a:pt x="912" y="1559"/>
                    </a:lnTo>
                    <a:lnTo>
                      <a:pt x="926" y="1553"/>
                    </a:lnTo>
                    <a:lnTo>
                      <a:pt x="939" y="1545"/>
                    </a:lnTo>
                    <a:lnTo>
                      <a:pt x="942" y="1543"/>
                    </a:lnTo>
                    <a:lnTo>
                      <a:pt x="943" y="1540"/>
                    </a:lnTo>
                    <a:lnTo>
                      <a:pt x="943" y="1539"/>
                    </a:lnTo>
                    <a:lnTo>
                      <a:pt x="943" y="1536"/>
                    </a:lnTo>
                    <a:lnTo>
                      <a:pt x="942" y="1534"/>
                    </a:lnTo>
                    <a:lnTo>
                      <a:pt x="939" y="1531"/>
                    </a:lnTo>
                    <a:lnTo>
                      <a:pt x="935" y="1528"/>
                    </a:lnTo>
                    <a:lnTo>
                      <a:pt x="930" y="1526"/>
                    </a:lnTo>
                    <a:lnTo>
                      <a:pt x="917" y="1522"/>
                    </a:lnTo>
                    <a:lnTo>
                      <a:pt x="903" y="1515"/>
                    </a:lnTo>
                    <a:lnTo>
                      <a:pt x="896" y="1513"/>
                    </a:lnTo>
                    <a:lnTo>
                      <a:pt x="891" y="1508"/>
                    </a:lnTo>
                    <a:lnTo>
                      <a:pt x="890" y="1505"/>
                    </a:lnTo>
                    <a:lnTo>
                      <a:pt x="888" y="1502"/>
                    </a:lnTo>
                    <a:lnTo>
                      <a:pt x="888" y="1499"/>
                    </a:lnTo>
                    <a:lnTo>
                      <a:pt x="888" y="1496"/>
                    </a:lnTo>
                    <a:lnTo>
                      <a:pt x="895" y="1486"/>
                    </a:lnTo>
                    <a:lnTo>
                      <a:pt x="907" y="1474"/>
                    </a:lnTo>
                    <a:lnTo>
                      <a:pt x="920" y="1462"/>
                    </a:lnTo>
                    <a:lnTo>
                      <a:pt x="929" y="1455"/>
                    </a:lnTo>
                    <a:lnTo>
                      <a:pt x="935" y="1449"/>
                    </a:lnTo>
                    <a:lnTo>
                      <a:pt x="942" y="1446"/>
                    </a:lnTo>
                    <a:lnTo>
                      <a:pt x="945" y="1443"/>
                    </a:lnTo>
                    <a:lnTo>
                      <a:pt x="951" y="1442"/>
                    </a:lnTo>
                    <a:lnTo>
                      <a:pt x="954" y="1443"/>
                    </a:lnTo>
                    <a:lnTo>
                      <a:pt x="958" y="1446"/>
                    </a:lnTo>
                    <a:lnTo>
                      <a:pt x="961" y="1451"/>
                    </a:lnTo>
                    <a:lnTo>
                      <a:pt x="964" y="1460"/>
                    </a:lnTo>
                    <a:lnTo>
                      <a:pt x="971" y="1483"/>
                    </a:lnTo>
                    <a:lnTo>
                      <a:pt x="982" y="1505"/>
                    </a:lnTo>
                    <a:lnTo>
                      <a:pt x="992" y="1527"/>
                    </a:lnTo>
                    <a:lnTo>
                      <a:pt x="1001" y="1549"/>
                    </a:lnTo>
                    <a:lnTo>
                      <a:pt x="1008" y="1565"/>
                    </a:lnTo>
                    <a:lnTo>
                      <a:pt x="1013" y="1580"/>
                    </a:lnTo>
                    <a:lnTo>
                      <a:pt x="1015" y="1588"/>
                    </a:lnTo>
                    <a:lnTo>
                      <a:pt x="1015" y="1596"/>
                    </a:lnTo>
                    <a:lnTo>
                      <a:pt x="1014" y="1604"/>
                    </a:lnTo>
                    <a:lnTo>
                      <a:pt x="1011" y="1613"/>
                    </a:lnTo>
                    <a:lnTo>
                      <a:pt x="1008" y="1619"/>
                    </a:lnTo>
                    <a:lnTo>
                      <a:pt x="1002" y="1624"/>
                    </a:lnTo>
                    <a:lnTo>
                      <a:pt x="997" y="1628"/>
                    </a:lnTo>
                    <a:lnTo>
                      <a:pt x="991" y="1631"/>
                    </a:lnTo>
                    <a:lnTo>
                      <a:pt x="986" y="1632"/>
                    </a:lnTo>
                    <a:lnTo>
                      <a:pt x="978" y="1633"/>
                    </a:lnTo>
                    <a:lnTo>
                      <a:pt x="971" y="1633"/>
                    </a:lnTo>
                    <a:lnTo>
                      <a:pt x="964" y="1632"/>
                    </a:lnTo>
                    <a:lnTo>
                      <a:pt x="934" y="1627"/>
                    </a:lnTo>
                    <a:lnTo>
                      <a:pt x="908" y="1622"/>
                    </a:lnTo>
                    <a:lnTo>
                      <a:pt x="887" y="1622"/>
                    </a:lnTo>
                    <a:lnTo>
                      <a:pt x="857" y="1616"/>
                    </a:lnTo>
                    <a:lnTo>
                      <a:pt x="851" y="1615"/>
                    </a:lnTo>
                    <a:lnTo>
                      <a:pt x="846" y="1613"/>
                    </a:lnTo>
                    <a:lnTo>
                      <a:pt x="840" y="1610"/>
                    </a:lnTo>
                    <a:lnTo>
                      <a:pt x="838" y="1607"/>
                    </a:lnTo>
                    <a:lnTo>
                      <a:pt x="837" y="1604"/>
                    </a:lnTo>
                    <a:lnTo>
                      <a:pt x="837" y="1600"/>
                    </a:lnTo>
                    <a:lnTo>
                      <a:pt x="840" y="1594"/>
                    </a:lnTo>
                    <a:lnTo>
                      <a:pt x="846" y="1589"/>
                    </a:lnTo>
                    <a:lnTo>
                      <a:pt x="881" y="1593"/>
                    </a:lnTo>
                    <a:close/>
                    <a:moveTo>
                      <a:pt x="754" y="1851"/>
                    </a:moveTo>
                    <a:lnTo>
                      <a:pt x="756" y="1846"/>
                    </a:lnTo>
                    <a:lnTo>
                      <a:pt x="758" y="1841"/>
                    </a:lnTo>
                    <a:lnTo>
                      <a:pt x="758" y="1833"/>
                    </a:lnTo>
                    <a:lnTo>
                      <a:pt x="758" y="1826"/>
                    </a:lnTo>
                    <a:lnTo>
                      <a:pt x="758" y="1820"/>
                    </a:lnTo>
                    <a:lnTo>
                      <a:pt x="755" y="1815"/>
                    </a:lnTo>
                    <a:lnTo>
                      <a:pt x="752" y="1813"/>
                    </a:lnTo>
                    <a:lnTo>
                      <a:pt x="751" y="1812"/>
                    </a:lnTo>
                    <a:lnTo>
                      <a:pt x="749" y="1812"/>
                    </a:lnTo>
                    <a:lnTo>
                      <a:pt x="745" y="1813"/>
                    </a:lnTo>
                    <a:lnTo>
                      <a:pt x="738" y="1819"/>
                    </a:lnTo>
                    <a:lnTo>
                      <a:pt x="730" y="1826"/>
                    </a:lnTo>
                    <a:lnTo>
                      <a:pt x="723" y="1830"/>
                    </a:lnTo>
                    <a:lnTo>
                      <a:pt x="710" y="1835"/>
                    </a:lnTo>
                    <a:lnTo>
                      <a:pt x="703" y="1837"/>
                    </a:lnTo>
                    <a:lnTo>
                      <a:pt x="698" y="1838"/>
                    </a:lnTo>
                    <a:lnTo>
                      <a:pt x="695" y="1838"/>
                    </a:lnTo>
                    <a:lnTo>
                      <a:pt x="693" y="1837"/>
                    </a:lnTo>
                    <a:lnTo>
                      <a:pt x="692" y="1835"/>
                    </a:lnTo>
                    <a:lnTo>
                      <a:pt x="690" y="1834"/>
                    </a:lnTo>
                    <a:lnTo>
                      <a:pt x="703" y="1817"/>
                    </a:lnTo>
                    <a:lnTo>
                      <a:pt x="719" y="1798"/>
                    </a:lnTo>
                    <a:lnTo>
                      <a:pt x="723" y="1790"/>
                    </a:lnTo>
                    <a:lnTo>
                      <a:pt x="729" y="1778"/>
                    </a:lnTo>
                    <a:lnTo>
                      <a:pt x="733" y="1773"/>
                    </a:lnTo>
                    <a:lnTo>
                      <a:pt x="737" y="1769"/>
                    </a:lnTo>
                    <a:lnTo>
                      <a:pt x="739" y="1768"/>
                    </a:lnTo>
                    <a:lnTo>
                      <a:pt x="741" y="1767"/>
                    </a:lnTo>
                    <a:lnTo>
                      <a:pt x="743" y="1767"/>
                    </a:lnTo>
                    <a:lnTo>
                      <a:pt x="745" y="1768"/>
                    </a:lnTo>
                    <a:lnTo>
                      <a:pt x="752" y="1773"/>
                    </a:lnTo>
                    <a:lnTo>
                      <a:pt x="758" y="1777"/>
                    </a:lnTo>
                    <a:lnTo>
                      <a:pt x="764" y="1780"/>
                    </a:lnTo>
                    <a:lnTo>
                      <a:pt x="773" y="1782"/>
                    </a:lnTo>
                    <a:lnTo>
                      <a:pt x="780" y="1784"/>
                    </a:lnTo>
                    <a:lnTo>
                      <a:pt x="786" y="1787"/>
                    </a:lnTo>
                    <a:lnTo>
                      <a:pt x="791" y="1793"/>
                    </a:lnTo>
                    <a:lnTo>
                      <a:pt x="795" y="1798"/>
                    </a:lnTo>
                    <a:lnTo>
                      <a:pt x="802" y="1810"/>
                    </a:lnTo>
                    <a:lnTo>
                      <a:pt x="808" y="1822"/>
                    </a:lnTo>
                    <a:lnTo>
                      <a:pt x="815" y="1834"/>
                    </a:lnTo>
                    <a:lnTo>
                      <a:pt x="817" y="1846"/>
                    </a:lnTo>
                    <a:lnTo>
                      <a:pt x="818" y="1850"/>
                    </a:lnTo>
                    <a:lnTo>
                      <a:pt x="818" y="1855"/>
                    </a:lnTo>
                    <a:lnTo>
                      <a:pt x="817" y="1859"/>
                    </a:lnTo>
                    <a:lnTo>
                      <a:pt x="816" y="1863"/>
                    </a:lnTo>
                    <a:lnTo>
                      <a:pt x="815" y="1867"/>
                    </a:lnTo>
                    <a:lnTo>
                      <a:pt x="812" y="1870"/>
                    </a:lnTo>
                    <a:lnTo>
                      <a:pt x="808" y="1873"/>
                    </a:lnTo>
                    <a:lnTo>
                      <a:pt x="804" y="1876"/>
                    </a:lnTo>
                    <a:lnTo>
                      <a:pt x="793" y="1879"/>
                    </a:lnTo>
                    <a:lnTo>
                      <a:pt x="780" y="1883"/>
                    </a:lnTo>
                    <a:lnTo>
                      <a:pt x="763" y="1890"/>
                    </a:lnTo>
                    <a:lnTo>
                      <a:pt x="746" y="1898"/>
                    </a:lnTo>
                    <a:lnTo>
                      <a:pt x="739" y="1899"/>
                    </a:lnTo>
                    <a:lnTo>
                      <a:pt x="733" y="1899"/>
                    </a:lnTo>
                    <a:lnTo>
                      <a:pt x="730" y="1898"/>
                    </a:lnTo>
                    <a:lnTo>
                      <a:pt x="729" y="1894"/>
                    </a:lnTo>
                    <a:lnTo>
                      <a:pt x="729" y="1890"/>
                    </a:lnTo>
                    <a:lnTo>
                      <a:pt x="730" y="1885"/>
                    </a:lnTo>
                    <a:lnTo>
                      <a:pt x="734" y="1881"/>
                    </a:lnTo>
                    <a:lnTo>
                      <a:pt x="738" y="1876"/>
                    </a:lnTo>
                    <a:lnTo>
                      <a:pt x="754" y="1851"/>
                    </a:lnTo>
                    <a:close/>
                    <a:moveTo>
                      <a:pt x="864" y="1790"/>
                    </a:moveTo>
                    <a:lnTo>
                      <a:pt x="875" y="1785"/>
                    </a:lnTo>
                    <a:lnTo>
                      <a:pt x="885" y="1780"/>
                    </a:lnTo>
                    <a:lnTo>
                      <a:pt x="892" y="1772"/>
                    </a:lnTo>
                    <a:lnTo>
                      <a:pt x="899" y="1763"/>
                    </a:lnTo>
                    <a:lnTo>
                      <a:pt x="905" y="1754"/>
                    </a:lnTo>
                    <a:lnTo>
                      <a:pt x="918" y="1740"/>
                    </a:lnTo>
                    <a:lnTo>
                      <a:pt x="923" y="1734"/>
                    </a:lnTo>
                    <a:lnTo>
                      <a:pt x="930" y="1730"/>
                    </a:lnTo>
                    <a:lnTo>
                      <a:pt x="931" y="1729"/>
                    </a:lnTo>
                    <a:lnTo>
                      <a:pt x="934" y="1730"/>
                    </a:lnTo>
                    <a:lnTo>
                      <a:pt x="935" y="1732"/>
                    </a:lnTo>
                    <a:lnTo>
                      <a:pt x="936" y="1734"/>
                    </a:lnTo>
                    <a:lnTo>
                      <a:pt x="939" y="1746"/>
                    </a:lnTo>
                    <a:lnTo>
                      <a:pt x="940" y="1756"/>
                    </a:lnTo>
                    <a:lnTo>
                      <a:pt x="940" y="1760"/>
                    </a:lnTo>
                    <a:lnTo>
                      <a:pt x="939" y="1765"/>
                    </a:lnTo>
                    <a:lnTo>
                      <a:pt x="936" y="1769"/>
                    </a:lnTo>
                    <a:lnTo>
                      <a:pt x="931" y="1775"/>
                    </a:lnTo>
                    <a:lnTo>
                      <a:pt x="917" y="1786"/>
                    </a:lnTo>
                    <a:lnTo>
                      <a:pt x="903" y="1799"/>
                    </a:lnTo>
                    <a:lnTo>
                      <a:pt x="896" y="1806"/>
                    </a:lnTo>
                    <a:lnTo>
                      <a:pt x="890" y="1812"/>
                    </a:lnTo>
                    <a:lnTo>
                      <a:pt x="885" y="1819"/>
                    </a:lnTo>
                    <a:lnTo>
                      <a:pt x="879" y="1826"/>
                    </a:lnTo>
                    <a:lnTo>
                      <a:pt x="875" y="1832"/>
                    </a:lnTo>
                    <a:lnTo>
                      <a:pt x="870" y="1837"/>
                    </a:lnTo>
                    <a:lnTo>
                      <a:pt x="864" y="1841"/>
                    </a:lnTo>
                    <a:lnTo>
                      <a:pt x="859" y="1843"/>
                    </a:lnTo>
                    <a:lnTo>
                      <a:pt x="852" y="1843"/>
                    </a:lnTo>
                    <a:lnTo>
                      <a:pt x="848" y="1841"/>
                    </a:lnTo>
                    <a:lnTo>
                      <a:pt x="847" y="1837"/>
                    </a:lnTo>
                    <a:lnTo>
                      <a:pt x="846" y="1833"/>
                    </a:lnTo>
                    <a:lnTo>
                      <a:pt x="847" y="1822"/>
                    </a:lnTo>
                    <a:lnTo>
                      <a:pt x="848" y="1813"/>
                    </a:lnTo>
                    <a:lnTo>
                      <a:pt x="864" y="1790"/>
                    </a:lnTo>
                    <a:close/>
                    <a:moveTo>
                      <a:pt x="923" y="1996"/>
                    </a:moveTo>
                    <a:lnTo>
                      <a:pt x="935" y="1979"/>
                    </a:lnTo>
                    <a:lnTo>
                      <a:pt x="948" y="1957"/>
                    </a:lnTo>
                    <a:lnTo>
                      <a:pt x="953" y="1947"/>
                    </a:lnTo>
                    <a:lnTo>
                      <a:pt x="960" y="1938"/>
                    </a:lnTo>
                    <a:lnTo>
                      <a:pt x="966" y="1930"/>
                    </a:lnTo>
                    <a:lnTo>
                      <a:pt x="973" y="1925"/>
                    </a:lnTo>
                    <a:lnTo>
                      <a:pt x="978" y="1922"/>
                    </a:lnTo>
                    <a:lnTo>
                      <a:pt x="983" y="1920"/>
                    </a:lnTo>
                    <a:lnTo>
                      <a:pt x="986" y="1917"/>
                    </a:lnTo>
                    <a:lnTo>
                      <a:pt x="988" y="1916"/>
                    </a:lnTo>
                    <a:lnTo>
                      <a:pt x="989" y="1913"/>
                    </a:lnTo>
                    <a:lnTo>
                      <a:pt x="991" y="1911"/>
                    </a:lnTo>
                    <a:lnTo>
                      <a:pt x="992" y="1882"/>
                    </a:lnTo>
                    <a:lnTo>
                      <a:pt x="992" y="1850"/>
                    </a:lnTo>
                    <a:lnTo>
                      <a:pt x="993" y="1834"/>
                    </a:lnTo>
                    <a:lnTo>
                      <a:pt x="996" y="1819"/>
                    </a:lnTo>
                    <a:lnTo>
                      <a:pt x="997" y="1812"/>
                    </a:lnTo>
                    <a:lnTo>
                      <a:pt x="1000" y="1806"/>
                    </a:lnTo>
                    <a:lnTo>
                      <a:pt x="1004" y="1799"/>
                    </a:lnTo>
                    <a:lnTo>
                      <a:pt x="1008" y="1794"/>
                    </a:lnTo>
                    <a:lnTo>
                      <a:pt x="1011" y="1789"/>
                    </a:lnTo>
                    <a:lnTo>
                      <a:pt x="1014" y="1785"/>
                    </a:lnTo>
                    <a:lnTo>
                      <a:pt x="1015" y="1780"/>
                    </a:lnTo>
                    <a:lnTo>
                      <a:pt x="1015" y="1775"/>
                    </a:lnTo>
                    <a:lnTo>
                      <a:pt x="1014" y="1775"/>
                    </a:lnTo>
                    <a:lnTo>
                      <a:pt x="1009" y="1775"/>
                    </a:lnTo>
                    <a:lnTo>
                      <a:pt x="1001" y="1777"/>
                    </a:lnTo>
                    <a:lnTo>
                      <a:pt x="993" y="1780"/>
                    </a:lnTo>
                    <a:lnTo>
                      <a:pt x="984" y="1785"/>
                    </a:lnTo>
                    <a:lnTo>
                      <a:pt x="969" y="1795"/>
                    </a:lnTo>
                    <a:lnTo>
                      <a:pt x="957" y="1804"/>
                    </a:lnTo>
                    <a:lnTo>
                      <a:pt x="956" y="1806"/>
                    </a:lnTo>
                    <a:lnTo>
                      <a:pt x="956" y="1807"/>
                    </a:lnTo>
                    <a:lnTo>
                      <a:pt x="957" y="1808"/>
                    </a:lnTo>
                    <a:lnTo>
                      <a:pt x="960" y="1810"/>
                    </a:lnTo>
                    <a:lnTo>
                      <a:pt x="964" y="1812"/>
                    </a:lnTo>
                    <a:lnTo>
                      <a:pt x="966" y="1815"/>
                    </a:lnTo>
                    <a:lnTo>
                      <a:pt x="969" y="1821"/>
                    </a:lnTo>
                    <a:lnTo>
                      <a:pt x="971" y="1828"/>
                    </a:lnTo>
                    <a:lnTo>
                      <a:pt x="973" y="1830"/>
                    </a:lnTo>
                    <a:lnTo>
                      <a:pt x="973" y="1834"/>
                    </a:lnTo>
                    <a:lnTo>
                      <a:pt x="971" y="1837"/>
                    </a:lnTo>
                    <a:lnTo>
                      <a:pt x="970" y="1841"/>
                    </a:lnTo>
                    <a:lnTo>
                      <a:pt x="964" y="1850"/>
                    </a:lnTo>
                    <a:lnTo>
                      <a:pt x="956" y="1857"/>
                    </a:lnTo>
                    <a:lnTo>
                      <a:pt x="949" y="1863"/>
                    </a:lnTo>
                    <a:lnTo>
                      <a:pt x="942" y="1870"/>
                    </a:lnTo>
                    <a:lnTo>
                      <a:pt x="939" y="1874"/>
                    </a:lnTo>
                    <a:lnTo>
                      <a:pt x="936" y="1879"/>
                    </a:lnTo>
                    <a:lnTo>
                      <a:pt x="935" y="1883"/>
                    </a:lnTo>
                    <a:lnTo>
                      <a:pt x="935" y="1886"/>
                    </a:lnTo>
                    <a:lnTo>
                      <a:pt x="939" y="1890"/>
                    </a:lnTo>
                    <a:lnTo>
                      <a:pt x="944" y="1892"/>
                    </a:lnTo>
                    <a:lnTo>
                      <a:pt x="947" y="1894"/>
                    </a:lnTo>
                    <a:lnTo>
                      <a:pt x="948" y="1896"/>
                    </a:lnTo>
                    <a:lnTo>
                      <a:pt x="949" y="1899"/>
                    </a:lnTo>
                    <a:lnTo>
                      <a:pt x="951" y="1903"/>
                    </a:lnTo>
                    <a:lnTo>
                      <a:pt x="949" y="1907"/>
                    </a:lnTo>
                    <a:lnTo>
                      <a:pt x="945" y="1911"/>
                    </a:lnTo>
                    <a:lnTo>
                      <a:pt x="942" y="1914"/>
                    </a:lnTo>
                    <a:lnTo>
                      <a:pt x="936" y="1918"/>
                    </a:lnTo>
                    <a:lnTo>
                      <a:pt x="925" y="1925"/>
                    </a:lnTo>
                    <a:lnTo>
                      <a:pt x="917" y="1930"/>
                    </a:lnTo>
                    <a:lnTo>
                      <a:pt x="904" y="1942"/>
                    </a:lnTo>
                    <a:lnTo>
                      <a:pt x="892" y="1953"/>
                    </a:lnTo>
                    <a:lnTo>
                      <a:pt x="883" y="1965"/>
                    </a:lnTo>
                    <a:lnTo>
                      <a:pt x="873" y="1978"/>
                    </a:lnTo>
                    <a:lnTo>
                      <a:pt x="865" y="1988"/>
                    </a:lnTo>
                    <a:lnTo>
                      <a:pt x="857" y="1999"/>
                    </a:lnTo>
                    <a:lnTo>
                      <a:pt x="851" y="2005"/>
                    </a:lnTo>
                    <a:lnTo>
                      <a:pt x="844" y="2013"/>
                    </a:lnTo>
                    <a:lnTo>
                      <a:pt x="838" y="2027"/>
                    </a:lnTo>
                    <a:lnTo>
                      <a:pt x="830" y="2043"/>
                    </a:lnTo>
                    <a:lnTo>
                      <a:pt x="828" y="2049"/>
                    </a:lnTo>
                    <a:lnTo>
                      <a:pt x="825" y="2057"/>
                    </a:lnTo>
                    <a:lnTo>
                      <a:pt x="824" y="2061"/>
                    </a:lnTo>
                    <a:lnTo>
                      <a:pt x="824" y="2065"/>
                    </a:lnTo>
                    <a:lnTo>
                      <a:pt x="825" y="2069"/>
                    </a:lnTo>
                    <a:lnTo>
                      <a:pt x="828" y="2071"/>
                    </a:lnTo>
                    <a:lnTo>
                      <a:pt x="833" y="2074"/>
                    </a:lnTo>
                    <a:lnTo>
                      <a:pt x="838" y="2074"/>
                    </a:lnTo>
                    <a:lnTo>
                      <a:pt x="846" y="2071"/>
                    </a:lnTo>
                    <a:lnTo>
                      <a:pt x="852" y="2069"/>
                    </a:lnTo>
                    <a:lnTo>
                      <a:pt x="865" y="2060"/>
                    </a:lnTo>
                    <a:lnTo>
                      <a:pt x="874" y="2053"/>
                    </a:lnTo>
                    <a:lnTo>
                      <a:pt x="886" y="2041"/>
                    </a:lnTo>
                    <a:lnTo>
                      <a:pt x="897" y="2031"/>
                    </a:lnTo>
                    <a:lnTo>
                      <a:pt x="903" y="2025"/>
                    </a:lnTo>
                    <a:lnTo>
                      <a:pt x="908" y="2017"/>
                    </a:lnTo>
                    <a:lnTo>
                      <a:pt x="916" y="2010"/>
                    </a:lnTo>
                    <a:lnTo>
                      <a:pt x="923" y="2005"/>
                    </a:lnTo>
                    <a:lnTo>
                      <a:pt x="923" y="1996"/>
                    </a:lnTo>
                    <a:close/>
                    <a:moveTo>
                      <a:pt x="977" y="2034"/>
                    </a:moveTo>
                    <a:lnTo>
                      <a:pt x="978" y="2018"/>
                    </a:lnTo>
                    <a:lnTo>
                      <a:pt x="979" y="2003"/>
                    </a:lnTo>
                    <a:lnTo>
                      <a:pt x="980" y="1987"/>
                    </a:lnTo>
                    <a:lnTo>
                      <a:pt x="982" y="1971"/>
                    </a:lnTo>
                    <a:lnTo>
                      <a:pt x="982" y="1968"/>
                    </a:lnTo>
                    <a:lnTo>
                      <a:pt x="984" y="1962"/>
                    </a:lnTo>
                    <a:lnTo>
                      <a:pt x="987" y="1958"/>
                    </a:lnTo>
                    <a:lnTo>
                      <a:pt x="991" y="1955"/>
                    </a:lnTo>
                    <a:lnTo>
                      <a:pt x="996" y="1952"/>
                    </a:lnTo>
                    <a:lnTo>
                      <a:pt x="1001" y="1951"/>
                    </a:lnTo>
                    <a:lnTo>
                      <a:pt x="1006" y="1951"/>
                    </a:lnTo>
                    <a:lnTo>
                      <a:pt x="1010" y="1953"/>
                    </a:lnTo>
                    <a:lnTo>
                      <a:pt x="1013" y="1956"/>
                    </a:lnTo>
                    <a:lnTo>
                      <a:pt x="1014" y="1958"/>
                    </a:lnTo>
                    <a:lnTo>
                      <a:pt x="1014" y="1964"/>
                    </a:lnTo>
                    <a:lnTo>
                      <a:pt x="1014" y="1968"/>
                    </a:lnTo>
                    <a:lnTo>
                      <a:pt x="1014" y="1977"/>
                    </a:lnTo>
                    <a:lnTo>
                      <a:pt x="1013" y="1984"/>
                    </a:lnTo>
                    <a:lnTo>
                      <a:pt x="1013" y="1999"/>
                    </a:lnTo>
                    <a:lnTo>
                      <a:pt x="1011" y="2013"/>
                    </a:lnTo>
                    <a:lnTo>
                      <a:pt x="1011" y="2027"/>
                    </a:lnTo>
                    <a:lnTo>
                      <a:pt x="1009" y="2041"/>
                    </a:lnTo>
                    <a:lnTo>
                      <a:pt x="1009" y="2045"/>
                    </a:lnTo>
                    <a:lnTo>
                      <a:pt x="1006" y="2050"/>
                    </a:lnTo>
                    <a:lnTo>
                      <a:pt x="1005" y="2054"/>
                    </a:lnTo>
                    <a:lnTo>
                      <a:pt x="1000" y="2056"/>
                    </a:lnTo>
                    <a:lnTo>
                      <a:pt x="993" y="2056"/>
                    </a:lnTo>
                    <a:lnTo>
                      <a:pt x="987" y="2054"/>
                    </a:lnTo>
                    <a:lnTo>
                      <a:pt x="984" y="2053"/>
                    </a:lnTo>
                    <a:lnTo>
                      <a:pt x="982" y="2050"/>
                    </a:lnTo>
                    <a:lnTo>
                      <a:pt x="980" y="2048"/>
                    </a:lnTo>
                    <a:lnTo>
                      <a:pt x="979" y="2044"/>
                    </a:lnTo>
                    <a:lnTo>
                      <a:pt x="977" y="2034"/>
                    </a:lnTo>
                    <a:close/>
                    <a:moveTo>
                      <a:pt x="1040" y="1855"/>
                    </a:moveTo>
                    <a:lnTo>
                      <a:pt x="1041" y="1848"/>
                    </a:lnTo>
                    <a:lnTo>
                      <a:pt x="1044" y="1842"/>
                    </a:lnTo>
                    <a:lnTo>
                      <a:pt x="1048" y="1835"/>
                    </a:lnTo>
                    <a:lnTo>
                      <a:pt x="1052" y="1829"/>
                    </a:lnTo>
                    <a:lnTo>
                      <a:pt x="1057" y="1822"/>
                    </a:lnTo>
                    <a:lnTo>
                      <a:pt x="1062" y="1816"/>
                    </a:lnTo>
                    <a:lnTo>
                      <a:pt x="1067" y="1812"/>
                    </a:lnTo>
                    <a:lnTo>
                      <a:pt x="1072" y="1810"/>
                    </a:lnTo>
                    <a:lnTo>
                      <a:pt x="1083" y="1806"/>
                    </a:lnTo>
                    <a:lnTo>
                      <a:pt x="1091" y="1799"/>
                    </a:lnTo>
                    <a:lnTo>
                      <a:pt x="1098" y="1793"/>
                    </a:lnTo>
                    <a:lnTo>
                      <a:pt x="1106" y="1785"/>
                    </a:lnTo>
                    <a:lnTo>
                      <a:pt x="1119" y="1775"/>
                    </a:lnTo>
                    <a:lnTo>
                      <a:pt x="1131" y="1768"/>
                    </a:lnTo>
                    <a:lnTo>
                      <a:pt x="1132" y="1767"/>
                    </a:lnTo>
                    <a:lnTo>
                      <a:pt x="1135" y="1768"/>
                    </a:lnTo>
                    <a:lnTo>
                      <a:pt x="1136" y="1768"/>
                    </a:lnTo>
                    <a:lnTo>
                      <a:pt x="1137" y="1771"/>
                    </a:lnTo>
                    <a:lnTo>
                      <a:pt x="1138" y="1777"/>
                    </a:lnTo>
                    <a:lnTo>
                      <a:pt x="1137" y="1787"/>
                    </a:lnTo>
                    <a:lnTo>
                      <a:pt x="1136" y="1799"/>
                    </a:lnTo>
                    <a:lnTo>
                      <a:pt x="1135" y="1811"/>
                    </a:lnTo>
                    <a:lnTo>
                      <a:pt x="1132" y="1822"/>
                    </a:lnTo>
                    <a:lnTo>
                      <a:pt x="1129" y="1834"/>
                    </a:lnTo>
                    <a:lnTo>
                      <a:pt x="1127" y="1837"/>
                    </a:lnTo>
                    <a:lnTo>
                      <a:pt x="1125" y="1839"/>
                    </a:lnTo>
                    <a:lnTo>
                      <a:pt x="1122" y="1841"/>
                    </a:lnTo>
                    <a:lnTo>
                      <a:pt x="1119" y="1842"/>
                    </a:lnTo>
                    <a:lnTo>
                      <a:pt x="1111" y="1842"/>
                    </a:lnTo>
                    <a:lnTo>
                      <a:pt x="1102" y="1841"/>
                    </a:lnTo>
                    <a:lnTo>
                      <a:pt x="1093" y="1841"/>
                    </a:lnTo>
                    <a:lnTo>
                      <a:pt x="1085" y="1843"/>
                    </a:lnTo>
                    <a:lnTo>
                      <a:pt x="1081" y="1844"/>
                    </a:lnTo>
                    <a:lnTo>
                      <a:pt x="1079" y="1848"/>
                    </a:lnTo>
                    <a:lnTo>
                      <a:pt x="1076" y="1852"/>
                    </a:lnTo>
                    <a:lnTo>
                      <a:pt x="1074" y="1857"/>
                    </a:lnTo>
                    <a:lnTo>
                      <a:pt x="1071" y="1870"/>
                    </a:lnTo>
                    <a:lnTo>
                      <a:pt x="1065" y="1883"/>
                    </a:lnTo>
                    <a:lnTo>
                      <a:pt x="1061" y="1887"/>
                    </a:lnTo>
                    <a:lnTo>
                      <a:pt x="1058" y="1890"/>
                    </a:lnTo>
                    <a:lnTo>
                      <a:pt x="1054" y="1890"/>
                    </a:lnTo>
                    <a:lnTo>
                      <a:pt x="1052" y="1889"/>
                    </a:lnTo>
                    <a:lnTo>
                      <a:pt x="1046" y="1882"/>
                    </a:lnTo>
                    <a:lnTo>
                      <a:pt x="1043" y="1872"/>
                    </a:lnTo>
                    <a:lnTo>
                      <a:pt x="1040" y="1855"/>
                    </a:lnTo>
                    <a:close/>
                    <a:moveTo>
                      <a:pt x="1262" y="4474"/>
                    </a:moveTo>
                    <a:lnTo>
                      <a:pt x="1269" y="4475"/>
                    </a:lnTo>
                    <a:lnTo>
                      <a:pt x="1278" y="4474"/>
                    </a:lnTo>
                    <a:lnTo>
                      <a:pt x="1289" y="4472"/>
                    </a:lnTo>
                    <a:lnTo>
                      <a:pt x="1300" y="4469"/>
                    </a:lnTo>
                    <a:lnTo>
                      <a:pt x="1311" y="4466"/>
                    </a:lnTo>
                    <a:lnTo>
                      <a:pt x="1320" y="4464"/>
                    </a:lnTo>
                    <a:lnTo>
                      <a:pt x="1324" y="4464"/>
                    </a:lnTo>
                    <a:lnTo>
                      <a:pt x="1328" y="4464"/>
                    </a:lnTo>
                    <a:lnTo>
                      <a:pt x="1331" y="4465"/>
                    </a:lnTo>
                    <a:lnTo>
                      <a:pt x="1334" y="4468"/>
                    </a:lnTo>
                    <a:lnTo>
                      <a:pt x="1342" y="4473"/>
                    </a:lnTo>
                    <a:lnTo>
                      <a:pt x="1351" y="4481"/>
                    </a:lnTo>
                    <a:lnTo>
                      <a:pt x="1356" y="4483"/>
                    </a:lnTo>
                    <a:lnTo>
                      <a:pt x="1360" y="4487"/>
                    </a:lnTo>
                    <a:lnTo>
                      <a:pt x="1364" y="4491"/>
                    </a:lnTo>
                    <a:lnTo>
                      <a:pt x="1365" y="4495"/>
                    </a:lnTo>
                    <a:lnTo>
                      <a:pt x="1365" y="4499"/>
                    </a:lnTo>
                    <a:lnTo>
                      <a:pt x="1363" y="4501"/>
                    </a:lnTo>
                    <a:lnTo>
                      <a:pt x="1360" y="4504"/>
                    </a:lnTo>
                    <a:lnTo>
                      <a:pt x="1356" y="4507"/>
                    </a:lnTo>
                    <a:lnTo>
                      <a:pt x="1348" y="4512"/>
                    </a:lnTo>
                    <a:lnTo>
                      <a:pt x="1341" y="4514"/>
                    </a:lnTo>
                    <a:lnTo>
                      <a:pt x="1331" y="4521"/>
                    </a:lnTo>
                    <a:lnTo>
                      <a:pt x="1321" y="4529"/>
                    </a:lnTo>
                    <a:lnTo>
                      <a:pt x="1315" y="4531"/>
                    </a:lnTo>
                    <a:lnTo>
                      <a:pt x="1309" y="4534"/>
                    </a:lnTo>
                    <a:lnTo>
                      <a:pt x="1303" y="4535"/>
                    </a:lnTo>
                    <a:lnTo>
                      <a:pt x="1298" y="4534"/>
                    </a:lnTo>
                    <a:lnTo>
                      <a:pt x="1291" y="4531"/>
                    </a:lnTo>
                    <a:lnTo>
                      <a:pt x="1285" y="4530"/>
                    </a:lnTo>
                    <a:lnTo>
                      <a:pt x="1280" y="4527"/>
                    </a:lnTo>
                    <a:lnTo>
                      <a:pt x="1273" y="4522"/>
                    </a:lnTo>
                    <a:lnTo>
                      <a:pt x="1268" y="4517"/>
                    </a:lnTo>
                    <a:lnTo>
                      <a:pt x="1262" y="4510"/>
                    </a:lnTo>
                    <a:lnTo>
                      <a:pt x="1256" y="4503"/>
                    </a:lnTo>
                    <a:lnTo>
                      <a:pt x="1251" y="4494"/>
                    </a:lnTo>
                    <a:lnTo>
                      <a:pt x="1262" y="4474"/>
                    </a:lnTo>
                    <a:close/>
                    <a:moveTo>
                      <a:pt x="878" y="5110"/>
                    </a:moveTo>
                    <a:lnTo>
                      <a:pt x="877" y="5112"/>
                    </a:lnTo>
                    <a:lnTo>
                      <a:pt x="877" y="5113"/>
                    </a:lnTo>
                    <a:lnTo>
                      <a:pt x="869" y="5106"/>
                    </a:lnTo>
                    <a:lnTo>
                      <a:pt x="861" y="5101"/>
                    </a:lnTo>
                    <a:lnTo>
                      <a:pt x="859" y="5099"/>
                    </a:lnTo>
                    <a:lnTo>
                      <a:pt x="855" y="5095"/>
                    </a:lnTo>
                    <a:lnTo>
                      <a:pt x="852" y="5091"/>
                    </a:lnTo>
                    <a:lnTo>
                      <a:pt x="851" y="5086"/>
                    </a:lnTo>
                    <a:lnTo>
                      <a:pt x="848" y="5075"/>
                    </a:lnTo>
                    <a:lnTo>
                      <a:pt x="848" y="5065"/>
                    </a:lnTo>
                    <a:lnTo>
                      <a:pt x="850" y="5061"/>
                    </a:lnTo>
                    <a:lnTo>
                      <a:pt x="851" y="5058"/>
                    </a:lnTo>
                    <a:lnTo>
                      <a:pt x="853" y="5056"/>
                    </a:lnTo>
                    <a:lnTo>
                      <a:pt x="856" y="5055"/>
                    </a:lnTo>
                    <a:lnTo>
                      <a:pt x="859" y="5053"/>
                    </a:lnTo>
                    <a:lnTo>
                      <a:pt x="861" y="5053"/>
                    </a:lnTo>
                    <a:lnTo>
                      <a:pt x="865" y="5055"/>
                    </a:lnTo>
                    <a:lnTo>
                      <a:pt x="868" y="5056"/>
                    </a:lnTo>
                    <a:lnTo>
                      <a:pt x="878" y="5062"/>
                    </a:lnTo>
                    <a:lnTo>
                      <a:pt x="888" y="5067"/>
                    </a:lnTo>
                    <a:lnTo>
                      <a:pt x="895" y="5071"/>
                    </a:lnTo>
                    <a:lnTo>
                      <a:pt x="903" y="5075"/>
                    </a:lnTo>
                    <a:lnTo>
                      <a:pt x="907" y="5078"/>
                    </a:lnTo>
                    <a:lnTo>
                      <a:pt x="908" y="5080"/>
                    </a:lnTo>
                    <a:lnTo>
                      <a:pt x="909" y="5084"/>
                    </a:lnTo>
                    <a:lnTo>
                      <a:pt x="909" y="5090"/>
                    </a:lnTo>
                    <a:lnTo>
                      <a:pt x="908" y="5095"/>
                    </a:lnTo>
                    <a:lnTo>
                      <a:pt x="907" y="5099"/>
                    </a:lnTo>
                    <a:lnTo>
                      <a:pt x="904" y="5101"/>
                    </a:lnTo>
                    <a:lnTo>
                      <a:pt x="903" y="5104"/>
                    </a:lnTo>
                    <a:lnTo>
                      <a:pt x="896" y="5108"/>
                    </a:lnTo>
                    <a:lnTo>
                      <a:pt x="888" y="5114"/>
                    </a:lnTo>
                    <a:lnTo>
                      <a:pt x="878" y="5110"/>
                    </a:lnTo>
                    <a:close/>
                    <a:moveTo>
                      <a:pt x="794" y="4952"/>
                    </a:moveTo>
                    <a:lnTo>
                      <a:pt x="791" y="4955"/>
                    </a:lnTo>
                    <a:lnTo>
                      <a:pt x="789" y="4957"/>
                    </a:lnTo>
                    <a:lnTo>
                      <a:pt x="782" y="4961"/>
                    </a:lnTo>
                    <a:lnTo>
                      <a:pt x="776" y="4964"/>
                    </a:lnTo>
                    <a:lnTo>
                      <a:pt x="772" y="4964"/>
                    </a:lnTo>
                    <a:lnTo>
                      <a:pt x="768" y="4963"/>
                    </a:lnTo>
                    <a:lnTo>
                      <a:pt x="765" y="4961"/>
                    </a:lnTo>
                    <a:lnTo>
                      <a:pt x="764" y="4957"/>
                    </a:lnTo>
                    <a:lnTo>
                      <a:pt x="763" y="4953"/>
                    </a:lnTo>
                    <a:lnTo>
                      <a:pt x="763" y="4948"/>
                    </a:lnTo>
                    <a:lnTo>
                      <a:pt x="764" y="4944"/>
                    </a:lnTo>
                    <a:lnTo>
                      <a:pt x="768" y="4942"/>
                    </a:lnTo>
                    <a:lnTo>
                      <a:pt x="776" y="4934"/>
                    </a:lnTo>
                    <a:lnTo>
                      <a:pt x="782" y="4924"/>
                    </a:lnTo>
                    <a:lnTo>
                      <a:pt x="786" y="4919"/>
                    </a:lnTo>
                    <a:lnTo>
                      <a:pt x="790" y="4913"/>
                    </a:lnTo>
                    <a:lnTo>
                      <a:pt x="794" y="4911"/>
                    </a:lnTo>
                    <a:lnTo>
                      <a:pt x="799" y="4908"/>
                    </a:lnTo>
                    <a:lnTo>
                      <a:pt x="803" y="4909"/>
                    </a:lnTo>
                    <a:lnTo>
                      <a:pt x="807" y="4911"/>
                    </a:lnTo>
                    <a:lnTo>
                      <a:pt x="809" y="4913"/>
                    </a:lnTo>
                    <a:lnTo>
                      <a:pt x="811" y="4917"/>
                    </a:lnTo>
                    <a:lnTo>
                      <a:pt x="808" y="4926"/>
                    </a:lnTo>
                    <a:lnTo>
                      <a:pt x="803" y="4934"/>
                    </a:lnTo>
                    <a:lnTo>
                      <a:pt x="794" y="49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" name="Freeform 7">
                <a:extLst>
                  <a:ext uri="{FF2B5EF4-FFF2-40B4-BE49-F238E27FC236}">
                    <a16:creationId xmlns:a16="http://schemas.microsoft.com/office/drawing/2014/main" id="{84D70F00-3C7A-D44D-8AF7-8759BBD686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88413" y="2958858"/>
                <a:ext cx="375268" cy="205919"/>
              </a:xfrm>
              <a:custGeom>
                <a:avLst/>
                <a:gdLst/>
                <a:ahLst/>
                <a:cxnLst>
                  <a:cxn ang="0">
                    <a:pos x="465" y="52"/>
                  </a:cxn>
                  <a:cxn ang="0">
                    <a:pos x="488" y="75"/>
                  </a:cxn>
                  <a:cxn ang="0">
                    <a:pos x="518" y="88"/>
                  </a:cxn>
                  <a:cxn ang="0">
                    <a:pos x="565" y="97"/>
                  </a:cxn>
                  <a:cxn ang="0">
                    <a:pos x="610" y="116"/>
                  </a:cxn>
                  <a:cxn ang="0">
                    <a:pos x="652" y="122"/>
                  </a:cxn>
                  <a:cxn ang="0">
                    <a:pos x="711" y="115"/>
                  </a:cxn>
                  <a:cxn ang="0">
                    <a:pos x="755" y="115"/>
                  </a:cxn>
                  <a:cxn ang="0">
                    <a:pos x="782" y="124"/>
                  </a:cxn>
                  <a:cxn ang="0">
                    <a:pos x="804" y="142"/>
                  </a:cxn>
                  <a:cxn ang="0">
                    <a:pos x="819" y="173"/>
                  </a:cxn>
                  <a:cxn ang="0">
                    <a:pos x="824" y="211"/>
                  </a:cxn>
                  <a:cxn ang="0">
                    <a:pos x="819" y="256"/>
                  </a:cxn>
                  <a:cxn ang="0">
                    <a:pos x="784" y="368"/>
                  </a:cxn>
                  <a:cxn ang="0">
                    <a:pos x="767" y="446"/>
                  </a:cxn>
                  <a:cxn ang="0">
                    <a:pos x="703" y="455"/>
                  </a:cxn>
                  <a:cxn ang="0">
                    <a:pos x="642" y="457"/>
                  </a:cxn>
                  <a:cxn ang="0">
                    <a:pos x="543" y="449"/>
                  </a:cxn>
                  <a:cxn ang="0">
                    <a:pos x="426" y="438"/>
                  </a:cxn>
                  <a:cxn ang="0">
                    <a:pos x="329" y="433"/>
                  </a:cxn>
                  <a:cxn ang="0">
                    <a:pos x="193" y="407"/>
                  </a:cxn>
                  <a:cxn ang="0">
                    <a:pos x="0" y="348"/>
                  </a:cxn>
                  <a:cxn ang="0">
                    <a:pos x="32" y="295"/>
                  </a:cxn>
                  <a:cxn ang="0">
                    <a:pos x="50" y="262"/>
                  </a:cxn>
                  <a:cxn ang="0">
                    <a:pos x="57" y="221"/>
                  </a:cxn>
                  <a:cxn ang="0">
                    <a:pos x="70" y="181"/>
                  </a:cxn>
                  <a:cxn ang="0">
                    <a:pos x="83" y="164"/>
                  </a:cxn>
                  <a:cxn ang="0">
                    <a:pos x="97" y="159"/>
                  </a:cxn>
                  <a:cxn ang="0">
                    <a:pos x="131" y="158"/>
                  </a:cxn>
                  <a:cxn ang="0">
                    <a:pos x="155" y="151"/>
                  </a:cxn>
                  <a:cxn ang="0">
                    <a:pos x="192" y="136"/>
                  </a:cxn>
                  <a:cxn ang="0">
                    <a:pos x="201" y="136"/>
                  </a:cxn>
                  <a:cxn ang="0">
                    <a:pos x="234" y="176"/>
                  </a:cxn>
                  <a:cxn ang="0">
                    <a:pos x="253" y="175"/>
                  </a:cxn>
                  <a:cxn ang="0">
                    <a:pos x="275" y="171"/>
                  </a:cxn>
                  <a:cxn ang="0">
                    <a:pos x="308" y="180"/>
                  </a:cxn>
                  <a:cxn ang="0">
                    <a:pos x="338" y="185"/>
                  </a:cxn>
                  <a:cxn ang="0">
                    <a:pos x="359" y="183"/>
                  </a:cxn>
                  <a:cxn ang="0">
                    <a:pos x="370" y="172"/>
                  </a:cxn>
                  <a:cxn ang="0">
                    <a:pos x="377" y="145"/>
                  </a:cxn>
                  <a:cxn ang="0">
                    <a:pos x="373" y="71"/>
                  </a:cxn>
                  <a:cxn ang="0">
                    <a:pos x="376" y="44"/>
                  </a:cxn>
                  <a:cxn ang="0">
                    <a:pos x="386" y="27"/>
                  </a:cxn>
                  <a:cxn ang="0">
                    <a:pos x="401" y="17"/>
                  </a:cxn>
                  <a:cxn ang="0">
                    <a:pos x="413" y="6"/>
                  </a:cxn>
                </a:cxnLst>
                <a:rect l="0" t="0" r="r" b="b"/>
                <a:pathLst>
                  <a:path w="824" h="457">
                    <a:moveTo>
                      <a:pt x="414" y="0"/>
                    </a:moveTo>
                    <a:lnTo>
                      <a:pt x="453" y="40"/>
                    </a:lnTo>
                    <a:lnTo>
                      <a:pt x="465" y="52"/>
                    </a:lnTo>
                    <a:lnTo>
                      <a:pt x="477" y="63"/>
                    </a:lnTo>
                    <a:lnTo>
                      <a:pt x="482" y="70"/>
                    </a:lnTo>
                    <a:lnTo>
                      <a:pt x="488" y="75"/>
                    </a:lnTo>
                    <a:lnTo>
                      <a:pt x="496" y="79"/>
                    </a:lnTo>
                    <a:lnTo>
                      <a:pt x="504" y="83"/>
                    </a:lnTo>
                    <a:lnTo>
                      <a:pt x="518" y="88"/>
                    </a:lnTo>
                    <a:lnTo>
                      <a:pt x="534" y="89"/>
                    </a:lnTo>
                    <a:lnTo>
                      <a:pt x="549" y="92"/>
                    </a:lnTo>
                    <a:lnTo>
                      <a:pt x="565" y="97"/>
                    </a:lnTo>
                    <a:lnTo>
                      <a:pt x="582" y="106"/>
                    </a:lnTo>
                    <a:lnTo>
                      <a:pt x="596" y="113"/>
                    </a:lnTo>
                    <a:lnTo>
                      <a:pt x="610" y="116"/>
                    </a:lnTo>
                    <a:lnTo>
                      <a:pt x="623" y="120"/>
                    </a:lnTo>
                    <a:lnTo>
                      <a:pt x="637" y="122"/>
                    </a:lnTo>
                    <a:lnTo>
                      <a:pt x="652" y="122"/>
                    </a:lnTo>
                    <a:lnTo>
                      <a:pt x="668" y="120"/>
                    </a:lnTo>
                    <a:lnTo>
                      <a:pt x="688" y="118"/>
                    </a:lnTo>
                    <a:lnTo>
                      <a:pt x="711" y="115"/>
                    </a:lnTo>
                    <a:lnTo>
                      <a:pt x="733" y="114"/>
                    </a:lnTo>
                    <a:lnTo>
                      <a:pt x="745" y="115"/>
                    </a:lnTo>
                    <a:lnTo>
                      <a:pt x="755" y="115"/>
                    </a:lnTo>
                    <a:lnTo>
                      <a:pt x="764" y="118"/>
                    </a:lnTo>
                    <a:lnTo>
                      <a:pt x="773" y="120"/>
                    </a:lnTo>
                    <a:lnTo>
                      <a:pt x="782" y="124"/>
                    </a:lnTo>
                    <a:lnTo>
                      <a:pt x="790" y="129"/>
                    </a:lnTo>
                    <a:lnTo>
                      <a:pt x="798" y="136"/>
                    </a:lnTo>
                    <a:lnTo>
                      <a:pt x="804" y="142"/>
                    </a:lnTo>
                    <a:lnTo>
                      <a:pt x="810" y="151"/>
                    </a:lnTo>
                    <a:lnTo>
                      <a:pt x="815" y="162"/>
                    </a:lnTo>
                    <a:lnTo>
                      <a:pt x="819" y="173"/>
                    </a:lnTo>
                    <a:lnTo>
                      <a:pt x="821" y="188"/>
                    </a:lnTo>
                    <a:lnTo>
                      <a:pt x="823" y="199"/>
                    </a:lnTo>
                    <a:lnTo>
                      <a:pt x="824" y="211"/>
                    </a:lnTo>
                    <a:lnTo>
                      <a:pt x="824" y="221"/>
                    </a:lnTo>
                    <a:lnTo>
                      <a:pt x="823" y="233"/>
                    </a:lnTo>
                    <a:lnTo>
                      <a:pt x="819" y="256"/>
                    </a:lnTo>
                    <a:lnTo>
                      <a:pt x="812" y="278"/>
                    </a:lnTo>
                    <a:lnTo>
                      <a:pt x="798" y="324"/>
                    </a:lnTo>
                    <a:lnTo>
                      <a:pt x="784" y="368"/>
                    </a:lnTo>
                    <a:lnTo>
                      <a:pt x="789" y="440"/>
                    </a:lnTo>
                    <a:lnTo>
                      <a:pt x="789" y="440"/>
                    </a:lnTo>
                    <a:lnTo>
                      <a:pt x="767" y="446"/>
                    </a:lnTo>
                    <a:lnTo>
                      <a:pt x="745" y="449"/>
                    </a:lnTo>
                    <a:lnTo>
                      <a:pt x="724" y="453"/>
                    </a:lnTo>
                    <a:lnTo>
                      <a:pt x="703" y="455"/>
                    </a:lnTo>
                    <a:lnTo>
                      <a:pt x="683" y="456"/>
                    </a:lnTo>
                    <a:lnTo>
                      <a:pt x="663" y="457"/>
                    </a:lnTo>
                    <a:lnTo>
                      <a:pt x="642" y="457"/>
                    </a:lnTo>
                    <a:lnTo>
                      <a:pt x="623" y="456"/>
                    </a:lnTo>
                    <a:lnTo>
                      <a:pt x="583" y="453"/>
                    </a:lnTo>
                    <a:lnTo>
                      <a:pt x="543" y="449"/>
                    </a:lnTo>
                    <a:lnTo>
                      <a:pt x="501" y="444"/>
                    </a:lnTo>
                    <a:lnTo>
                      <a:pt x="458" y="439"/>
                    </a:lnTo>
                    <a:lnTo>
                      <a:pt x="426" y="438"/>
                    </a:lnTo>
                    <a:lnTo>
                      <a:pt x="394" y="436"/>
                    </a:lnTo>
                    <a:lnTo>
                      <a:pt x="361" y="435"/>
                    </a:lnTo>
                    <a:lnTo>
                      <a:pt x="329" y="433"/>
                    </a:lnTo>
                    <a:lnTo>
                      <a:pt x="284" y="426"/>
                    </a:lnTo>
                    <a:lnTo>
                      <a:pt x="238" y="417"/>
                    </a:lnTo>
                    <a:lnTo>
                      <a:pt x="193" y="407"/>
                    </a:lnTo>
                    <a:lnTo>
                      <a:pt x="148" y="396"/>
                    </a:lnTo>
                    <a:lnTo>
                      <a:pt x="0" y="348"/>
                    </a:lnTo>
                    <a:lnTo>
                      <a:pt x="0" y="348"/>
                    </a:lnTo>
                    <a:lnTo>
                      <a:pt x="10" y="330"/>
                    </a:lnTo>
                    <a:lnTo>
                      <a:pt x="21" y="312"/>
                    </a:lnTo>
                    <a:lnTo>
                      <a:pt x="32" y="295"/>
                    </a:lnTo>
                    <a:lnTo>
                      <a:pt x="43" y="278"/>
                    </a:lnTo>
                    <a:lnTo>
                      <a:pt x="48" y="271"/>
                    </a:lnTo>
                    <a:lnTo>
                      <a:pt x="50" y="262"/>
                    </a:lnTo>
                    <a:lnTo>
                      <a:pt x="53" y="251"/>
                    </a:lnTo>
                    <a:lnTo>
                      <a:pt x="54" y="242"/>
                    </a:lnTo>
                    <a:lnTo>
                      <a:pt x="57" y="221"/>
                    </a:lnTo>
                    <a:lnTo>
                      <a:pt x="62" y="202"/>
                    </a:lnTo>
                    <a:lnTo>
                      <a:pt x="66" y="192"/>
                    </a:lnTo>
                    <a:lnTo>
                      <a:pt x="70" y="181"/>
                    </a:lnTo>
                    <a:lnTo>
                      <a:pt x="74" y="175"/>
                    </a:lnTo>
                    <a:lnTo>
                      <a:pt x="78" y="168"/>
                    </a:lnTo>
                    <a:lnTo>
                      <a:pt x="83" y="164"/>
                    </a:lnTo>
                    <a:lnTo>
                      <a:pt x="87" y="162"/>
                    </a:lnTo>
                    <a:lnTo>
                      <a:pt x="92" y="161"/>
                    </a:lnTo>
                    <a:lnTo>
                      <a:pt x="97" y="159"/>
                    </a:lnTo>
                    <a:lnTo>
                      <a:pt x="110" y="158"/>
                    </a:lnTo>
                    <a:lnTo>
                      <a:pt x="123" y="158"/>
                    </a:lnTo>
                    <a:lnTo>
                      <a:pt x="131" y="158"/>
                    </a:lnTo>
                    <a:lnTo>
                      <a:pt x="138" y="157"/>
                    </a:lnTo>
                    <a:lnTo>
                      <a:pt x="146" y="154"/>
                    </a:lnTo>
                    <a:lnTo>
                      <a:pt x="155" y="151"/>
                    </a:lnTo>
                    <a:lnTo>
                      <a:pt x="175" y="142"/>
                    </a:lnTo>
                    <a:lnTo>
                      <a:pt x="188" y="137"/>
                    </a:lnTo>
                    <a:lnTo>
                      <a:pt x="192" y="136"/>
                    </a:lnTo>
                    <a:lnTo>
                      <a:pt x="195" y="136"/>
                    </a:lnTo>
                    <a:lnTo>
                      <a:pt x="198" y="136"/>
                    </a:lnTo>
                    <a:lnTo>
                      <a:pt x="201" y="136"/>
                    </a:lnTo>
                    <a:lnTo>
                      <a:pt x="208" y="148"/>
                    </a:lnTo>
                    <a:lnTo>
                      <a:pt x="229" y="172"/>
                    </a:lnTo>
                    <a:lnTo>
                      <a:pt x="234" y="176"/>
                    </a:lnTo>
                    <a:lnTo>
                      <a:pt x="240" y="177"/>
                    </a:lnTo>
                    <a:lnTo>
                      <a:pt x="246" y="176"/>
                    </a:lnTo>
                    <a:lnTo>
                      <a:pt x="253" y="175"/>
                    </a:lnTo>
                    <a:lnTo>
                      <a:pt x="260" y="172"/>
                    </a:lnTo>
                    <a:lnTo>
                      <a:pt x="268" y="171"/>
                    </a:lnTo>
                    <a:lnTo>
                      <a:pt x="275" y="171"/>
                    </a:lnTo>
                    <a:lnTo>
                      <a:pt x="281" y="172"/>
                    </a:lnTo>
                    <a:lnTo>
                      <a:pt x="295" y="176"/>
                    </a:lnTo>
                    <a:lnTo>
                      <a:pt x="308" y="180"/>
                    </a:lnTo>
                    <a:lnTo>
                      <a:pt x="319" y="183"/>
                    </a:lnTo>
                    <a:lnTo>
                      <a:pt x="329" y="185"/>
                    </a:lnTo>
                    <a:lnTo>
                      <a:pt x="338" y="185"/>
                    </a:lnTo>
                    <a:lnTo>
                      <a:pt x="346" y="185"/>
                    </a:lnTo>
                    <a:lnTo>
                      <a:pt x="352" y="184"/>
                    </a:lnTo>
                    <a:lnTo>
                      <a:pt x="359" y="183"/>
                    </a:lnTo>
                    <a:lnTo>
                      <a:pt x="363" y="179"/>
                    </a:lnTo>
                    <a:lnTo>
                      <a:pt x="368" y="176"/>
                    </a:lnTo>
                    <a:lnTo>
                      <a:pt x="370" y="172"/>
                    </a:lnTo>
                    <a:lnTo>
                      <a:pt x="373" y="167"/>
                    </a:lnTo>
                    <a:lnTo>
                      <a:pt x="376" y="157"/>
                    </a:lnTo>
                    <a:lnTo>
                      <a:pt x="377" y="145"/>
                    </a:lnTo>
                    <a:lnTo>
                      <a:pt x="376" y="116"/>
                    </a:lnTo>
                    <a:lnTo>
                      <a:pt x="373" y="85"/>
                    </a:lnTo>
                    <a:lnTo>
                      <a:pt x="373" y="71"/>
                    </a:lnTo>
                    <a:lnTo>
                      <a:pt x="373" y="57"/>
                    </a:lnTo>
                    <a:lnTo>
                      <a:pt x="374" y="50"/>
                    </a:lnTo>
                    <a:lnTo>
                      <a:pt x="376" y="44"/>
                    </a:lnTo>
                    <a:lnTo>
                      <a:pt x="378" y="39"/>
                    </a:lnTo>
                    <a:lnTo>
                      <a:pt x="381" y="32"/>
                    </a:lnTo>
                    <a:lnTo>
                      <a:pt x="386" y="27"/>
                    </a:lnTo>
                    <a:lnTo>
                      <a:pt x="391" y="22"/>
                    </a:lnTo>
                    <a:lnTo>
                      <a:pt x="396" y="19"/>
                    </a:lnTo>
                    <a:lnTo>
                      <a:pt x="401" y="17"/>
                    </a:lnTo>
                    <a:lnTo>
                      <a:pt x="407" y="14"/>
                    </a:lnTo>
                    <a:lnTo>
                      <a:pt x="411" y="12"/>
                    </a:lnTo>
                    <a:lnTo>
                      <a:pt x="413" y="6"/>
                    </a:lnTo>
                    <a:lnTo>
                      <a:pt x="414" y="0"/>
                    </a:lnTo>
                    <a:lnTo>
                      <a:pt x="414" y="0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9" name="Freeform 10">
                <a:extLst>
                  <a:ext uri="{FF2B5EF4-FFF2-40B4-BE49-F238E27FC236}">
                    <a16:creationId xmlns:a16="http://schemas.microsoft.com/office/drawing/2014/main" id="{52FB694A-3A69-1B4F-9493-BB9218D2EA5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929045" y="-381000"/>
                <a:ext cx="2386415" cy="2651655"/>
              </a:xfrm>
              <a:custGeom>
                <a:avLst/>
                <a:gdLst/>
                <a:ahLst/>
                <a:cxnLst>
                  <a:cxn ang="0">
                    <a:pos x="3911" y="293"/>
                  </a:cxn>
                  <a:cxn ang="0">
                    <a:pos x="4077" y="253"/>
                  </a:cxn>
                  <a:cxn ang="0">
                    <a:pos x="3488" y="504"/>
                  </a:cxn>
                  <a:cxn ang="0">
                    <a:pos x="3241" y="752"/>
                  </a:cxn>
                  <a:cxn ang="0">
                    <a:pos x="3013" y="858"/>
                  </a:cxn>
                  <a:cxn ang="0">
                    <a:pos x="2784" y="1004"/>
                  </a:cxn>
                  <a:cxn ang="0">
                    <a:pos x="2672" y="1126"/>
                  </a:cxn>
                  <a:cxn ang="0">
                    <a:pos x="2885" y="1129"/>
                  </a:cxn>
                  <a:cxn ang="0">
                    <a:pos x="2596" y="1314"/>
                  </a:cxn>
                  <a:cxn ang="0">
                    <a:pos x="2237" y="1507"/>
                  </a:cxn>
                  <a:cxn ang="0">
                    <a:pos x="1066" y="3387"/>
                  </a:cxn>
                  <a:cxn ang="0">
                    <a:pos x="211" y="4631"/>
                  </a:cxn>
                  <a:cxn ang="0">
                    <a:pos x="121" y="4953"/>
                  </a:cxn>
                  <a:cxn ang="0">
                    <a:pos x="1344" y="5444"/>
                  </a:cxn>
                  <a:cxn ang="0">
                    <a:pos x="1199" y="5431"/>
                  </a:cxn>
                  <a:cxn ang="0">
                    <a:pos x="847" y="5674"/>
                  </a:cxn>
                  <a:cxn ang="0">
                    <a:pos x="237" y="5762"/>
                  </a:cxn>
                  <a:cxn ang="0">
                    <a:pos x="220" y="5220"/>
                  </a:cxn>
                  <a:cxn ang="0">
                    <a:pos x="72" y="5042"/>
                  </a:cxn>
                  <a:cxn ang="0">
                    <a:pos x="356" y="4797"/>
                  </a:cxn>
                  <a:cxn ang="0">
                    <a:pos x="222" y="4804"/>
                  </a:cxn>
                  <a:cxn ang="0">
                    <a:pos x="241" y="4499"/>
                  </a:cxn>
                  <a:cxn ang="0">
                    <a:pos x="732" y="4458"/>
                  </a:cxn>
                  <a:cxn ang="0">
                    <a:pos x="532" y="4334"/>
                  </a:cxn>
                  <a:cxn ang="0">
                    <a:pos x="224" y="4122"/>
                  </a:cxn>
                  <a:cxn ang="0">
                    <a:pos x="307" y="3963"/>
                  </a:cxn>
                  <a:cxn ang="0">
                    <a:pos x="612" y="3977"/>
                  </a:cxn>
                  <a:cxn ang="0">
                    <a:pos x="577" y="3830"/>
                  </a:cxn>
                  <a:cxn ang="0">
                    <a:pos x="822" y="3784"/>
                  </a:cxn>
                  <a:cxn ang="0">
                    <a:pos x="919" y="3631"/>
                  </a:cxn>
                  <a:cxn ang="0">
                    <a:pos x="1107" y="3571"/>
                  </a:cxn>
                  <a:cxn ang="0">
                    <a:pos x="1427" y="3498"/>
                  </a:cxn>
                  <a:cxn ang="0">
                    <a:pos x="1666" y="3292"/>
                  </a:cxn>
                  <a:cxn ang="0">
                    <a:pos x="1349" y="3326"/>
                  </a:cxn>
                  <a:cxn ang="0">
                    <a:pos x="1782" y="3052"/>
                  </a:cxn>
                  <a:cxn ang="0">
                    <a:pos x="1759" y="2832"/>
                  </a:cxn>
                  <a:cxn ang="0">
                    <a:pos x="2063" y="2587"/>
                  </a:cxn>
                  <a:cxn ang="0">
                    <a:pos x="2188" y="2282"/>
                  </a:cxn>
                  <a:cxn ang="0">
                    <a:pos x="2320" y="2042"/>
                  </a:cxn>
                  <a:cxn ang="0">
                    <a:pos x="2693" y="1822"/>
                  </a:cxn>
                  <a:cxn ang="0">
                    <a:pos x="2628" y="1683"/>
                  </a:cxn>
                  <a:cxn ang="0">
                    <a:pos x="2667" y="1539"/>
                  </a:cxn>
                  <a:cxn ang="0">
                    <a:pos x="2802" y="1473"/>
                  </a:cxn>
                  <a:cxn ang="0">
                    <a:pos x="3071" y="1247"/>
                  </a:cxn>
                  <a:cxn ang="0">
                    <a:pos x="3180" y="826"/>
                  </a:cxn>
                  <a:cxn ang="0">
                    <a:pos x="3361" y="846"/>
                  </a:cxn>
                  <a:cxn ang="0">
                    <a:pos x="3514" y="828"/>
                  </a:cxn>
                  <a:cxn ang="0">
                    <a:pos x="3672" y="437"/>
                  </a:cxn>
                  <a:cxn ang="0">
                    <a:pos x="4043" y="573"/>
                  </a:cxn>
                  <a:cxn ang="0">
                    <a:pos x="4146" y="195"/>
                  </a:cxn>
                  <a:cxn ang="0">
                    <a:pos x="4321" y="376"/>
                  </a:cxn>
                  <a:cxn ang="0">
                    <a:pos x="4570" y="193"/>
                  </a:cxn>
                  <a:cxn ang="0">
                    <a:pos x="4707" y="86"/>
                  </a:cxn>
                  <a:cxn ang="0">
                    <a:pos x="4729" y="239"/>
                  </a:cxn>
                  <a:cxn ang="0">
                    <a:pos x="5000" y="195"/>
                  </a:cxn>
                  <a:cxn ang="0">
                    <a:pos x="5034" y="547"/>
                  </a:cxn>
                  <a:cxn ang="0">
                    <a:pos x="5145" y="762"/>
                  </a:cxn>
                  <a:cxn ang="0">
                    <a:pos x="4674" y="524"/>
                  </a:cxn>
                  <a:cxn ang="0">
                    <a:pos x="4220" y="1169"/>
                  </a:cxn>
                  <a:cxn ang="0">
                    <a:pos x="3358" y="1276"/>
                  </a:cxn>
                  <a:cxn ang="0">
                    <a:pos x="2648" y="2091"/>
                  </a:cxn>
                  <a:cxn ang="0">
                    <a:pos x="1978" y="3315"/>
                  </a:cxn>
                  <a:cxn ang="0">
                    <a:pos x="1773" y="4687"/>
                  </a:cxn>
                </a:cxnLst>
                <a:rect l="0" t="0" r="r" b="b"/>
                <a:pathLst>
                  <a:path w="5239" h="5872">
                    <a:moveTo>
                      <a:pt x="4312" y="82"/>
                    </a:moveTo>
                    <a:lnTo>
                      <a:pt x="4306" y="79"/>
                    </a:lnTo>
                    <a:lnTo>
                      <a:pt x="4299" y="75"/>
                    </a:lnTo>
                    <a:lnTo>
                      <a:pt x="4294" y="69"/>
                    </a:lnTo>
                    <a:lnTo>
                      <a:pt x="4290" y="64"/>
                    </a:lnTo>
                    <a:lnTo>
                      <a:pt x="4293" y="56"/>
                    </a:lnTo>
                    <a:lnTo>
                      <a:pt x="4301" y="42"/>
                    </a:lnTo>
                    <a:lnTo>
                      <a:pt x="4310" y="26"/>
                    </a:lnTo>
                    <a:lnTo>
                      <a:pt x="4315" y="16"/>
                    </a:lnTo>
                    <a:lnTo>
                      <a:pt x="4317" y="13"/>
                    </a:lnTo>
                    <a:lnTo>
                      <a:pt x="4319" y="11"/>
                    </a:lnTo>
                    <a:lnTo>
                      <a:pt x="4321" y="8"/>
                    </a:lnTo>
                    <a:lnTo>
                      <a:pt x="4324" y="8"/>
                    </a:lnTo>
                    <a:lnTo>
                      <a:pt x="4327" y="8"/>
                    </a:lnTo>
                    <a:lnTo>
                      <a:pt x="4329" y="8"/>
                    </a:lnTo>
                    <a:lnTo>
                      <a:pt x="4332" y="11"/>
                    </a:lnTo>
                    <a:lnTo>
                      <a:pt x="4333" y="13"/>
                    </a:lnTo>
                    <a:lnTo>
                      <a:pt x="4338" y="25"/>
                    </a:lnTo>
                    <a:lnTo>
                      <a:pt x="4343" y="37"/>
                    </a:lnTo>
                    <a:lnTo>
                      <a:pt x="4347" y="50"/>
                    </a:lnTo>
                    <a:lnTo>
                      <a:pt x="4349" y="61"/>
                    </a:lnTo>
                    <a:lnTo>
                      <a:pt x="4346" y="73"/>
                    </a:lnTo>
                    <a:lnTo>
                      <a:pt x="4342" y="85"/>
                    </a:lnTo>
                    <a:lnTo>
                      <a:pt x="4341" y="91"/>
                    </a:lnTo>
                    <a:lnTo>
                      <a:pt x="4337" y="95"/>
                    </a:lnTo>
                    <a:lnTo>
                      <a:pt x="4332" y="98"/>
                    </a:lnTo>
                    <a:lnTo>
                      <a:pt x="4325" y="100"/>
                    </a:lnTo>
                    <a:lnTo>
                      <a:pt x="4312" y="82"/>
                    </a:lnTo>
                    <a:close/>
                    <a:moveTo>
                      <a:pt x="3804" y="303"/>
                    </a:moveTo>
                    <a:lnTo>
                      <a:pt x="3804" y="298"/>
                    </a:lnTo>
                    <a:lnTo>
                      <a:pt x="3803" y="294"/>
                    </a:lnTo>
                    <a:lnTo>
                      <a:pt x="3802" y="289"/>
                    </a:lnTo>
                    <a:lnTo>
                      <a:pt x="3799" y="285"/>
                    </a:lnTo>
                    <a:lnTo>
                      <a:pt x="3782" y="283"/>
                    </a:lnTo>
                    <a:lnTo>
                      <a:pt x="3766" y="279"/>
                    </a:lnTo>
                    <a:lnTo>
                      <a:pt x="3762" y="278"/>
                    </a:lnTo>
                    <a:lnTo>
                      <a:pt x="3759" y="276"/>
                    </a:lnTo>
                    <a:lnTo>
                      <a:pt x="3758" y="274"/>
                    </a:lnTo>
                    <a:lnTo>
                      <a:pt x="3755" y="270"/>
                    </a:lnTo>
                    <a:lnTo>
                      <a:pt x="3755" y="267"/>
                    </a:lnTo>
                    <a:lnTo>
                      <a:pt x="3755" y="262"/>
                    </a:lnTo>
                    <a:lnTo>
                      <a:pt x="3757" y="258"/>
                    </a:lnTo>
                    <a:lnTo>
                      <a:pt x="3760" y="252"/>
                    </a:lnTo>
                    <a:lnTo>
                      <a:pt x="3766" y="243"/>
                    </a:lnTo>
                    <a:lnTo>
                      <a:pt x="3773" y="235"/>
                    </a:lnTo>
                    <a:lnTo>
                      <a:pt x="3780" y="231"/>
                    </a:lnTo>
                    <a:lnTo>
                      <a:pt x="3786" y="228"/>
                    </a:lnTo>
                    <a:lnTo>
                      <a:pt x="3794" y="228"/>
                    </a:lnTo>
                    <a:lnTo>
                      <a:pt x="3801" y="230"/>
                    </a:lnTo>
                    <a:lnTo>
                      <a:pt x="3808" y="231"/>
                    </a:lnTo>
                    <a:lnTo>
                      <a:pt x="3816" y="235"/>
                    </a:lnTo>
                    <a:lnTo>
                      <a:pt x="3830" y="241"/>
                    </a:lnTo>
                    <a:lnTo>
                      <a:pt x="3843" y="246"/>
                    </a:lnTo>
                    <a:lnTo>
                      <a:pt x="3850" y="248"/>
                    </a:lnTo>
                    <a:lnTo>
                      <a:pt x="3856" y="248"/>
                    </a:lnTo>
                    <a:lnTo>
                      <a:pt x="3863" y="245"/>
                    </a:lnTo>
                    <a:lnTo>
                      <a:pt x="3868" y="241"/>
                    </a:lnTo>
                    <a:lnTo>
                      <a:pt x="3874" y="231"/>
                    </a:lnTo>
                    <a:lnTo>
                      <a:pt x="3882" y="219"/>
                    </a:lnTo>
                    <a:lnTo>
                      <a:pt x="3891" y="214"/>
                    </a:lnTo>
                    <a:lnTo>
                      <a:pt x="3899" y="209"/>
                    </a:lnTo>
                    <a:lnTo>
                      <a:pt x="3907" y="202"/>
                    </a:lnTo>
                    <a:lnTo>
                      <a:pt x="3915" y="195"/>
                    </a:lnTo>
                    <a:lnTo>
                      <a:pt x="3921" y="183"/>
                    </a:lnTo>
                    <a:lnTo>
                      <a:pt x="3929" y="174"/>
                    </a:lnTo>
                    <a:lnTo>
                      <a:pt x="3933" y="171"/>
                    </a:lnTo>
                    <a:lnTo>
                      <a:pt x="3938" y="169"/>
                    </a:lnTo>
                    <a:lnTo>
                      <a:pt x="3943" y="166"/>
                    </a:lnTo>
                    <a:lnTo>
                      <a:pt x="3951" y="166"/>
                    </a:lnTo>
                    <a:lnTo>
                      <a:pt x="3953" y="170"/>
                    </a:lnTo>
                    <a:lnTo>
                      <a:pt x="3953" y="177"/>
                    </a:lnTo>
                    <a:lnTo>
                      <a:pt x="3953" y="186"/>
                    </a:lnTo>
                    <a:lnTo>
                      <a:pt x="3952" y="193"/>
                    </a:lnTo>
                    <a:lnTo>
                      <a:pt x="3950" y="212"/>
                    </a:lnTo>
                    <a:lnTo>
                      <a:pt x="3948" y="226"/>
                    </a:lnTo>
                    <a:lnTo>
                      <a:pt x="3947" y="239"/>
                    </a:lnTo>
                    <a:lnTo>
                      <a:pt x="3943" y="250"/>
                    </a:lnTo>
                    <a:lnTo>
                      <a:pt x="3937" y="263"/>
                    </a:lnTo>
                    <a:lnTo>
                      <a:pt x="3930" y="274"/>
                    </a:lnTo>
                    <a:lnTo>
                      <a:pt x="3921" y="284"/>
                    </a:lnTo>
                    <a:lnTo>
                      <a:pt x="3911" y="293"/>
                    </a:lnTo>
                    <a:lnTo>
                      <a:pt x="3899" y="300"/>
                    </a:lnTo>
                    <a:lnTo>
                      <a:pt x="3887" y="305"/>
                    </a:lnTo>
                    <a:lnTo>
                      <a:pt x="3876" y="306"/>
                    </a:lnTo>
                    <a:lnTo>
                      <a:pt x="3864" y="305"/>
                    </a:lnTo>
                    <a:lnTo>
                      <a:pt x="3859" y="305"/>
                    </a:lnTo>
                    <a:lnTo>
                      <a:pt x="3852" y="305"/>
                    </a:lnTo>
                    <a:lnTo>
                      <a:pt x="3847" y="306"/>
                    </a:lnTo>
                    <a:lnTo>
                      <a:pt x="3842" y="309"/>
                    </a:lnTo>
                    <a:lnTo>
                      <a:pt x="3834" y="316"/>
                    </a:lnTo>
                    <a:lnTo>
                      <a:pt x="3829" y="322"/>
                    </a:lnTo>
                    <a:lnTo>
                      <a:pt x="3825" y="322"/>
                    </a:lnTo>
                    <a:lnTo>
                      <a:pt x="3821" y="322"/>
                    </a:lnTo>
                    <a:lnTo>
                      <a:pt x="3815" y="320"/>
                    </a:lnTo>
                    <a:lnTo>
                      <a:pt x="3807" y="318"/>
                    </a:lnTo>
                    <a:lnTo>
                      <a:pt x="3804" y="303"/>
                    </a:lnTo>
                    <a:close/>
                    <a:moveTo>
                      <a:pt x="3948" y="375"/>
                    </a:moveTo>
                    <a:lnTo>
                      <a:pt x="3943" y="373"/>
                    </a:lnTo>
                    <a:lnTo>
                      <a:pt x="3940" y="371"/>
                    </a:lnTo>
                    <a:lnTo>
                      <a:pt x="3937" y="368"/>
                    </a:lnTo>
                    <a:lnTo>
                      <a:pt x="3934" y="364"/>
                    </a:lnTo>
                    <a:lnTo>
                      <a:pt x="3929" y="355"/>
                    </a:lnTo>
                    <a:lnTo>
                      <a:pt x="3925" y="346"/>
                    </a:lnTo>
                    <a:lnTo>
                      <a:pt x="3925" y="342"/>
                    </a:lnTo>
                    <a:lnTo>
                      <a:pt x="3926" y="338"/>
                    </a:lnTo>
                    <a:lnTo>
                      <a:pt x="3929" y="336"/>
                    </a:lnTo>
                    <a:lnTo>
                      <a:pt x="3931" y="332"/>
                    </a:lnTo>
                    <a:lnTo>
                      <a:pt x="3944" y="323"/>
                    </a:lnTo>
                    <a:lnTo>
                      <a:pt x="3956" y="314"/>
                    </a:lnTo>
                    <a:lnTo>
                      <a:pt x="3961" y="309"/>
                    </a:lnTo>
                    <a:lnTo>
                      <a:pt x="3969" y="301"/>
                    </a:lnTo>
                    <a:lnTo>
                      <a:pt x="3974" y="298"/>
                    </a:lnTo>
                    <a:lnTo>
                      <a:pt x="3978" y="296"/>
                    </a:lnTo>
                    <a:lnTo>
                      <a:pt x="3982" y="296"/>
                    </a:lnTo>
                    <a:lnTo>
                      <a:pt x="3985" y="298"/>
                    </a:lnTo>
                    <a:lnTo>
                      <a:pt x="3986" y="311"/>
                    </a:lnTo>
                    <a:lnTo>
                      <a:pt x="3985" y="326"/>
                    </a:lnTo>
                    <a:lnTo>
                      <a:pt x="3983" y="336"/>
                    </a:lnTo>
                    <a:lnTo>
                      <a:pt x="3981" y="346"/>
                    </a:lnTo>
                    <a:lnTo>
                      <a:pt x="3979" y="351"/>
                    </a:lnTo>
                    <a:lnTo>
                      <a:pt x="3978" y="355"/>
                    </a:lnTo>
                    <a:lnTo>
                      <a:pt x="3978" y="360"/>
                    </a:lnTo>
                    <a:lnTo>
                      <a:pt x="3979" y="366"/>
                    </a:lnTo>
                    <a:lnTo>
                      <a:pt x="3981" y="372"/>
                    </a:lnTo>
                    <a:lnTo>
                      <a:pt x="3981" y="380"/>
                    </a:lnTo>
                    <a:lnTo>
                      <a:pt x="3977" y="383"/>
                    </a:lnTo>
                    <a:lnTo>
                      <a:pt x="3972" y="385"/>
                    </a:lnTo>
                    <a:lnTo>
                      <a:pt x="3966" y="388"/>
                    </a:lnTo>
                    <a:lnTo>
                      <a:pt x="3963" y="386"/>
                    </a:lnTo>
                    <a:lnTo>
                      <a:pt x="3948" y="375"/>
                    </a:lnTo>
                    <a:close/>
                    <a:moveTo>
                      <a:pt x="4047" y="276"/>
                    </a:moveTo>
                    <a:lnTo>
                      <a:pt x="4044" y="278"/>
                    </a:lnTo>
                    <a:lnTo>
                      <a:pt x="4040" y="276"/>
                    </a:lnTo>
                    <a:lnTo>
                      <a:pt x="4038" y="275"/>
                    </a:lnTo>
                    <a:lnTo>
                      <a:pt x="4034" y="272"/>
                    </a:lnTo>
                    <a:lnTo>
                      <a:pt x="4027" y="267"/>
                    </a:lnTo>
                    <a:lnTo>
                      <a:pt x="4022" y="262"/>
                    </a:lnTo>
                    <a:lnTo>
                      <a:pt x="4020" y="258"/>
                    </a:lnTo>
                    <a:lnTo>
                      <a:pt x="4017" y="254"/>
                    </a:lnTo>
                    <a:lnTo>
                      <a:pt x="4014" y="248"/>
                    </a:lnTo>
                    <a:lnTo>
                      <a:pt x="4013" y="243"/>
                    </a:lnTo>
                    <a:lnTo>
                      <a:pt x="4012" y="236"/>
                    </a:lnTo>
                    <a:lnTo>
                      <a:pt x="4013" y="231"/>
                    </a:lnTo>
                    <a:lnTo>
                      <a:pt x="4014" y="226"/>
                    </a:lnTo>
                    <a:lnTo>
                      <a:pt x="4017" y="221"/>
                    </a:lnTo>
                    <a:lnTo>
                      <a:pt x="4020" y="218"/>
                    </a:lnTo>
                    <a:lnTo>
                      <a:pt x="4022" y="217"/>
                    </a:lnTo>
                    <a:lnTo>
                      <a:pt x="4023" y="217"/>
                    </a:lnTo>
                    <a:lnTo>
                      <a:pt x="4026" y="218"/>
                    </a:lnTo>
                    <a:lnTo>
                      <a:pt x="4030" y="222"/>
                    </a:lnTo>
                    <a:lnTo>
                      <a:pt x="4032" y="227"/>
                    </a:lnTo>
                    <a:lnTo>
                      <a:pt x="4038" y="230"/>
                    </a:lnTo>
                    <a:lnTo>
                      <a:pt x="4045" y="230"/>
                    </a:lnTo>
                    <a:lnTo>
                      <a:pt x="4053" y="228"/>
                    </a:lnTo>
                    <a:lnTo>
                      <a:pt x="4061" y="228"/>
                    </a:lnTo>
                    <a:lnTo>
                      <a:pt x="4067" y="227"/>
                    </a:lnTo>
                    <a:lnTo>
                      <a:pt x="4074" y="230"/>
                    </a:lnTo>
                    <a:lnTo>
                      <a:pt x="4075" y="231"/>
                    </a:lnTo>
                    <a:lnTo>
                      <a:pt x="4077" y="234"/>
                    </a:lnTo>
                    <a:lnTo>
                      <a:pt x="4078" y="237"/>
                    </a:lnTo>
                    <a:lnTo>
                      <a:pt x="4078" y="241"/>
                    </a:lnTo>
                    <a:lnTo>
                      <a:pt x="4077" y="253"/>
                    </a:lnTo>
                    <a:lnTo>
                      <a:pt x="4075" y="263"/>
                    </a:lnTo>
                    <a:lnTo>
                      <a:pt x="4074" y="267"/>
                    </a:lnTo>
                    <a:lnTo>
                      <a:pt x="4071" y="272"/>
                    </a:lnTo>
                    <a:lnTo>
                      <a:pt x="4067" y="276"/>
                    </a:lnTo>
                    <a:lnTo>
                      <a:pt x="4062" y="279"/>
                    </a:lnTo>
                    <a:lnTo>
                      <a:pt x="4047" y="276"/>
                    </a:lnTo>
                    <a:close/>
                    <a:moveTo>
                      <a:pt x="3924" y="401"/>
                    </a:moveTo>
                    <a:lnTo>
                      <a:pt x="3913" y="397"/>
                    </a:lnTo>
                    <a:lnTo>
                      <a:pt x="3903" y="395"/>
                    </a:lnTo>
                    <a:lnTo>
                      <a:pt x="3895" y="395"/>
                    </a:lnTo>
                    <a:lnTo>
                      <a:pt x="3885" y="395"/>
                    </a:lnTo>
                    <a:lnTo>
                      <a:pt x="3876" y="397"/>
                    </a:lnTo>
                    <a:lnTo>
                      <a:pt x="3869" y="399"/>
                    </a:lnTo>
                    <a:lnTo>
                      <a:pt x="3865" y="403"/>
                    </a:lnTo>
                    <a:lnTo>
                      <a:pt x="3864" y="408"/>
                    </a:lnTo>
                    <a:lnTo>
                      <a:pt x="3864" y="414"/>
                    </a:lnTo>
                    <a:lnTo>
                      <a:pt x="3867" y="417"/>
                    </a:lnTo>
                    <a:lnTo>
                      <a:pt x="3871" y="420"/>
                    </a:lnTo>
                    <a:lnTo>
                      <a:pt x="3874" y="421"/>
                    </a:lnTo>
                    <a:lnTo>
                      <a:pt x="3878" y="423"/>
                    </a:lnTo>
                    <a:lnTo>
                      <a:pt x="3882" y="423"/>
                    </a:lnTo>
                    <a:lnTo>
                      <a:pt x="3887" y="424"/>
                    </a:lnTo>
                    <a:lnTo>
                      <a:pt x="3893" y="424"/>
                    </a:lnTo>
                    <a:lnTo>
                      <a:pt x="3900" y="429"/>
                    </a:lnTo>
                    <a:lnTo>
                      <a:pt x="3909" y="433"/>
                    </a:lnTo>
                    <a:lnTo>
                      <a:pt x="3915" y="433"/>
                    </a:lnTo>
                    <a:lnTo>
                      <a:pt x="3920" y="430"/>
                    </a:lnTo>
                    <a:lnTo>
                      <a:pt x="3925" y="427"/>
                    </a:lnTo>
                    <a:lnTo>
                      <a:pt x="3930" y="423"/>
                    </a:lnTo>
                    <a:lnTo>
                      <a:pt x="3924" y="401"/>
                    </a:lnTo>
                    <a:close/>
                    <a:moveTo>
                      <a:pt x="3583" y="535"/>
                    </a:moveTo>
                    <a:lnTo>
                      <a:pt x="3584" y="526"/>
                    </a:lnTo>
                    <a:lnTo>
                      <a:pt x="3584" y="517"/>
                    </a:lnTo>
                    <a:lnTo>
                      <a:pt x="3586" y="509"/>
                    </a:lnTo>
                    <a:lnTo>
                      <a:pt x="3587" y="502"/>
                    </a:lnTo>
                    <a:lnTo>
                      <a:pt x="3587" y="498"/>
                    </a:lnTo>
                    <a:lnTo>
                      <a:pt x="3589" y="494"/>
                    </a:lnTo>
                    <a:lnTo>
                      <a:pt x="3591" y="490"/>
                    </a:lnTo>
                    <a:lnTo>
                      <a:pt x="3593" y="487"/>
                    </a:lnTo>
                    <a:lnTo>
                      <a:pt x="3596" y="487"/>
                    </a:lnTo>
                    <a:lnTo>
                      <a:pt x="3597" y="487"/>
                    </a:lnTo>
                    <a:lnTo>
                      <a:pt x="3600" y="489"/>
                    </a:lnTo>
                    <a:lnTo>
                      <a:pt x="3601" y="490"/>
                    </a:lnTo>
                    <a:lnTo>
                      <a:pt x="3605" y="494"/>
                    </a:lnTo>
                    <a:lnTo>
                      <a:pt x="3608" y="496"/>
                    </a:lnTo>
                    <a:lnTo>
                      <a:pt x="3617" y="500"/>
                    </a:lnTo>
                    <a:lnTo>
                      <a:pt x="3624" y="506"/>
                    </a:lnTo>
                    <a:lnTo>
                      <a:pt x="3624" y="511"/>
                    </a:lnTo>
                    <a:lnTo>
                      <a:pt x="3623" y="517"/>
                    </a:lnTo>
                    <a:lnTo>
                      <a:pt x="3620" y="525"/>
                    </a:lnTo>
                    <a:lnTo>
                      <a:pt x="3618" y="530"/>
                    </a:lnTo>
                    <a:lnTo>
                      <a:pt x="3615" y="537"/>
                    </a:lnTo>
                    <a:lnTo>
                      <a:pt x="3610" y="541"/>
                    </a:lnTo>
                    <a:lnTo>
                      <a:pt x="3604" y="544"/>
                    </a:lnTo>
                    <a:lnTo>
                      <a:pt x="3597" y="546"/>
                    </a:lnTo>
                    <a:lnTo>
                      <a:pt x="3583" y="535"/>
                    </a:lnTo>
                    <a:close/>
                    <a:moveTo>
                      <a:pt x="3451" y="524"/>
                    </a:moveTo>
                    <a:lnTo>
                      <a:pt x="3449" y="511"/>
                    </a:lnTo>
                    <a:lnTo>
                      <a:pt x="3444" y="499"/>
                    </a:lnTo>
                    <a:lnTo>
                      <a:pt x="3440" y="489"/>
                    </a:lnTo>
                    <a:lnTo>
                      <a:pt x="3437" y="478"/>
                    </a:lnTo>
                    <a:lnTo>
                      <a:pt x="3435" y="472"/>
                    </a:lnTo>
                    <a:lnTo>
                      <a:pt x="3435" y="467"/>
                    </a:lnTo>
                    <a:lnTo>
                      <a:pt x="3437" y="462"/>
                    </a:lnTo>
                    <a:lnTo>
                      <a:pt x="3438" y="456"/>
                    </a:lnTo>
                    <a:lnTo>
                      <a:pt x="3440" y="454"/>
                    </a:lnTo>
                    <a:lnTo>
                      <a:pt x="3443" y="451"/>
                    </a:lnTo>
                    <a:lnTo>
                      <a:pt x="3446" y="450"/>
                    </a:lnTo>
                    <a:lnTo>
                      <a:pt x="3448" y="450"/>
                    </a:lnTo>
                    <a:lnTo>
                      <a:pt x="3451" y="451"/>
                    </a:lnTo>
                    <a:lnTo>
                      <a:pt x="3452" y="452"/>
                    </a:lnTo>
                    <a:lnTo>
                      <a:pt x="3455" y="455"/>
                    </a:lnTo>
                    <a:lnTo>
                      <a:pt x="3456" y="459"/>
                    </a:lnTo>
                    <a:lnTo>
                      <a:pt x="3459" y="465"/>
                    </a:lnTo>
                    <a:lnTo>
                      <a:pt x="3462" y="472"/>
                    </a:lnTo>
                    <a:lnTo>
                      <a:pt x="3466" y="477"/>
                    </a:lnTo>
                    <a:lnTo>
                      <a:pt x="3472" y="482"/>
                    </a:lnTo>
                    <a:lnTo>
                      <a:pt x="3478" y="489"/>
                    </a:lnTo>
                    <a:lnTo>
                      <a:pt x="3484" y="496"/>
                    </a:lnTo>
                    <a:lnTo>
                      <a:pt x="3487" y="500"/>
                    </a:lnTo>
                    <a:lnTo>
                      <a:pt x="3488" y="504"/>
                    </a:lnTo>
                    <a:lnTo>
                      <a:pt x="3490" y="509"/>
                    </a:lnTo>
                    <a:lnTo>
                      <a:pt x="3488" y="515"/>
                    </a:lnTo>
                    <a:lnTo>
                      <a:pt x="3486" y="519"/>
                    </a:lnTo>
                    <a:lnTo>
                      <a:pt x="3483" y="522"/>
                    </a:lnTo>
                    <a:lnTo>
                      <a:pt x="3481" y="528"/>
                    </a:lnTo>
                    <a:lnTo>
                      <a:pt x="3475" y="531"/>
                    </a:lnTo>
                    <a:lnTo>
                      <a:pt x="3472" y="534"/>
                    </a:lnTo>
                    <a:lnTo>
                      <a:pt x="3468" y="535"/>
                    </a:lnTo>
                    <a:lnTo>
                      <a:pt x="3462" y="534"/>
                    </a:lnTo>
                    <a:lnTo>
                      <a:pt x="3459" y="531"/>
                    </a:lnTo>
                    <a:lnTo>
                      <a:pt x="3451" y="524"/>
                    </a:lnTo>
                    <a:close/>
                    <a:moveTo>
                      <a:pt x="3415" y="560"/>
                    </a:moveTo>
                    <a:lnTo>
                      <a:pt x="3407" y="560"/>
                    </a:lnTo>
                    <a:lnTo>
                      <a:pt x="3399" y="560"/>
                    </a:lnTo>
                    <a:lnTo>
                      <a:pt x="3391" y="559"/>
                    </a:lnTo>
                    <a:lnTo>
                      <a:pt x="3385" y="557"/>
                    </a:lnTo>
                    <a:lnTo>
                      <a:pt x="3377" y="552"/>
                    </a:lnTo>
                    <a:lnTo>
                      <a:pt x="3369" y="547"/>
                    </a:lnTo>
                    <a:lnTo>
                      <a:pt x="3365" y="544"/>
                    </a:lnTo>
                    <a:lnTo>
                      <a:pt x="3361" y="543"/>
                    </a:lnTo>
                    <a:lnTo>
                      <a:pt x="3356" y="543"/>
                    </a:lnTo>
                    <a:lnTo>
                      <a:pt x="3351" y="544"/>
                    </a:lnTo>
                    <a:lnTo>
                      <a:pt x="3348" y="546"/>
                    </a:lnTo>
                    <a:lnTo>
                      <a:pt x="3347" y="548"/>
                    </a:lnTo>
                    <a:lnTo>
                      <a:pt x="3345" y="551"/>
                    </a:lnTo>
                    <a:lnTo>
                      <a:pt x="3345" y="555"/>
                    </a:lnTo>
                    <a:lnTo>
                      <a:pt x="3342" y="561"/>
                    </a:lnTo>
                    <a:lnTo>
                      <a:pt x="3341" y="568"/>
                    </a:lnTo>
                    <a:lnTo>
                      <a:pt x="3337" y="572"/>
                    </a:lnTo>
                    <a:lnTo>
                      <a:pt x="3332" y="577"/>
                    </a:lnTo>
                    <a:lnTo>
                      <a:pt x="3326" y="581"/>
                    </a:lnTo>
                    <a:lnTo>
                      <a:pt x="3321" y="585"/>
                    </a:lnTo>
                    <a:lnTo>
                      <a:pt x="3315" y="590"/>
                    </a:lnTo>
                    <a:lnTo>
                      <a:pt x="3311" y="594"/>
                    </a:lnTo>
                    <a:lnTo>
                      <a:pt x="3307" y="599"/>
                    </a:lnTo>
                    <a:lnTo>
                      <a:pt x="3306" y="603"/>
                    </a:lnTo>
                    <a:lnTo>
                      <a:pt x="3310" y="609"/>
                    </a:lnTo>
                    <a:lnTo>
                      <a:pt x="3315" y="613"/>
                    </a:lnTo>
                    <a:lnTo>
                      <a:pt x="3321" y="629"/>
                    </a:lnTo>
                    <a:lnTo>
                      <a:pt x="3330" y="642"/>
                    </a:lnTo>
                    <a:lnTo>
                      <a:pt x="3338" y="643"/>
                    </a:lnTo>
                    <a:lnTo>
                      <a:pt x="3345" y="644"/>
                    </a:lnTo>
                    <a:lnTo>
                      <a:pt x="3352" y="642"/>
                    </a:lnTo>
                    <a:lnTo>
                      <a:pt x="3359" y="639"/>
                    </a:lnTo>
                    <a:lnTo>
                      <a:pt x="3370" y="629"/>
                    </a:lnTo>
                    <a:lnTo>
                      <a:pt x="3380" y="618"/>
                    </a:lnTo>
                    <a:lnTo>
                      <a:pt x="3390" y="608"/>
                    </a:lnTo>
                    <a:lnTo>
                      <a:pt x="3399" y="598"/>
                    </a:lnTo>
                    <a:lnTo>
                      <a:pt x="3408" y="586"/>
                    </a:lnTo>
                    <a:lnTo>
                      <a:pt x="3416" y="574"/>
                    </a:lnTo>
                    <a:lnTo>
                      <a:pt x="3415" y="560"/>
                    </a:lnTo>
                    <a:close/>
                    <a:moveTo>
                      <a:pt x="3383" y="487"/>
                    </a:moveTo>
                    <a:lnTo>
                      <a:pt x="3382" y="474"/>
                    </a:lnTo>
                    <a:lnTo>
                      <a:pt x="3381" y="463"/>
                    </a:lnTo>
                    <a:lnTo>
                      <a:pt x="3378" y="456"/>
                    </a:lnTo>
                    <a:lnTo>
                      <a:pt x="3374" y="451"/>
                    </a:lnTo>
                    <a:lnTo>
                      <a:pt x="3372" y="449"/>
                    </a:lnTo>
                    <a:lnTo>
                      <a:pt x="3369" y="446"/>
                    </a:lnTo>
                    <a:lnTo>
                      <a:pt x="3367" y="445"/>
                    </a:lnTo>
                    <a:lnTo>
                      <a:pt x="3364" y="445"/>
                    </a:lnTo>
                    <a:lnTo>
                      <a:pt x="3358" y="445"/>
                    </a:lnTo>
                    <a:lnTo>
                      <a:pt x="3352" y="447"/>
                    </a:lnTo>
                    <a:lnTo>
                      <a:pt x="3348" y="450"/>
                    </a:lnTo>
                    <a:lnTo>
                      <a:pt x="3345" y="454"/>
                    </a:lnTo>
                    <a:lnTo>
                      <a:pt x="3339" y="464"/>
                    </a:lnTo>
                    <a:lnTo>
                      <a:pt x="3337" y="476"/>
                    </a:lnTo>
                    <a:lnTo>
                      <a:pt x="3335" y="482"/>
                    </a:lnTo>
                    <a:lnTo>
                      <a:pt x="3335" y="487"/>
                    </a:lnTo>
                    <a:lnTo>
                      <a:pt x="3337" y="493"/>
                    </a:lnTo>
                    <a:lnTo>
                      <a:pt x="3339" y="499"/>
                    </a:lnTo>
                    <a:lnTo>
                      <a:pt x="3342" y="504"/>
                    </a:lnTo>
                    <a:lnTo>
                      <a:pt x="3346" y="507"/>
                    </a:lnTo>
                    <a:lnTo>
                      <a:pt x="3351" y="508"/>
                    </a:lnTo>
                    <a:lnTo>
                      <a:pt x="3356" y="508"/>
                    </a:lnTo>
                    <a:lnTo>
                      <a:pt x="3367" y="507"/>
                    </a:lnTo>
                    <a:lnTo>
                      <a:pt x="3376" y="503"/>
                    </a:lnTo>
                    <a:lnTo>
                      <a:pt x="3383" y="487"/>
                    </a:lnTo>
                    <a:close/>
                    <a:moveTo>
                      <a:pt x="3210" y="749"/>
                    </a:moveTo>
                    <a:lnTo>
                      <a:pt x="3219" y="752"/>
                    </a:lnTo>
                    <a:lnTo>
                      <a:pt x="3229" y="752"/>
                    </a:lnTo>
                    <a:lnTo>
                      <a:pt x="3241" y="752"/>
                    </a:lnTo>
                    <a:lnTo>
                      <a:pt x="3254" y="752"/>
                    </a:lnTo>
                    <a:lnTo>
                      <a:pt x="3266" y="749"/>
                    </a:lnTo>
                    <a:lnTo>
                      <a:pt x="3277" y="747"/>
                    </a:lnTo>
                    <a:lnTo>
                      <a:pt x="3286" y="743"/>
                    </a:lnTo>
                    <a:lnTo>
                      <a:pt x="3294" y="737"/>
                    </a:lnTo>
                    <a:lnTo>
                      <a:pt x="3301" y="731"/>
                    </a:lnTo>
                    <a:lnTo>
                      <a:pt x="3306" y="726"/>
                    </a:lnTo>
                    <a:lnTo>
                      <a:pt x="3308" y="721"/>
                    </a:lnTo>
                    <a:lnTo>
                      <a:pt x="3310" y="715"/>
                    </a:lnTo>
                    <a:lnTo>
                      <a:pt x="3308" y="704"/>
                    </a:lnTo>
                    <a:lnTo>
                      <a:pt x="3304" y="688"/>
                    </a:lnTo>
                    <a:lnTo>
                      <a:pt x="3303" y="677"/>
                    </a:lnTo>
                    <a:lnTo>
                      <a:pt x="3301" y="662"/>
                    </a:lnTo>
                    <a:lnTo>
                      <a:pt x="3299" y="656"/>
                    </a:lnTo>
                    <a:lnTo>
                      <a:pt x="3297" y="649"/>
                    </a:lnTo>
                    <a:lnTo>
                      <a:pt x="3293" y="644"/>
                    </a:lnTo>
                    <a:lnTo>
                      <a:pt x="3286" y="642"/>
                    </a:lnTo>
                    <a:lnTo>
                      <a:pt x="3282" y="639"/>
                    </a:lnTo>
                    <a:lnTo>
                      <a:pt x="3277" y="639"/>
                    </a:lnTo>
                    <a:lnTo>
                      <a:pt x="3275" y="640"/>
                    </a:lnTo>
                    <a:lnTo>
                      <a:pt x="3271" y="642"/>
                    </a:lnTo>
                    <a:lnTo>
                      <a:pt x="3267" y="645"/>
                    </a:lnTo>
                    <a:lnTo>
                      <a:pt x="3263" y="653"/>
                    </a:lnTo>
                    <a:lnTo>
                      <a:pt x="3260" y="660"/>
                    </a:lnTo>
                    <a:lnTo>
                      <a:pt x="3258" y="667"/>
                    </a:lnTo>
                    <a:lnTo>
                      <a:pt x="3254" y="675"/>
                    </a:lnTo>
                    <a:lnTo>
                      <a:pt x="3249" y="680"/>
                    </a:lnTo>
                    <a:lnTo>
                      <a:pt x="3232" y="686"/>
                    </a:lnTo>
                    <a:lnTo>
                      <a:pt x="3215" y="691"/>
                    </a:lnTo>
                    <a:lnTo>
                      <a:pt x="3209" y="693"/>
                    </a:lnTo>
                    <a:lnTo>
                      <a:pt x="3202" y="697"/>
                    </a:lnTo>
                    <a:lnTo>
                      <a:pt x="3197" y="702"/>
                    </a:lnTo>
                    <a:lnTo>
                      <a:pt x="3192" y="708"/>
                    </a:lnTo>
                    <a:lnTo>
                      <a:pt x="3184" y="718"/>
                    </a:lnTo>
                    <a:lnTo>
                      <a:pt x="3176" y="730"/>
                    </a:lnTo>
                    <a:lnTo>
                      <a:pt x="3175" y="735"/>
                    </a:lnTo>
                    <a:lnTo>
                      <a:pt x="3176" y="739"/>
                    </a:lnTo>
                    <a:lnTo>
                      <a:pt x="3177" y="741"/>
                    </a:lnTo>
                    <a:lnTo>
                      <a:pt x="3181" y="744"/>
                    </a:lnTo>
                    <a:lnTo>
                      <a:pt x="3189" y="748"/>
                    </a:lnTo>
                    <a:lnTo>
                      <a:pt x="3197" y="752"/>
                    </a:lnTo>
                    <a:lnTo>
                      <a:pt x="3210" y="749"/>
                    </a:lnTo>
                    <a:close/>
                    <a:moveTo>
                      <a:pt x="3110" y="923"/>
                    </a:moveTo>
                    <a:lnTo>
                      <a:pt x="3110" y="875"/>
                    </a:lnTo>
                    <a:lnTo>
                      <a:pt x="3110" y="872"/>
                    </a:lnTo>
                    <a:lnTo>
                      <a:pt x="3113" y="868"/>
                    </a:lnTo>
                    <a:lnTo>
                      <a:pt x="3115" y="866"/>
                    </a:lnTo>
                    <a:lnTo>
                      <a:pt x="3119" y="863"/>
                    </a:lnTo>
                    <a:lnTo>
                      <a:pt x="3127" y="857"/>
                    </a:lnTo>
                    <a:lnTo>
                      <a:pt x="3132" y="851"/>
                    </a:lnTo>
                    <a:lnTo>
                      <a:pt x="3136" y="845"/>
                    </a:lnTo>
                    <a:lnTo>
                      <a:pt x="3139" y="837"/>
                    </a:lnTo>
                    <a:lnTo>
                      <a:pt x="3139" y="833"/>
                    </a:lnTo>
                    <a:lnTo>
                      <a:pt x="3139" y="829"/>
                    </a:lnTo>
                    <a:lnTo>
                      <a:pt x="3137" y="827"/>
                    </a:lnTo>
                    <a:lnTo>
                      <a:pt x="3133" y="826"/>
                    </a:lnTo>
                    <a:lnTo>
                      <a:pt x="3115" y="828"/>
                    </a:lnTo>
                    <a:lnTo>
                      <a:pt x="3098" y="828"/>
                    </a:lnTo>
                    <a:lnTo>
                      <a:pt x="3089" y="820"/>
                    </a:lnTo>
                    <a:lnTo>
                      <a:pt x="3078" y="805"/>
                    </a:lnTo>
                    <a:lnTo>
                      <a:pt x="3070" y="798"/>
                    </a:lnTo>
                    <a:lnTo>
                      <a:pt x="3063" y="794"/>
                    </a:lnTo>
                    <a:lnTo>
                      <a:pt x="3061" y="794"/>
                    </a:lnTo>
                    <a:lnTo>
                      <a:pt x="3057" y="796"/>
                    </a:lnTo>
                    <a:lnTo>
                      <a:pt x="3054" y="797"/>
                    </a:lnTo>
                    <a:lnTo>
                      <a:pt x="3052" y="801"/>
                    </a:lnTo>
                    <a:lnTo>
                      <a:pt x="3048" y="807"/>
                    </a:lnTo>
                    <a:lnTo>
                      <a:pt x="3044" y="813"/>
                    </a:lnTo>
                    <a:lnTo>
                      <a:pt x="3039" y="815"/>
                    </a:lnTo>
                    <a:lnTo>
                      <a:pt x="3034" y="818"/>
                    </a:lnTo>
                    <a:lnTo>
                      <a:pt x="3022" y="822"/>
                    </a:lnTo>
                    <a:lnTo>
                      <a:pt x="3009" y="824"/>
                    </a:lnTo>
                    <a:lnTo>
                      <a:pt x="2999" y="828"/>
                    </a:lnTo>
                    <a:lnTo>
                      <a:pt x="2995" y="831"/>
                    </a:lnTo>
                    <a:lnTo>
                      <a:pt x="2993" y="832"/>
                    </a:lnTo>
                    <a:lnTo>
                      <a:pt x="2993" y="833"/>
                    </a:lnTo>
                    <a:lnTo>
                      <a:pt x="2993" y="835"/>
                    </a:lnTo>
                    <a:lnTo>
                      <a:pt x="2995" y="837"/>
                    </a:lnTo>
                    <a:lnTo>
                      <a:pt x="3004" y="844"/>
                    </a:lnTo>
                    <a:lnTo>
                      <a:pt x="3012" y="854"/>
                    </a:lnTo>
                    <a:lnTo>
                      <a:pt x="3013" y="858"/>
                    </a:lnTo>
                    <a:lnTo>
                      <a:pt x="3012" y="863"/>
                    </a:lnTo>
                    <a:lnTo>
                      <a:pt x="3009" y="867"/>
                    </a:lnTo>
                    <a:lnTo>
                      <a:pt x="3005" y="871"/>
                    </a:lnTo>
                    <a:lnTo>
                      <a:pt x="2997" y="880"/>
                    </a:lnTo>
                    <a:lnTo>
                      <a:pt x="2992" y="889"/>
                    </a:lnTo>
                    <a:lnTo>
                      <a:pt x="2992" y="897"/>
                    </a:lnTo>
                    <a:lnTo>
                      <a:pt x="2992" y="903"/>
                    </a:lnTo>
                    <a:lnTo>
                      <a:pt x="2992" y="906"/>
                    </a:lnTo>
                    <a:lnTo>
                      <a:pt x="2990" y="907"/>
                    </a:lnTo>
                    <a:lnTo>
                      <a:pt x="2987" y="908"/>
                    </a:lnTo>
                    <a:lnTo>
                      <a:pt x="2982" y="910"/>
                    </a:lnTo>
                    <a:lnTo>
                      <a:pt x="2974" y="912"/>
                    </a:lnTo>
                    <a:lnTo>
                      <a:pt x="2966" y="918"/>
                    </a:lnTo>
                    <a:lnTo>
                      <a:pt x="2964" y="920"/>
                    </a:lnTo>
                    <a:lnTo>
                      <a:pt x="2964" y="924"/>
                    </a:lnTo>
                    <a:lnTo>
                      <a:pt x="2965" y="927"/>
                    </a:lnTo>
                    <a:lnTo>
                      <a:pt x="2969" y="929"/>
                    </a:lnTo>
                    <a:lnTo>
                      <a:pt x="2975" y="930"/>
                    </a:lnTo>
                    <a:lnTo>
                      <a:pt x="2984" y="934"/>
                    </a:lnTo>
                    <a:lnTo>
                      <a:pt x="2991" y="938"/>
                    </a:lnTo>
                    <a:lnTo>
                      <a:pt x="2996" y="942"/>
                    </a:lnTo>
                    <a:lnTo>
                      <a:pt x="2990" y="947"/>
                    </a:lnTo>
                    <a:lnTo>
                      <a:pt x="2977" y="956"/>
                    </a:lnTo>
                    <a:lnTo>
                      <a:pt x="2971" y="962"/>
                    </a:lnTo>
                    <a:lnTo>
                      <a:pt x="2968" y="967"/>
                    </a:lnTo>
                    <a:lnTo>
                      <a:pt x="2966" y="969"/>
                    </a:lnTo>
                    <a:lnTo>
                      <a:pt x="2966" y="972"/>
                    </a:lnTo>
                    <a:lnTo>
                      <a:pt x="2968" y="975"/>
                    </a:lnTo>
                    <a:lnTo>
                      <a:pt x="2970" y="976"/>
                    </a:lnTo>
                    <a:lnTo>
                      <a:pt x="2982" y="980"/>
                    </a:lnTo>
                    <a:lnTo>
                      <a:pt x="2991" y="981"/>
                    </a:lnTo>
                    <a:lnTo>
                      <a:pt x="2995" y="982"/>
                    </a:lnTo>
                    <a:lnTo>
                      <a:pt x="2999" y="985"/>
                    </a:lnTo>
                    <a:lnTo>
                      <a:pt x="3001" y="989"/>
                    </a:lnTo>
                    <a:lnTo>
                      <a:pt x="3004" y="995"/>
                    </a:lnTo>
                    <a:lnTo>
                      <a:pt x="3006" y="999"/>
                    </a:lnTo>
                    <a:lnTo>
                      <a:pt x="3009" y="1003"/>
                    </a:lnTo>
                    <a:lnTo>
                      <a:pt x="3012" y="1004"/>
                    </a:lnTo>
                    <a:lnTo>
                      <a:pt x="3014" y="1004"/>
                    </a:lnTo>
                    <a:lnTo>
                      <a:pt x="3019" y="999"/>
                    </a:lnTo>
                    <a:lnTo>
                      <a:pt x="3025" y="993"/>
                    </a:lnTo>
                    <a:lnTo>
                      <a:pt x="3035" y="973"/>
                    </a:lnTo>
                    <a:lnTo>
                      <a:pt x="3043" y="962"/>
                    </a:lnTo>
                    <a:lnTo>
                      <a:pt x="3054" y="949"/>
                    </a:lnTo>
                    <a:lnTo>
                      <a:pt x="3067" y="938"/>
                    </a:lnTo>
                    <a:lnTo>
                      <a:pt x="3076" y="933"/>
                    </a:lnTo>
                    <a:lnTo>
                      <a:pt x="3088" y="929"/>
                    </a:lnTo>
                    <a:lnTo>
                      <a:pt x="3110" y="923"/>
                    </a:lnTo>
                    <a:close/>
                    <a:moveTo>
                      <a:pt x="2760" y="937"/>
                    </a:moveTo>
                    <a:lnTo>
                      <a:pt x="2772" y="925"/>
                    </a:lnTo>
                    <a:lnTo>
                      <a:pt x="2782" y="912"/>
                    </a:lnTo>
                    <a:lnTo>
                      <a:pt x="2787" y="906"/>
                    </a:lnTo>
                    <a:lnTo>
                      <a:pt x="2793" y="899"/>
                    </a:lnTo>
                    <a:lnTo>
                      <a:pt x="2799" y="894"/>
                    </a:lnTo>
                    <a:lnTo>
                      <a:pt x="2806" y="890"/>
                    </a:lnTo>
                    <a:lnTo>
                      <a:pt x="2812" y="888"/>
                    </a:lnTo>
                    <a:lnTo>
                      <a:pt x="2822" y="885"/>
                    </a:lnTo>
                    <a:lnTo>
                      <a:pt x="2834" y="883"/>
                    </a:lnTo>
                    <a:lnTo>
                      <a:pt x="2847" y="880"/>
                    </a:lnTo>
                    <a:lnTo>
                      <a:pt x="2860" y="879"/>
                    </a:lnTo>
                    <a:lnTo>
                      <a:pt x="2872" y="879"/>
                    </a:lnTo>
                    <a:lnTo>
                      <a:pt x="2879" y="879"/>
                    </a:lnTo>
                    <a:lnTo>
                      <a:pt x="2886" y="881"/>
                    </a:lnTo>
                    <a:lnTo>
                      <a:pt x="2883" y="888"/>
                    </a:lnTo>
                    <a:lnTo>
                      <a:pt x="2879" y="894"/>
                    </a:lnTo>
                    <a:lnTo>
                      <a:pt x="2873" y="902"/>
                    </a:lnTo>
                    <a:lnTo>
                      <a:pt x="2865" y="908"/>
                    </a:lnTo>
                    <a:lnTo>
                      <a:pt x="2848" y="920"/>
                    </a:lnTo>
                    <a:lnTo>
                      <a:pt x="2835" y="929"/>
                    </a:lnTo>
                    <a:lnTo>
                      <a:pt x="2825" y="937"/>
                    </a:lnTo>
                    <a:lnTo>
                      <a:pt x="2816" y="947"/>
                    </a:lnTo>
                    <a:lnTo>
                      <a:pt x="2812" y="952"/>
                    </a:lnTo>
                    <a:lnTo>
                      <a:pt x="2808" y="959"/>
                    </a:lnTo>
                    <a:lnTo>
                      <a:pt x="2806" y="964"/>
                    </a:lnTo>
                    <a:lnTo>
                      <a:pt x="2803" y="971"/>
                    </a:lnTo>
                    <a:lnTo>
                      <a:pt x="2802" y="977"/>
                    </a:lnTo>
                    <a:lnTo>
                      <a:pt x="2799" y="985"/>
                    </a:lnTo>
                    <a:lnTo>
                      <a:pt x="2797" y="991"/>
                    </a:lnTo>
                    <a:lnTo>
                      <a:pt x="2793" y="998"/>
                    </a:lnTo>
                    <a:lnTo>
                      <a:pt x="2787" y="1003"/>
                    </a:lnTo>
                    <a:lnTo>
                      <a:pt x="2784" y="1004"/>
                    </a:lnTo>
                    <a:lnTo>
                      <a:pt x="2780" y="1004"/>
                    </a:lnTo>
                    <a:lnTo>
                      <a:pt x="2775" y="1004"/>
                    </a:lnTo>
                    <a:lnTo>
                      <a:pt x="2771" y="1003"/>
                    </a:lnTo>
                    <a:lnTo>
                      <a:pt x="2767" y="1003"/>
                    </a:lnTo>
                    <a:lnTo>
                      <a:pt x="2763" y="1004"/>
                    </a:lnTo>
                    <a:lnTo>
                      <a:pt x="2759" y="1007"/>
                    </a:lnTo>
                    <a:lnTo>
                      <a:pt x="2753" y="1017"/>
                    </a:lnTo>
                    <a:lnTo>
                      <a:pt x="2747" y="1026"/>
                    </a:lnTo>
                    <a:lnTo>
                      <a:pt x="2743" y="1030"/>
                    </a:lnTo>
                    <a:lnTo>
                      <a:pt x="2740" y="1033"/>
                    </a:lnTo>
                    <a:lnTo>
                      <a:pt x="2734" y="1035"/>
                    </a:lnTo>
                    <a:lnTo>
                      <a:pt x="2727" y="1035"/>
                    </a:lnTo>
                    <a:lnTo>
                      <a:pt x="2724" y="1033"/>
                    </a:lnTo>
                    <a:lnTo>
                      <a:pt x="2721" y="1028"/>
                    </a:lnTo>
                    <a:lnTo>
                      <a:pt x="2721" y="1024"/>
                    </a:lnTo>
                    <a:lnTo>
                      <a:pt x="2720" y="1019"/>
                    </a:lnTo>
                    <a:lnTo>
                      <a:pt x="2721" y="1007"/>
                    </a:lnTo>
                    <a:lnTo>
                      <a:pt x="2724" y="997"/>
                    </a:lnTo>
                    <a:lnTo>
                      <a:pt x="2734" y="975"/>
                    </a:lnTo>
                    <a:lnTo>
                      <a:pt x="2743" y="958"/>
                    </a:lnTo>
                    <a:lnTo>
                      <a:pt x="2760" y="937"/>
                    </a:lnTo>
                    <a:close/>
                    <a:moveTo>
                      <a:pt x="2623" y="1117"/>
                    </a:moveTo>
                    <a:lnTo>
                      <a:pt x="2620" y="1120"/>
                    </a:lnTo>
                    <a:lnTo>
                      <a:pt x="2618" y="1120"/>
                    </a:lnTo>
                    <a:lnTo>
                      <a:pt x="2615" y="1120"/>
                    </a:lnTo>
                    <a:lnTo>
                      <a:pt x="2613" y="1120"/>
                    </a:lnTo>
                    <a:lnTo>
                      <a:pt x="2607" y="1116"/>
                    </a:lnTo>
                    <a:lnTo>
                      <a:pt x="2604" y="1111"/>
                    </a:lnTo>
                    <a:lnTo>
                      <a:pt x="2594" y="1098"/>
                    </a:lnTo>
                    <a:lnTo>
                      <a:pt x="2589" y="1090"/>
                    </a:lnTo>
                    <a:lnTo>
                      <a:pt x="2585" y="1087"/>
                    </a:lnTo>
                    <a:lnTo>
                      <a:pt x="2582" y="1085"/>
                    </a:lnTo>
                    <a:lnTo>
                      <a:pt x="2576" y="1082"/>
                    </a:lnTo>
                    <a:lnTo>
                      <a:pt x="2572" y="1081"/>
                    </a:lnTo>
                    <a:lnTo>
                      <a:pt x="2567" y="1082"/>
                    </a:lnTo>
                    <a:lnTo>
                      <a:pt x="2565" y="1083"/>
                    </a:lnTo>
                    <a:lnTo>
                      <a:pt x="2562" y="1087"/>
                    </a:lnTo>
                    <a:lnTo>
                      <a:pt x="2561" y="1094"/>
                    </a:lnTo>
                    <a:lnTo>
                      <a:pt x="2558" y="1100"/>
                    </a:lnTo>
                    <a:lnTo>
                      <a:pt x="2554" y="1107"/>
                    </a:lnTo>
                    <a:lnTo>
                      <a:pt x="2549" y="1113"/>
                    </a:lnTo>
                    <a:lnTo>
                      <a:pt x="2545" y="1120"/>
                    </a:lnTo>
                    <a:lnTo>
                      <a:pt x="2541" y="1127"/>
                    </a:lnTo>
                    <a:lnTo>
                      <a:pt x="2540" y="1135"/>
                    </a:lnTo>
                    <a:lnTo>
                      <a:pt x="2540" y="1143"/>
                    </a:lnTo>
                    <a:lnTo>
                      <a:pt x="2540" y="1149"/>
                    </a:lnTo>
                    <a:lnTo>
                      <a:pt x="2543" y="1155"/>
                    </a:lnTo>
                    <a:lnTo>
                      <a:pt x="2548" y="1160"/>
                    </a:lnTo>
                    <a:lnTo>
                      <a:pt x="2554" y="1162"/>
                    </a:lnTo>
                    <a:lnTo>
                      <a:pt x="2563" y="1164"/>
                    </a:lnTo>
                    <a:lnTo>
                      <a:pt x="2571" y="1162"/>
                    </a:lnTo>
                    <a:lnTo>
                      <a:pt x="2578" y="1160"/>
                    </a:lnTo>
                    <a:lnTo>
                      <a:pt x="2583" y="1155"/>
                    </a:lnTo>
                    <a:lnTo>
                      <a:pt x="2588" y="1149"/>
                    </a:lnTo>
                    <a:lnTo>
                      <a:pt x="2592" y="1144"/>
                    </a:lnTo>
                    <a:lnTo>
                      <a:pt x="2597" y="1139"/>
                    </a:lnTo>
                    <a:lnTo>
                      <a:pt x="2602" y="1135"/>
                    </a:lnTo>
                    <a:lnTo>
                      <a:pt x="2609" y="1131"/>
                    </a:lnTo>
                    <a:lnTo>
                      <a:pt x="2623" y="1117"/>
                    </a:lnTo>
                    <a:close/>
                    <a:moveTo>
                      <a:pt x="2636" y="1136"/>
                    </a:moveTo>
                    <a:lnTo>
                      <a:pt x="2635" y="1134"/>
                    </a:lnTo>
                    <a:lnTo>
                      <a:pt x="2636" y="1129"/>
                    </a:lnTo>
                    <a:lnTo>
                      <a:pt x="2639" y="1123"/>
                    </a:lnTo>
                    <a:lnTo>
                      <a:pt x="2641" y="1118"/>
                    </a:lnTo>
                    <a:lnTo>
                      <a:pt x="2646" y="1107"/>
                    </a:lnTo>
                    <a:lnTo>
                      <a:pt x="2650" y="1098"/>
                    </a:lnTo>
                    <a:lnTo>
                      <a:pt x="2654" y="1082"/>
                    </a:lnTo>
                    <a:lnTo>
                      <a:pt x="2661" y="1056"/>
                    </a:lnTo>
                    <a:lnTo>
                      <a:pt x="2664" y="1044"/>
                    </a:lnTo>
                    <a:lnTo>
                      <a:pt x="2668" y="1037"/>
                    </a:lnTo>
                    <a:lnTo>
                      <a:pt x="2670" y="1035"/>
                    </a:lnTo>
                    <a:lnTo>
                      <a:pt x="2672" y="1034"/>
                    </a:lnTo>
                    <a:lnTo>
                      <a:pt x="2673" y="1037"/>
                    </a:lnTo>
                    <a:lnTo>
                      <a:pt x="2675" y="1039"/>
                    </a:lnTo>
                    <a:lnTo>
                      <a:pt x="2677" y="1048"/>
                    </a:lnTo>
                    <a:lnTo>
                      <a:pt x="2679" y="1056"/>
                    </a:lnTo>
                    <a:lnTo>
                      <a:pt x="2680" y="1065"/>
                    </a:lnTo>
                    <a:lnTo>
                      <a:pt x="2680" y="1074"/>
                    </a:lnTo>
                    <a:lnTo>
                      <a:pt x="2677" y="1091"/>
                    </a:lnTo>
                    <a:lnTo>
                      <a:pt x="2675" y="1108"/>
                    </a:lnTo>
                    <a:lnTo>
                      <a:pt x="2672" y="1126"/>
                    </a:lnTo>
                    <a:lnTo>
                      <a:pt x="2668" y="1144"/>
                    </a:lnTo>
                    <a:lnTo>
                      <a:pt x="2667" y="1155"/>
                    </a:lnTo>
                    <a:lnTo>
                      <a:pt x="2663" y="1162"/>
                    </a:lnTo>
                    <a:lnTo>
                      <a:pt x="2659" y="1171"/>
                    </a:lnTo>
                    <a:lnTo>
                      <a:pt x="2654" y="1178"/>
                    </a:lnTo>
                    <a:lnTo>
                      <a:pt x="2648" y="1184"/>
                    </a:lnTo>
                    <a:lnTo>
                      <a:pt x="2642" y="1190"/>
                    </a:lnTo>
                    <a:lnTo>
                      <a:pt x="2639" y="1191"/>
                    </a:lnTo>
                    <a:lnTo>
                      <a:pt x="2635" y="1192"/>
                    </a:lnTo>
                    <a:lnTo>
                      <a:pt x="2631" y="1192"/>
                    </a:lnTo>
                    <a:lnTo>
                      <a:pt x="2626" y="1192"/>
                    </a:lnTo>
                    <a:lnTo>
                      <a:pt x="2616" y="1191"/>
                    </a:lnTo>
                    <a:lnTo>
                      <a:pt x="2613" y="1187"/>
                    </a:lnTo>
                    <a:lnTo>
                      <a:pt x="2611" y="1183"/>
                    </a:lnTo>
                    <a:lnTo>
                      <a:pt x="2611" y="1178"/>
                    </a:lnTo>
                    <a:lnTo>
                      <a:pt x="2618" y="1168"/>
                    </a:lnTo>
                    <a:lnTo>
                      <a:pt x="2627" y="1156"/>
                    </a:lnTo>
                    <a:lnTo>
                      <a:pt x="2636" y="1136"/>
                    </a:lnTo>
                    <a:close/>
                    <a:moveTo>
                      <a:pt x="2679" y="1210"/>
                    </a:moveTo>
                    <a:lnTo>
                      <a:pt x="2685" y="1208"/>
                    </a:lnTo>
                    <a:lnTo>
                      <a:pt x="2689" y="1204"/>
                    </a:lnTo>
                    <a:lnTo>
                      <a:pt x="2692" y="1200"/>
                    </a:lnTo>
                    <a:lnTo>
                      <a:pt x="2694" y="1195"/>
                    </a:lnTo>
                    <a:lnTo>
                      <a:pt x="2696" y="1184"/>
                    </a:lnTo>
                    <a:lnTo>
                      <a:pt x="2698" y="1174"/>
                    </a:lnTo>
                    <a:lnTo>
                      <a:pt x="2699" y="1170"/>
                    </a:lnTo>
                    <a:lnTo>
                      <a:pt x="2703" y="1168"/>
                    </a:lnTo>
                    <a:lnTo>
                      <a:pt x="2707" y="1165"/>
                    </a:lnTo>
                    <a:lnTo>
                      <a:pt x="2711" y="1164"/>
                    </a:lnTo>
                    <a:lnTo>
                      <a:pt x="2721" y="1164"/>
                    </a:lnTo>
                    <a:lnTo>
                      <a:pt x="2733" y="1164"/>
                    </a:lnTo>
                    <a:lnTo>
                      <a:pt x="2743" y="1165"/>
                    </a:lnTo>
                    <a:lnTo>
                      <a:pt x="2751" y="1164"/>
                    </a:lnTo>
                    <a:lnTo>
                      <a:pt x="2754" y="1162"/>
                    </a:lnTo>
                    <a:lnTo>
                      <a:pt x="2755" y="1161"/>
                    </a:lnTo>
                    <a:lnTo>
                      <a:pt x="2756" y="1158"/>
                    </a:lnTo>
                    <a:lnTo>
                      <a:pt x="2754" y="1156"/>
                    </a:lnTo>
                    <a:lnTo>
                      <a:pt x="2737" y="1126"/>
                    </a:lnTo>
                    <a:lnTo>
                      <a:pt x="2732" y="1118"/>
                    </a:lnTo>
                    <a:lnTo>
                      <a:pt x="2730" y="1112"/>
                    </a:lnTo>
                    <a:lnTo>
                      <a:pt x="2732" y="1109"/>
                    </a:lnTo>
                    <a:lnTo>
                      <a:pt x="2733" y="1105"/>
                    </a:lnTo>
                    <a:lnTo>
                      <a:pt x="2737" y="1103"/>
                    </a:lnTo>
                    <a:lnTo>
                      <a:pt x="2743" y="1099"/>
                    </a:lnTo>
                    <a:lnTo>
                      <a:pt x="2759" y="1083"/>
                    </a:lnTo>
                    <a:lnTo>
                      <a:pt x="2775" y="1070"/>
                    </a:lnTo>
                    <a:lnTo>
                      <a:pt x="2777" y="1069"/>
                    </a:lnTo>
                    <a:lnTo>
                      <a:pt x="2778" y="1070"/>
                    </a:lnTo>
                    <a:lnTo>
                      <a:pt x="2780" y="1073"/>
                    </a:lnTo>
                    <a:lnTo>
                      <a:pt x="2780" y="1076"/>
                    </a:lnTo>
                    <a:lnTo>
                      <a:pt x="2780" y="1085"/>
                    </a:lnTo>
                    <a:lnTo>
                      <a:pt x="2780" y="1095"/>
                    </a:lnTo>
                    <a:lnTo>
                      <a:pt x="2777" y="1117"/>
                    </a:lnTo>
                    <a:lnTo>
                      <a:pt x="2777" y="1131"/>
                    </a:lnTo>
                    <a:lnTo>
                      <a:pt x="2780" y="1139"/>
                    </a:lnTo>
                    <a:lnTo>
                      <a:pt x="2782" y="1144"/>
                    </a:lnTo>
                    <a:lnTo>
                      <a:pt x="2782" y="1151"/>
                    </a:lnTo>
                    <a:lnTo>
                      <a:pt x="2782" y="1156"/>
                    </a:lnTo>
                    <a:lnTo>
                      <a:pt x="2782" y="1166"/>
                    </a:lnTo>
                    <a:lnTo>
                      <a:pt x="2785" y="1178"/>
                    </a:lnTo>
                    <a:lnTo>
                      <a:pt x="2786" y="1179"/>
                    </a:lnTo>
                    <a:lnTo>
                      <a:pt x="2789" y="1182"/>
                    </a:lnTo>
                    <a:lnTo>
                      <a:pt x="2793" y="1183"/>
                    </a:lnTo>
                    <a:lnTo>
                      <a:pt x="2798" y="1184"/>
                    </a:lnTo>
                    <a:lnTo>
                      <a:pt x="2811" y="1186"/>
                    </a:lnTo>
                    <a:lnTo>
                      <a:pt x="2824" y="1187"/>
                    </a:lnTo>
                    <a:lnTo>
                      <a:pt x="2838" y="1186"/>
                    </a:lnTo>
                    <a:lnTo>
                      <a:pt x="2850" y="1183"/>
                    </a:lnTo>
                    <a:lnTo>
                      <a:pt x="2854" y="1182"/>
                    </a:lnTo>
                    <a:lnTo>
                      <a:pt x="2857" y="1179"/>
                    </a:lnTo>
                    <a:lnTo>
                      <a:pt x="2860" y="1177"/>
                    </a:lnTo>
                    <a:lnTo>
                      <a:pt x="2861" y="1173"/>
                    </a:lnTo>
                    <a:lnTo>
                      <a:pt x="2857" y="1155"/>
                    </a:lnTo>
                    <a:lnTo>
                      <a:pt x="2854" y="1136"/>
                    </a:lnTo>
                    <a:lnTo>
                      <a:pt x="2855" y="1134"/>
                    </a:lnTo>
                    <a:lnTo>
                      <a:pt x="2859" y="1130"/>
                    </a:lnTo>
                    <a:lnTo>
                      <a:pt x="2863" y="1126"/>
                    </a:lnTo>
                    <a:lnTo>
                      <a:pt x="2868" y="1122"/>
                    </a:lnTo>
                    <a:lnTo>
                      <a:pt x="2878" y="1117"/>
                    </a:lnTo>
                    <a:lnTo>
                      <a:pt x="2886" y="1114"/>
                    </a:lnTo>
                    <a:lnTo>
                      <a:pt x="2885" y="1129"/>
                    </a:lnTo>
                    <a:lnTo>
                      <a:pt x="2883" y="1143"/>
                    </a:lnTo>
                    <a:lnTo>
                      <a:pt x="2882" y="1157"/>
                    </a:lnTo>
                    <a:lnTo>
                      <a:pt x="2882" y="1171"/>
                    </a:lnTo>
                    <a:lnTo>
                      <a:pt x="2881" y="1175"/>
                    </a:lnTo>
                    <a:lnTo>
                      <a:pt x="2879" y="1180"/>
                    </a:lnTo>
                    <a:lnTo>
                      <a:pt x="2877" y="1184"/>
                    </a:lnTo>
                    <a:lnTo>
                      <a:pt x="2874" y="1190"/>
                    </a:lnTo>
                    <a:lnTo>
                      <a:pt x="2865" y="1200"/>
                    </a:lnTo>
                    <a:lnTo>
                      <a:pt x="2855" y="1210"/>
                    </a:lnTo>
                    <a:lnTo>
                      <a:pt x="2833" y="1230"/>
                    </a:lnTo>
                    <a:lnTo>
                      <a:pt x="2815" y="1243"/>
                    </a:lnTo>
                    <a:lnTo>
                      <a:pt x="2804" y="1253"/>
                    </a:lnTo>
                    <a:lnTo>
                      <a:pt x="2790" y="1269"/>
                    </a:lnTo>
                    <a:lnTo>
                      <a:pt x="2782" y="1275"/>
                    </a:lnTo>
                    <a:lnTo>
                      <a:pt x="2776" y="1280"/>
                    </a:lnTo>
                    <a:lnTo>
                      <a:pt x="2772" y="1282"/>
                    </a:lnTo>
                    <a:lnTo>
                      <a:pt x="2769" y="1283"/>
                    </a:lnTo>
                    <a:lnTo>
                      <a:pt x="2767" y="1282"/>
                    </a:lnTo>
                    <a:lnTo>
                      <a:pt x="2764" y="1280"/>
                    </a:lnTo>
                    <a:lnTo>
                      <a:pt x="2762" y="1274"/>
                    </a:lnTo>
                    <a:lnTo>
                      <a:pt x="2759" y="1266"/>
                    </a:lnTo>
                    <a:lnTo>
                      <a:pt x="2758" y="1263"/>
                    </a:lnTo>
                    <a:lnTo>
                      <a:pt x="2756" y="1259"/>
                    </a:lnTo>
                    <a:lnTo>
                      <a:pt x="2753" y="1257"/>
                    </a:lnTo>
                    <a:lnTo>
                      <a:pt x="2749" y="1256"/>
                    </a:lnTo>
                    <a:lnTo>
                      <a:pt x="2745" y="1254"/>
                    </a:lnTo>
                    <a:lnTo>
                      <a:pt x="2741" y="1254"/>
                    </a:lnTo>
                    <a:lnTo>
                      <a:pt x="2737" y="1256"/>
                    </a:lnTo>
                    <a:lnTo>
                      <a:pt x="2734" y="1257"/>
                    </a:lnTo>
                    <a:lnTo>
                      <a:pt x="2730" y="1261"/>
                    </a:lnTo>
                    <a:lnTo>
                      <a:pt x="2728" y="1266"/>
                    </a:lnTo>
                    <a:lnTo>
                      <a:pt x="2727" y="1272"/>
                    </a:lnTo>
                    <a:lnTo>
                      <a:pt x="2724" y="1279"/>
                    </a:lnTo>
                    <a:lnTo>
                      <a:pt x="2723" y="1285"/>
                    </a:lnTo>
                    <a:lnTo>
                      <a:pt x="2719" y="1289"/>
                    </a:lnTo>
                    <a:lnTo>
                      <a:pt x="2714" y="1292"/>
                    </a:lnTo>
                    <a:lnTo>
                      <a:pt x="2710" y="1294"/>
                    </a:lnTo>
                    <a:lnTo>
                      <a:pt x="2706" y="1294"/>
                    </a:lnTo>
                    <a:lnTo>
                      <a:pt x="2703" y="1293"/>
                    </a:lnTo>
                    <a:lnTo>
                      <a:pt x="2702" y="1292"/>
                    </a:lnTo>
                    <a:lnTo>
                      <a:pt x="2701" y="1288"/>
                    </a:lnTo>
                    <a:lnTo>
                      <a:pt x="2699" y="1284"/>
                    </a:lnTo>
                    <a:lnTo>
                      <a:pt x="2699" y="1278"/>
                    </a:lnTo>
                    <a:lnTo>
                      <a:pt x="2698" y="1267"/>
                    </a:lnTo>
                    <a:lnTo>
                      <a:pt x="2696" y="1263"/>
                    </a:lnTo>
                    <a:lnTo>
                      <a:pt x="2693" y="1263"/>
                    </a:lnTo>
                    <a:lnTo>
                      <a:pt x="2689" y="1266"/>
                    </a:lnTo>
                    <a:lnTo>
                      <a:pt x="2685" y="1271"/>
                    </a:lnTo>
                    <a:lnTo>
                      <a:pt x="2679" y="1276"/>
                    </a:lnTo>
                    <a:lnTo>
                      <a:pt x="2676" y="1278"/>
                    </a:lnTo>
                    <a:lnTo>
                      <a:pt x="2672" y="1279"/>
                    </a:lnTo>
                    <a:lnTo>
                      <a:pt x="2670" y="1279"/>
                    </a:lnTo>
                    <a:lnTo>
                      <a:pt x="2666" y="1279"/>
                    </a:lnTo>
                    <a:lnTo>
                      <a:pt x="2661" y="1276"/>
                    </a:lnTo>
                    <a:lnTo>
                      <a:pt x="2657" y="1271"/>
                    </a:lnTo>
                    <a:lnTo>
                      <a:pt x="2654" y="1267"/>
                    </a:lnTo>
                    <a:lnTo>
                      <a:pt x="2653" y="1262"/>
                    </a:lnTo>
                    <a:lnTo>
                      <a:pt x="2653" y="1256"/>
                    </a:lnTo>
                    <a:lnTo>
                      <a:pt x="2653" y="1250"/>
                    </a:lnTo>
                    <a:lnTo>
                      <a:pt x="2654" y="1245"/>
                    </a:lnTo>
                    <a:lnTo>
                      <a:pt x="2655" y="1240"/>
                    </a:lnTo>
                    <a:lnTo>
                      <a:pt x="2679" y="1210"/>
                    </a:lnTo>
                    <a:close/>
                    <a:moveTo>
                      <a:pt x="2515" y="1342"/>
                    </a:moveTo>
                    <a:lnTo>
                      <a:pt x="2527" y="1323"/>
                    </a:lnTo>
                    <a:lnTo>
                      <a:pt x="2537" y="1305"/>
                    </a:lnTo>
                    <a:lnTo>
                      <a:pt x="2544" y="1300"/>
                    </a:lnTo>
                    <a:lnTo>
                      <a:pt x="2552" y="1294"/>
                    </a:lnTo>
                    <a:lnTo>
                      <a:pt x="2561" y="1291"/>
                    </a:lnTo>
                    <a:lnTo>
                      <a:pt x="2571" y="1287"/>
                    </a:lnTo>
                    <a:lnTo>
                      <a:pt x="2592" y="1282"/>
                    </a:lnTo>
                    <a:lnTo>
                      <a:pt x="2610" y="1279"/>
                    </a:lnTo>
                    <a:lnTo>
                      <a:pt x="2618" y="1278"/>
                    </a:lnTo>
                    <a:lnTo>
                      <a:pt x="2623" y="1278"/>
                    </a:lnTo>
                    <a:lnTo>
                      <a:pt x="2626" y="1279"/>
                    </a:lnTo>
                    <a:lnTo>
                      <a:pt x="2627" y="1283"/>
                    </a:lnTo>
                    <a:lnTo>
                      <a:pt x="2626" y="1285"/>
                    </a:lnTo>
                    <a:lnTo>
                      <a:pt x="2622" y="1291"/>
                    </a:lnTo>
                    <a:lnTo>
                      <a:pt x="2618" y="1294"/>
                    </a:lnTo>
                    <a:lnTo>
                      <a:pt x="2613" y="1298"/>
                    </a:lnTo>
                    <a:lnTo>
                      <a:pt x="2604" y="1306"/>
                    </a:lnTo>
                    <a:lnTo>
                      <a:pt x="2596" y="1314"/>
                    </a:lnTo>
                    <a:lnTo>
                      <a:pt x="2588" y="1322"/>
                    </a:lnTo>
                    <a:lnTo>
                      <a:pt x="2582" y="1331"/>
                    </a:lnTo>
                    <a:lnTo>
                      <a:pt x="2567" y="1348"/>
                    </a:lnTo>
                    <a:lnTo>
                      <a:pt x="2552" y="1363"/>
                    </a:lnTo>
                    <a:lnTo>
                      <a:pt x="2545" y="1370"/>
                    </a:lnTo>
                    <a:lnTo>
                      <a:pt x="2537" y="1375"/>
                    </a:lnTo>
                    <a:lnTo>
                      <a:pt x="2531" y="1379"/>
                    </a:lnTo>
                    <a:lnTo>
                      <a:pt x="2523" y="1383"/>
                    </a:lnTo>
                    <a:lnTo>
                      <a:pt x="2521" y="1383"/>
                    </a:lnTo>
                    <a:lnTo>
                      <a:pt x="2518" y="1383"/>
                    </a:lnTo>
                    <a:lnTo>
                      <a:pt x="2515" y="1381"/>
                    </a:lnTo>
                    <a:lnTo>
                      <a:pt x="2513" y="1379"/>
                    </a:lnTo>
                    <a:lnTo>
                      <a:pt x="2512" y="1376"/>
                    </a:lnTo>
                    <a:lnTo>
                      <a:pt x="2510" y="1372"/>
                    </a:lnTo>
                    <a:lnTo>
                      <a:pt x="2510" y="1366"/>
                    </a:lnTo>
                    <a:lnTo>
                      <a:pt x="2510" y="1359"/>
                    </a:lnTo>
                    <a:lnTo>
                      <a:pt x="2515" y="1342"/>
                    </a:lnTo>
                    <a:close/>
                    <a:moveTo>
                      <a:pt x="2355" y="1372"/>
                    </a:moveTo>
                    <a:lnTo>
                      <a:pt x="2366" y="1358"/>
                    </a:lnTo>
                    <a:lnTo>
                      <a:pt x="2383" y="1340"/>
                    </a:lnTo>
                    <a:lnTo>
                      <a:pt x="2392" y="1331"/>
                    </a:lnTo>
                    <a:lnTo>
                      <a:pt x="2401" y="1324"/>
                    </a:lnTo>
                    <a:lnTo>
                      <a:pt x="2405" y="1322"/>
                    </a:lnTo>
                    <a:lnTo>
                      <a:pt x="2409" y="1320"/>
                    </a:lnTo>
                    <a:lnTo>
                      <a:pt x="2413" y="1320"/>
                    </a:lnTo>
                    <a:lnTo>
                      <a:pt x="2417" y="1320"/>
                    </a:lnTo>
                    <a:lnTo>
                      <a:pt x="2421" y="1328"/>
                    </a:lnTo>
                    <a:lnTo>
                      <a:pt x="2425" y="1332"/>
                    </a:lnTo>
                    <a:lnTo>
                      <a:pt x="2430" y="1335"/>
                    </a:lnTo>
                    <a:lnTo>
                      <a:pt x="2435" y="1335"/>
                    </a:lnTo>
                    <a:lnTo>
                      <a:pt x="2448" y="1336"/>
                    </a:lnTo>
                    <a:lnTo>
                      <a:pt x="2461" y="1340"/>
                    </a:lnTo>
                    <a:lnTo>
                      <a:pt x="2461" y="1340"/>
                    </a:lnTo>
                    <a:lnTo>
                      <a:pt x="2461" y="1341"/>
                    </a:lnTo>
                    <a:lnTo>
                      <a:pt x="2460" y="1345"/>
                    </a:lnTo>
                    <a:lnTo>
                      <a:pt x="2457" y="1349"/>
                    </a:lnTo>
                    <a:lnTo>
                      <a:pt x="2455" y="1353"/>
                    </a:lnTo>
                    <a:lnTo>
                      <a:pt x="2449" y="1358"/>
                    </a:lnTo>
                    <a:lnTo>
                      <a:pt x="2440" y="1366"/>
                    </a:lnTo>
                    <a:lnTo>
                      <a:pt x="2433" y="1372"/>
                    </a:lnTo>
                    <a:lnTo>
                      <a:pt x="2422" y="1384"/>
                    </a:lnTo>
                    <a:lnTo>
                      <a:pt x="2412" y="1396"/>
                    </a:lnTo>
                    <a:lnTo>
                      <a:pt x="2405" y="1401"/>
                    </a:lnTo>
                    <a:lnTo>
                      <a:pt x="2400" y="1406"/>
                    </a:lnTo>
                    <a:lnTo>
                      <a:pt x="2392" y="1410"/>
                    </a:lnTo>
                    <a:lnTo>
                      <a:pt x="2385" y="1414"/>
                    </a:lnTo>
                    <a:lnTo>
                      <a:pt x="2378" y="1415"/>
                    </a:lnTo>
                    <a:lnTo>
                      <a:pt x="2372" y="1418"/>
                    </a:lnTo>
                    <a:lnTo>
                      <a:pt x="2365" y="1419"/>
                    </a:lnTo>
                    <a:lnTo>
                      <a:pt x="2359" y="1418"/>
                    </a:lnTo>
                    <a:lnTo>
                      <a:pt x="2352" y="1416"/>
                    </a:lnTo>
                    <a:lnTo>
                      <a:pt x="2348" y="1412"/>
                    </a:lnTo>
                    <a:lnTo>
                      <a:pt x="2346" y="1407"/>
                    </a:lnTo>
                    <a:lnTo>
                      <a:pt x="2344" y="1398"/>
                    </a:lnTo>
                    <a:lnTo>
                      <a:pt x="2355" y="1372"/>
                    </a:lnTo>
                    <a:close/>
                    <a:moveTo>
                      <a:pt x="2225" y="1487"/>
                    </a:moveTo>
                    <a:lnTo>
                      <a:pt x="2229" y="1472"/>
                    </a:lnTo>
                    <a:lnTo>
                      <a:pt x="2234" y="1458"/>
                    </a:lnTo>
                    <a:lnTo>
                      <a:pt x="2242" y="1443"/>
                    </a:lnTo>
                    <a:lnTo>
                      <a:pt x="2250" y="1432"/>
                    </a:lnTo>
                    <a:lnTo>
                      <a:pt x="2256" y="1423"/>
                    </a:lnTo>
                    <a:lnTo>
                      <a:pt x="2265" y="1411"/>
                    </a:lnTo>
                    <a:lnTo>
                      <a:pt x="2272" y="1406"/>
                    </a:lnTo>
                    <a:lnTo>
                      <a:pt x="2277" y="1402"/>
                    </a:lnTo>
                    <a:lnTo>
                      <a:pt x="2280" y="1401"/>
                    </a:lnTo>
                    <a:lnTo>
                      <a:pt x="2282" y="1401"/>
                    </a:lnTo>
                    <a:lnTo>
                      <a:pt x="2285" y="1401"/>
                    </a:lnTo>
                    <a:lnTo>
                      <a:pt x="2286" y="1402"/>
                    </a:lnTo>
                    <a:lnTo>
                      <a:pt x="2287" y="1406"/>
                    </a:lnTo>
                    <a:lnTo>
                      <a:pt x="2286" y="1411"/>
                    </a:lnTo>
                    <a:lnTo>
                      <a:pt x="2286" y="1415"/>
                    </a:lnTo>
                    <a:lnTo>
                      <a:pt x="2284" y="1419"/>
                    </a:lnTo>
                    <a:lnTo>
                      <a:pt x="2280" y="1428"/>
                    </a:lnTo>
                    <a:lnTo>
                      <a:pt x="2276" y="1436"/>
                    </a:lnTo>
                    <a:lnTo>
                      <a:pt x="2269" y="1458"/>
                    </a:lnTo>
                    <a:lnTo>
                      <a:pt x="2258" y="1484"/>
                    </a:lnTo>
                    <a:lnTo>
                      <a:pt x="2255" y="1490"/>
                    </a:lnTo>
                    <a:lnTo>
                      <a:pt x="2251" y="1495"/>
                    </a:lnTo>
                    <a:lnTo>
                      <a:pt x="2246" y="1500"/>
                    </a:lnTo>
                    <a:lnTo>
                      <a:pt x="2242" y="1504"/>
                    </a:lnTo>
                    <a:lnTo>
                      <a:pt x="2237" y="1507"/>
                    </a:lnTo>
                    <a:lnTo>
                      <a:pt x="2232" y="1508"/>
                    </a:lnTo>
                    <a:lnTo>
                      <a:pt x="2227" y="1508"/>
                    </a:lnTo>
                    <a:lnTo>
                      <a:pt x="2220" y="1506"/>
                    </a:lnTo>
                    <a:lnTo>
                      <a:pt x="2225" y="1487"/>
                    </a:lnTo>
                    <a:close/>
                    <a:moveTo>
                      <a:pt x="2049" y="2270"/>
                    </a:moveTo>
                    <a:lnTo>
                      <a:pt x="2056" y="2266"/>
                    </a:lnTo>
                    <a:lnTo>
                      <a:pt x="2061" y="2262"/>
                    </a:lnTo>
                    <a:lnTo>
                      <a:pt x="2066" y="2256"/>
                    </a:lnTo>
                    <a:lnTo>
                      <a:pt x="2071" y="2250"/>
                    </a:lnTo>
                    <a:lnTo>
                      <a:pt x="2076" y="2244"/>
                    </a:lnTo>
                    <a:lnTo>
                      <a:pt x="2083" y="2232"/>
                    </a:lnTo>
                    <a:lnTo>
                      <a:pt x="2087" y="2228"/>
                    </a:lnTo>
                    <a:lnTo>
                      <a:pt x="2091" y="2225"/>
                    </a:lnTo>
                    <a:lnTo>
                      <a:pt x="2096" y="2222"/>
                    </a:lnTo>
                    <a:lnTo>
                      <a:pt x="2100" y="2222"/>
                    </a:lnTo>
                    <a:lnTo>
                      <a:pt x="2102" y="2223"/>
                    </a:lnTo>
                    <a:lnTo>
                      <a:pt x="2103" y="2227"/>
                    </a:lnTo>
                    <a:lnTo>
                      <a:pt x="2103" y="2231"/>
                    </a:lnTo>
                    <a:lnTo>
                      <a:pt x="2103" y="2235"/>
                    </a:lnTo>
                    <a:lnTo>
                      <a:pt x="2102" y="2244"/>
                    </a:lnTo>
                    <a:lnTo>
                      <a:pt x="2101" y="2250"/>
                    </a:lnTo>
                    <a:lnTo>
                      <a:pt x="2096" y="2258"/>
                    </a:lnTo>
                    <a:lnTo>
                      <a:pt x="2094" y="2267"/>
                    </a:lnTo>
                    <a:lnTo>
                      <a:pt x="2093" y="2273"/>
                    </a:lnTo>
                    <a:lnTo>
                      <a:pt x="2092" y="2275"/>
                    </a:lnTo>
                    <a:lnTo>
                      <a:pt x="2091" y="2278"/>
                    </a:lnTo>
                    <a:lnTo>
                      <a:pt x="2088" y="2280"/>
                    </a:lnTo>
                    <a:lnTo>
                      <a:pt x="2083" y="2283"/>
                    </a:lnTo>
                    <a:lnTo>
                      <a:pt x="2076" y="2288"/>
                    </a:lnTo>
                    <a:lnTo>
                      <a:pt x="2067" y="2293"/>
                    </a:lnTo>
                    <a:lnTo>
                      <a:pt x="2059" y="2297"/>
                    </a:lnTo>
                    <a:lnTo>
                      <a:pt x="2054" y="2297"/>
                    </a:lnTo>
                    <a:lnTo>
                      <a:pt x="2050" y="2296"/>
                    </a:lnTo>
                    <a:lnTo>
                      <a:pt x="2046" y="2293"/>
                    </a:lnTo>
                    <a:lnTo>
                      <a:pt x="2043" y="2289"/>
                    </a:lnTo>
                    <a:lnTo>
                      <a:pt x="2049" y="2270"/>
                    </a:lnTo>
                    <a:close/>
                    <a:moveTo>
                      <a:pt x="1088" y="3370"/>
                    </a:moveTo>
                    <a:lnTo>
                      <a:pt x="1098" y="3366"/>
                    </a:lnTo>
                    <a:lnTo>
                      <a:pt x="1110" y="3361"/>
                    </a:lnTo>
                    <a:lnTo>
                      <a:pt x="1120" y="3353"/>
                    </a:lnTo>
                    <a:lnTo>
                      <a:pt x="1131" y="3346"/>
                    </a:lnTo>
                    <a:lnTo>
                      <a:pt x="1142" y="3339"/>
                    </a:lnTo>
                    <a:lnTo>
                      <a:pt x="1153" y="3333"/>
                    </a:lnTo>
                    <a:lnTo>
                      <a:pt x="1159" y="3331"/>
                    </a:lnTo>
                    <a:lnTo>
                      <a:pt x="1164" y="3330"/>
                    </a:lnTo>
                    <a:lnTo>
                      <a:pt x="1169" y="3330"/>
                    </a:lnTo>
                    <a:lnTo>
                      <a:pt x="1176" y="3330"/>
                    </a:lnTo>
                    <a:lnTo>
                      <a:pt x="1178" y="3331"/>
                    </a:lnTo>
                    <a:lnTo>
                      <a:pt x="1181" y="3332"/>
                    </a:lnTo>
                    <a:lnTo>
                      <a:pt x="1182" y="3335"/>
                    </a:lnTo>
                    <a:lnTo>
                      <a:pt x="1182" y="3337"/>
                    </a:lnTo>
                    <a:lnTo>
                      <a:pt x="1184" y="3343"/>
                    </a:lnTo>
                    <a:lnTo>
                      <a:pt x="1186" y="3348"/>
                    </a:lnTo>
                    <a:lnTo>
                      <a:pt x="1194" y="3355"/>
                    </a:lnTo>
                    <a:lnTo>
                      <a:pt x="1204" y="3365"/>
                    </a:lnTo>
                    <a:lnTo>
                      <a:pt x="1208" y="3370"/>
                    </a:lnTo>
                    <a:lnTo>
                      <a:pt x="1210" y="3375"/>
                    </a:lnTo>
                    <a:lnTo>
                      <a:pt x="1210" y="3376"/>
                    </a:lnTo>
                    <a:lnTo>
                      <a:pt x="1210" y="3379"/>
                    </a:lnTo>
                    <a:lnTo>
                      <a:pt x="1208" y="3381"/>
                    </a:lnTo>
                    <a:lnTo>
                      <a:pt x="1204" y="3384"/>
                    </a:lnTo>
                    <a:lnTo>
                      <a:pt x="1199" y="3388"/>
                    </a:lnTo>
                    <a:lnTo>
                      <a:pt x="1194" y="3390"/>
                    </a:lnTo>
                    <a:lnTo>
                      <a:pt x="1188" y="3392"/>
                    </a:lnTo>
                    <a:lnTo>
                      <a:pt x="1181" y="3393"/>
                    </a:lnTo>
                    <a:lnTo>
                      <a:pt x="1167" y="3394"/>
                    </a:lnTo>
                    <a:lnTo>
                      <a:pt x="1155" y="3396"/>
                    </a:lnTo>
                    <a:lnTo>
                      <a:pt x="1136" y="3400"/>
                    </a:lnTo>
                    <a:lnTo>
                      <a:pt x="1116" y="3406"/>
                    </a:lnTo>
                    <a:lnTo>
                      <a:pt x="1107" y="3410"/>
                    </a:lnTo>
                    <a:lnTo>
                      <a:pt x="1097" y="3412"/>
                    </a:lnTo>
                    <a:lnTo>
                      <a:pt x="1092" y="3414"/>
                    </a:lnTo>
                    <a:lnTo>
                      <a:pt x="1087" y="3415"/>
                    </a:lnTo>
                    <a:lnTo>
                      <a:pt x="1081" y="3415"/>
                    </a:lnTo>
                    <a:lnTo>
                      <a:pt x="1076" y="3414"/>
                    </a:lnTo>
                    <a:lnTo>
                      <a:pt x="1068" y="3411"/>
                    </a:lnTo>
                    <a:lnTo>
                      <a:pt x="1064" y="3407"/>
                    </a:lnTo>
                    <a:lnTo>
                      <a:pt x="1062" y="3402"/>
                    </a:lnTo>
                    <a:lnTo>
                      <a:pt x="1062" y="3397"/>
                    </a:lnTo>
                    <a:lnTo>
                      <a:pt x="1063" y="3392"/>
                    </a:lnTo>
                    <a:lnTo>
                      <a:pt x="1066" y="3387"/>
                    </a:lnTo>
                    <a:lnTo>
                      <a:pt x="1071" y="3381"/>
                    </a:lnTo>
                    <a:lnTo>
                      <a:pt x="1075" y="3376"/>
                    </a:lnTo>
                    <a:lnTo>
                      <a:pt x="1088" y="3370"/>
                    </a:lnTo>
                    <a:close/>
                    <a:moveTo>
                      <a:pt x="1096" y="3270"/>
                    </a:moveTo>
                    <a:lnTo>
                      <a:pt x="1105" y="3267"/>
                    </a:lnTo>
                    <a:lnTo>
                      <a:pt x="1115" y="3264"/>
                    </a:lnTo>
                    <a:lnTo>
                      <a:pt x="1125" y="3260"/>
                    </a:lnTo>
                    <a:lnTo>
                      <a:pt x="1134" y="3257"/>
                    </a:lnTo>
                    <a:lnTo>
                      <a:pt x="1150" y="3252"/>
                    </a:lnTo>
                    <a:lnTo>
                      <a:pt x="1164" y="3249"/>
                    </a:lnTo>
                    <a:lnTo>
                      <a:pt x="1167" y="3254"/>
                    </a:lnTo>
                    <a:lnTo>
                      <a:pt x="1168" y="3261"/>
                    </a:lnTo>
                    <a:lnTo>
                      <a:pt x="1169" y="3267"/>
                    </a:lnTo>
                    <a:lnTo>
                      <a:pt x="1169" y="3274"/>
                    </a:lnTo>
                    <a:lnTo>
                      <a:pt x="1168" y="3276"/>
                    </a:lnTo>
                    <a:lnTo>
                      <a:pt x="1168" y="3279"/>
                    </a:lnTo>
                    <a:lnTo>
                      <a:pt x="1167" y="3282"/>
                    </a:lnTo>
                    <a:lnTo>
                      <a:pt x="1164" y="3283"/>
                    </a:lnTo>
                    <a:lnTo>
                      <a:pt x="1159" y="3286"/>
                    </a:lnTo>
                    <a:lnTo>
                      <a:pt x="1153" y="3287"/>
                    </a:lnTo>
                    <a:lnTo>
                      <a:pt x="1140" y="3287"/>
                    </a:lnTo>
                    <a:lnTo>
                      <a:pt x="1129" y="3287"/>
                    </a:lnTo>
                    <a:lnTo>
                      <a:pt x="1116" y="3288"/>
                    </a:lnTo>
                    <a:lnTo>
                      <a:pt x="1105" y="3291"/>
                    </a:lnTo>
                    <a:lnTo>
                      <a:pt x="1094" y="3291"/>
                    </a:lnTo>
                    <a:lnTo>
                      <a:pt x="1087" y="3291"/>
                    </a:lnTo>
                    <a:lnTo>
                      <a:pt x="1080" y="3287"/>
                    </a:lnTo>
                    <a:lnTo>
                      <a:pt x="1072" y="3283"/>
                    </a:lnTo>
                    <a:lnTo>
                      <a:pt x="1096" y="3270"/>
                    </a:lnTo>
                    <a:close/>
                    <a:moveTo>
                      <a:pt x="1015" y="3418"/>
                    </a:moveTo>
                    <a:lnTo>
                      <a:pt x="1004" y="3420"/>
                    </a:lnTo>
                    <a:lnTo>
                      <a:pt x="995" y="3424"/>
                    </a:lnTo>
                    <a:lnTo>
                      <a:pt x="991" y="3428"/>
                    </a:lnTo>
                    <a:lnTo>
                      <a:pt x="987" y="3432"/>
                    </a:lnTo>
                    <a:lnTo>
                      <a:pt x="984" y="3436"/>
                    </a:lnTo>
                    <a:lnTo>
                      <a:pt x="980" y="3441"/>
                    </a:lnTo>
                    <a:lnTo>
                      <a:pt x="980" y="3446"/>
                    </a:lnTo>
                    <a:lnTo>
                      <a:pt x="983" y="3451"/>
                    </a:lnTo>
                    <a:lnTo>
                      <a:pt x="987" y="3458"/>
                    </a:lnTo>
                    <a:lnTo>
                      <a:pt x="989" y="3462"/>
                    </a:lnTo>
                    <a:lnTo>
                      <a:pt x="993" y="3467"/>
                    </a:lnTo>
                    <a:lnTo>
                      <a:pt x="997" y="3469"/>
                    </a:lnTo>
                    <a:lnTo>
                      <a:pt x="1002" y="3471"/>
                    </a:lnTo>
                    <a:lnTo>
                      <a:pt x="1007" y="3472"/>
                    </a:lnTo>
                    <a:lnTo>
                      <a:pt x="1018" y="3472"/>
                    </a:lnTo>
                    <a:lnTo>
                      <a:pt x="1028" y="3471"/>
                    </a:lnTo>
                    <a:lnTo>
                      <a:pt x="1032" y="3471"/>
                    </a:lnTo>
                    <a:lnTo>
                      <a:pt x="1036" y="3469"/>
                    </a:lnTo>
                    <a:lnTo>
                      <a:pt x="1039" y="3468"/>
                    </a:lnTo>
                    <a:lnTo>
                      <a:pt x="1041" y="3466"/>
                    </a:lnTo>
                    <a:lnTo>
                      <a:pt x="1044" y="3460"/>
                    </a:lnTo>
                    <a:lnTo>
                      <a:pt x="1045" y="3453"/>
                    </a:lnTo>
                    <a:lnTo>
                      <a:pt x="1045" y="3445"/>
                    </a:lnTo>
                    <a:lnTo>
                      <a:pt x="1041" y="3437"/>
                    </a:lnTo>
                    <a:lnTo>
                      <a:pt x="1036" y="3431"/>
                    </a:lnTo>
                    <a:lnTo>
                      <a:pt x="1031" y="3424"/>
                    </a:lnTo>
                    <a:lnTo>
                      <a:pt x="1015" y="3418"/>
                    </a:lnTo>
                    <a:close/>
                    <a:moveTo>
                      <a:pt x="224" y="4603"/>
                    </a:moveTo>
                    <a:lnTo>
                      <a:pt x="220" y="4595"/>
                    </a:lnTo>
                    <a:lnTo>
                      <a:pt x="217" y="4587"/>
                    </a:lnTo>
                    <a:lnTo>
                      <a:pt x="206" y="4573"/>
                    </a:lnTo>
                    <a:lnTo>
                      <a:pt x="189" y="4554"/>
                    </a:lnTo>
                    <a:lnTo>
                      <a:pt x="180" y="4543"/>
                    </a:lnTo>
                    <a:lnTo>
                      <a:pt x="172" y="4536"/>
                    </a:lnTo>
                    <a:lnTo>
                      <a:pt x="168" y="4533"/>
                    </a:lnTo>
                    <a:lnTo>
                      <a:pt x="164" y="4532"/>
                    </a:lnTo>
                    <a:lnTo>
                      <a:pt x="162" y="4530"/>
                    </a:lnTo>
                    <a:lnTo>
                      <a:pt x="159" y="4532"/>
                    </a:lnTo>
                    <a:lnTo>
                      <a:pt x="155" y="4534"/>
                    </a:lnTo>
                    <a:lnTo>
                      <a:pt x="154" y="4538"/>
                    </a:lnTo>
                    <a:lnTo>
                      <a:pt x="154" y="4543"/>
                    </a:lnTo>
                    <a:lnTo>
                      <a:pt x="155" y="4549"/>
                    </a:lnTo>
                    <a:lnTo>
                      <a:pt x="159" y="4559"/>
                    </a:lnTo>
                    <a:lnTo>
                      <a:pt x="164" y="4565"/>
                    </a:lnTo>
                    <a:lnTo>
                      <a:pt x="176" y="4577"/>
                    </a:lnTo>
                    <a:lnTo>
                      <a:pt x="191" y="4587"/>
                    </a:lnTo>
                    <a:lnTo>
                      <a:pt x="198" y="4594"/>
                    </a:lnTo>
                    <a:lnTo>
                      <a:pt x="204" y="4600"/>
                    </a:lnTo>
                    <a:lnTo>
                      <a:pt x="208" y="4607"/>
                    </a:lnTo>
                    <a:lnTo>
                      <a:pt x="211" y="4615"/>
                    </a:lnTo>
                    <a:lnTo>
                      <a:pt x="211" y="4631"/>
                    </a:lnTo>
                    <a:lnTo>
                      <a:pt x="213" y="4651"/>
                    </a:lnTo>
                    <a:lnTo>
                      <a:pt x="216" y="4660"/>
                    </a:lnTo>
                    <a:lnTo>
                      <a:pt x="221" y="4666"/>
                    </a:lnTo>
                    <a:lnTo>
                      <a:pt x="224" y="4670"/>
                    </a:lnTo>
                    <a:lnTo>
                      <a:pt x="226" y="4673"/>
                    </a:lnTo>
                    <a:lnTo>
                      <a:pt x="230" y="4674"/>
                    </a:lnTo>
                    <a:lnTo>
                      <a:pt x="234" y="4676"/>
                    </a:lnTo>
                    <a:lnTo>
                      <a:pt x="241" y="4676"/>
                    </a:lnTo>
                    <a:lnTo>
                      <a:pt x="246" y="4674"/>
                    </a:lnTo>
                    <a:lnTo>
                      <a:pt x="252" y="4673"/>
                    </a:lnTo>
                    <a:lnTo>
                      <a:pt x="257" y="4670"/>
                    </a:lnTo>
                    <a:lnTo>
                      <a:pt x="263" y="4668"/>
                    </a:lnTo>
                    <a:lnTo>
                      <a:pt x="266" y="4664"/>
                    </a:lnTo>
                    <a:lnTo>
                      <a:pt x="269" y="4659"/>
                    </a:lnTo>
                    <a:lnTo>
                      <a:pt x="270" y="4653"/>
                    </a:lnTo>
                    <a:lnTo>
                      <a:pt x="270" y="4647"/>
                    </a:lnTo>
                    <a:lnTo>
                      <a:pt x="268" y="4642"/>
                    </a:lnTo>
                    <a:lnTo>
                      <a:pt x="263" y="4637"/>
                    </a:lnTo>
                    <a:lnTo>
                      <a:pt x="257" y="4633"/>
                    </a:lnTo>
                    <a:lnTo>
                      <a:pt x="244" y="4625"/>
                    </a:lnTo>
                    <a:lnTo>
                      <a:pt x="233" y="4620"/>
                    </a:lnTo>
                    <a:lnTo>
                      <a:pt x="224" y="4603"/>
                    </a:lnTo>
                    <a:close/>
                    <a:moveTo>
                      <a:pt x="162" y="4931"/>
                    </a:moveTo>
                    <a:lnTo>
                      <a:pt x="156" y="4931"/>
                    </a:lnTo>
                    <a:lnTo>
                      <a:pt x="154" y="4931"/>
                    </a:lnTo>
                    <a:lnTo>
                      <a:pt x="151" y="4929"/>
                    </a:lnTo>
                    <a:lnTo>
                      <a:pt x="147" y="4927"/>
                    </a:lnTo>
                    <a:lnTo>
                      <a:pt x="145" y="4920"/>
                    </a:lnTo>
                    <a:lnTo>
                      <a:pt x="143" y="4913"/>
                    </a:lnTo>
                    <a:lnTo>
                      <a:pt x="142" y="4905"/>
                    </a:lnTo>
                    <a:lnTo>
                      <a:pt x="145" y="4898"/>
                    </a:lnTo>
                    <a:lnTo>
                      <a:pt x="147" y="4891"/>
                    </a:lnTo>
                    <a:lnTo>
                      <a:pt x="150" y="4884"/>
                    </a:lnTo>
                    <a:lnTo>
                      <a:pt x="151" y="4878"/>
                    </a:lnTo>
                    <a:lnTo>
                      <a:pt x="152" y="4872"/>
                    </a:lnTo>
                    <a:lnTo>
                      <a:pt x="154" y="4869"/>
                    </a:lnTo>
                    <a:lnTo>
                      <a:pt x="156" y="4867"/>
                    </a:lnTo>
                    <a:lnTo>
                      <a:pt x="158" y="4865"/>
                    </a:lnTo>
                    <a:lnTo>
                      <a:pt x="162" y="4863"/>
                    </a:lnTo>
                    <a:lnTo>
                      <a:pt x="165" y="4863"/>
                    </a:lnTo>
                    <a:lnTo>
                      <a:pt x="169" y="4863"/>
                    </a:lnTo>
                    <a:lnTo>
                      <a:pt x="172" y="4863"/>
                    </a:lnTo>
                    <a:lnTo>
                      <a:pt x="174" y="4866"/>
                    </a:lnTo>
                    <a:lnTo>
                      <a:pt x="177" y="4867"/>
                    </a:lnTo>
                    <a:lnTo>
                      <a:pt x="178" y="4871"/>
                    </a:lnTo>
                    <a:lnTo>
                      <a:pt x="180" y="4875"/>
                    </a:lnTo>
                    <a:lnTo>
                      <a:pt x="180" y="4879"/>
                    </a:lnTo>
                    <a:lnTo>
                      <a:pt x="180" y="4888"/>
                    </a:lnTo>
                    <a:lnTo>
                      <a:pt x="181" y="4896"/>
                    </a:lnTo>
                    <a:lnTo>
                      <a:pt x="182" y="4902"/>
                    </a:lnTo>
                    <a:lnTo>
                      <a:pt x="182" y="4906"/>
                    </a:lnTo>
                    <a:lnTo>
                      <a:pt x="180" y="4910"/>
                    </a:lnTo>
                    <a:lnTo>
                      <a:pt x="177" y="4915"/>
                    </a:lnTo>
                    <a:lnTo>
                      <a:pt x="162" y="4931"/>
                    </a:lnTo>
                    <a:close/>
                    <a:moveTo>
                      <a:pt x="120" y="4933"/>
                    </a:moveTo>
                    <a:lnTo>
                      <a:pt x="112" y="4924"/>
                    </a:lnTo>
                    <a:lnTo>
                      <a:pt x="105" y="4913"/>
                    </a:lnTo>
                    <a:lnTo>
                      <a:pt x="99" y="4909"/>
                    </a:lnTo>
                    <a:lnTo>
                      <a:pt x="93" y="4903"/>
                    </a:lnTo>
                    <a:lnTo>
                      <a:pt x="89" y="4902"/>
                    </a:lnTo>
                    <a:lnTo>
                      <a:pt x="85" y="4902"/>
                    </a:lnTo>
                    <a:lnTo>
                      <a:pt x="82" y="4903"/>
                    </a:lnTo>
                    <a:lnTo>
                      <a:pt x="80" y="4907"/>
                    </a:lnTo>
                    <a:lnTo>
                      <a:pt x="77" y="4919"/>
                    </a:lnTo>
                    <a:lnTo>
                      <a:pt x="76" y="4932"/>
                    </a:lnTo>
                    <a:lnTo>
                      <a:pt x="79" y="4938"/>
                    </a:lnTo>
                    <a:lnTo>
                      <a:pt x="80" y="4945"/>
                    </a:lnTo>
                    <a:lnTo>
                      <a:pt x="81" y="4951"/>
                    </a:lnTo>
                    <a:lnTo>
                      <a:pt x="82" y="4959"/>
                    </a:lnTo>
                    <a:lnTo>
                      <a:pt x="84" y="4963"/>
                    </a:lnTo>
                    <a:lnTo>
                      <a:pt x="85" y="4966"/>
                    </a:lnTo>
                    <a:lnTo>
                      <a:pt x="88" y="4968"/>
                    </a:lnTo>
                    <a:lnTo>
                      <a:pt x="90" y="4971"/>
                    </a:lnTo>
                    <a:lnTo>
                      <a:pt x="95" y="4973"/>
                    </a:lnTo>
                    <a:lnTo>
                      <a:pt x="101" y="4973"/>
                    </a:lnTo>
                    <a:lnTo>
                      <a:pt x="105" y="4972"/>
                    </a:lnTo>
                    <a:lnTo>
                      <a:pt x="110" y="4970"/>
                    </a:lnTo>
                    <a:lnTo>
                      <a:pt x="114" y="4966"/>
                    </a:lnTo>
                    <a:lnTo>
                      <a:pt x="116" y="4962"/>
                    </a:lnTo>
                    <a:lnTo>
                      <a:pt x="119" y="4957"/>
                    </a:lnTo>
                    <a:lnTo>
                      <a:pt x="121" y="4953"/>
                    </a:lnTo>
                    <a:lnTo>
                      <a:pt x="120" y="4933"/>
                    </a:lnTo>
                    <a:close/>
                    <a:moveTo>
                      <a:pt x="55" y="4970"/>
                    </a:moveTo>
                    <a:lnTo>
                      <a:pt x="50" y="4960"/>
                    </a:lnTo>
                    <a:lnTo>
                      <a:pt x="44" y="4951"/>
                    </a:lnTo>
                    <a:lnTo>
                      <a:pt x="41" y="4948"/>
                    </a:lnTo>
                    <a:lnTo>
                      <a:pt x="36" y="4945"/>
                    </a:lnTo>
                    <a:lnTo>
                      <a:pt x="32" y="4942"/>
                    </a:lnTo>
                    <a:lnTo>
                      <a:pt x="27" y="4942"/>
                    </a:lnTo>
                    <a:lnTo>
                      <a:pt x="24" y="4942"/>
                    </a:lnTo>
                    <a:lnTo>
                      <a:pt x="22" y="4944"/>
                    </a:lnTo>
                    <a:lnTo>
                      <a:pt x="20" y="4945"/>
                    </a:lnTo>
                    <a:lnTo>
                      <a:pt x="19" y="4948"/>
                    </a:lnTo>
                    <a:lnTo>
                      <a:pt x="19" y="4953"/>
                    </a:lnTo>
                    <a:lnTo>
                      <a:pt x="18" y="4957"/>
                    </a:lnTo>
                    <a:lnTo>
                      <a:pt x="18" y="4964"/>
                    </a:lnTo>
                    <a:lnTo>
                      <a:pt x="18" y="4972"/>
                    </a:lnTo>
                    <a:lnTo>
                      <a:pt x="16" y="4980"/>
                    </a:lnTo>
                    <a:lnTo>
                      <a:pt x="16" y="4986"/>
                    </a:lnTo>
                    <a:lnTo>
                      <a:pt x="16" y="4989"/>
                    </a:lnTo>
                    <a:lnTo>
                      <a:pt x="16" y="4993"/>
                    </a:lnTo>
                    <a:lnTo>
                      <a:pt x="18" y="4995"/>
                    </a:lnTo>
                    <a:lnTo>
                      <a:pt x="19" y="4999"/>
                    </a:lnTo>
                    <a:lnTo>
                      <a:pt x="23" y="5002"/>
                    </a:lnTo>
                    <a:lnTo>
                      <a:pt x="27" y="5002"/>
                    </a:lnTo>
                    <a:lnTo>
                      <a:pt x="31" y="5002"/>
                    </a:lnTo>
                    <a:lnTo>
                      <a:pt x="35" y="4999"/>
                    </a:lnTo>
                    <a:lnTo>
                      <a:pt x="44" y="4994"/>
                    </a:lnTo>
                    <a:lnTo>
                      <a:pt x="50" y="4988"/>
                    </a:lnTo>
                    <a:lnTo>
                      <a:pt x="55" y="4970"/>
                    </a:lnTo>
                    <a:close/>
                    <a:moveTo>
                      <a:pt x="0" y="5240"/>
                    </a:moveTo>
                    <a:lnTo>
                      <a:pt x="1" y="5227"/>
                    </a:lnTo>
                    <a:lnTo>
                      <a:pt x="5" y="5216"/>
                    </a:lnTo>
                    <a:lnTo>
                      <a:pt x="7" y="5208"/>
                    </a:lnTo>
                    <a:lnTo>
                      <a:pt x="13" y="5198"/>
                    </a:lnTo>
                    <a:lnTo>
                      <a:pt x="15" y="5192"/>
                    </a:lnTo>
                    <a:lnTo>
                      <a:pt x="19" y="5188"/>
                    </a:lnTo>
                    <a:lnTo>
                      <a:pt x="22" y="5186"/>
                    </a:lnTo>
                    <a:lnTo>
                      <a:pt x="24" y="5185"/>
                    </a:lnTo>
                    <a:lnTo>
                      <a:pt x="28" y="5185"/>
                    </a:lnTo>
                    <a:lnTo>
                      <a:pt x="31" y="5186"/>
                    </a:lnTo>
                    <a:lnTo>
                      <a:pt x="32" y="5187"/>
                    </a:lnTo>
                    <a:lnTo>
                      <a:pt x="33" y="5190"/>
                    </a:lnTo>
                    <a:lnTo>
                      <a:pt x="35" y="5195"/>
                    </a:lnTo>
                    <a:lnTo>
                      <a:pt x="35" y="5201"/>
                    </a:lnTo>
                    <a:lnTo>
                      <a:pt x="29" y="5214"/>
                    </a:lnTo>
                    <a:lnTo>
                      <a:pt x="24" y="5227"/>
                    </a:lnTo>
                    <a:lnTo>
                      <a:pt x="24" y="5240"/>
                    </a:lnTo>
                    <a:lnTo>
                      <a:pt x="24" y="5252"/>
                    </a:lnTo>
                    <a:lnTo>
                      <a:pt x="23" y="5256"/>
                    </a:lnTo>
                    <a:lnTo>
                      <a:pt x="20" y="5260"/>
                    </a:lnTo>
                    <a:lnTo>
                      <a:pt x="18" y="5264"/>
                    </a:lnTo>
                    <a:lnTo>
                      <a:pt x="14" y="5266"/>
                    </a:lnTo>
                    <a:lnTo>
                      <a:pt x="10" y="5268"/>
                    </a:lnTo>
                    <a:lnTo>
                      <a:pt x="6" y="5268"/>
                    </a:lnTo>
                    <a:lnTo>
                      <a:pt x="3" y="5265"/>
                    </a:lnTo>
                    <a:lnTo>
                      <a:pt x="1" y="5261"/>
                    </a:lnTo>
                    <a:lnTo>
                      <a:pt x="0" y="5240"/>
                    </a:lnTo>
                    <a:close/>
                    <a:moveTo>
                      <a:pt x="1457" y="5521"/>
                    </a:moveTo>
                    <a:lnTo>
                      <a:pt x="1461" y="5520"/>
                    </a:lnTo>
                    <a:lnTo>
                      <a:pt x="1463" y="5519"/>
                    </a:lnTo>
                    <a:lnTo>
                      <a:pt x="1466" y="5516"/>
                    </a:lnTo>
                    <a:lnTo>
                      <a:pt x="1467" y="5514"/>
                    </a:lnTo>
                    <a:lnTo>
                      <a:pt x="1467" y="5508"/>
                    </a:lnTo>
                    <a:lnTo>
                      <a:pt x="1465" y="5503"/>
                    </a:lnTo>
                    <a:lnTo>
                      <a:pt x="1461" y="5498"/>
                    </a:lnTo>
                    <a:lnTo>
                      <a:pt x="1454" y="5492"/>
                    </a:lnTo>
                    <a:lnTo>
                      <a:pt x="1443" y="5483"/>
                    </a:lnTo>
                    <a:lnTo>
                      <a:pt x="1432" y="5477"/>
                    </a:lnTo>
                    <a:lnTo>
                      <a:pt x="1423" y="5475"/>
                    </a:lnTo>
                    <a:lnTo>
                      <a:pt x="1413" y="5472"/>
                    </a:lnTo>
                    <a:lnTo>
                      <a:pt x="1408" y="5471"/>
                    </a:lnTo>
                    <a:lnTo>
                      <a:pt x="1404" y="5470"/>
                    </a:lnTo>
                    <a:lnTo>
                      <a:pt x="1400" y="5467"/>
                    </a:lnTo>
                    <a:lnTo>
                      <a:pt x="1397" y="5463"/>
                    </a:lnTo>
                    <a:lnTo>
                      <a:pt x="1391" y="5453"/>
                    </a:lnTo>
                    <a:lnTo>
                      <a:pt x="1386" y="5448"/>
                    </a:lnTo>
                    <a:lnTo>
                      <a:pt x="1383" y="5445"/>
                    </a:lnTo>
                    <a:lnTo>
                      <a:pt x="1379" y="5444"/>
                    </a:lnTo>
                    <a:lnTo>
                      <a:pt x="1374" y="5442"/>
                    </a:lnTo>
                    <a:lnTo>
                      <a:pt x="1368" y="5442"/>
                    </a:lnTo>
                    <a:lnTo>
                      <a:pt x="1344" y="5444"/>
                    </a:lnTo>
                    <a:lnTo>
                      <a:pt x="1330" y="5444"/>
                    </a:lnTo>
                    <a:lnTo>
                      <a:pt x="1329" y="5442"/>
                    </a:lnTo>
                    <a:lnTo>
                      <a:pt x="1327" y="5441"/>
                    </a:lnTo>
                    <a:lnTo>
                      <a:pt x="1326" y="5437"/>
                    </a:lnTo>
                    <a:lnTo>
                      <a:pt x="1326" y="5435"/>
                    </a:lnTo>
                    <a:lnTo>
                      <a:pt x="1327" y="5424"/>
                    </a:lnTo>
                    <a:lnTo>
                      <a:pt x="1334" y="5409"/>
                    </a:lnTo>
                    <a:lnTo>
                      <a:pt x="1334" y="5405"/>
                    </a:lnTo>
                    <a:lnTo>
                      <a:pt x="1334" y="5401"/>
                    </a:lnTo>
                    <a:lnTo>
                      <a:pt x="1333" y="5398"/>
                    </a:lnTo>
                    <a:lnTo>
                      <a:pt x="1330" y="5396"/>
                    </a:lnTo>
                    <a:lnTo>
                      <a:pt x="1325" y="5391"/>
                    </a:lnTo>
                    <a:lnTo>
                      <a:pt x="1320" y="5384"/>
                    </a:lnTo>
                    <a:lnTo>
                      <a:pt x="1318" y="5378"/>
                    </a:lnTo>
                    <a:lnTo>
                      <a:pt x="1317" y="5367"/>
                    </a:lnTo>
                    <a:lnTo>
                      <a:pt x="1317" y="5354"/>
                    </a:lnTo>
                    <a:lnTo>
                      <a:pt x="1317" y="5340"/>
                    </a:lnTo>
                    <a:lnTo>
                      <a:pt x="1317" y="5313"/>
                    </a:lnTo>
                    <a:lnTo>
                      <a:pt x="1317" y="5292"/>
                    </a:lnTo>
                    <a:lnTo>
                      <a:pt x="1318" y="5274"/>
                    </a:lnTo>
                    <a:lnTo>
                      <a:pt x="1320" y="5256"/>
                    </a:lnTo>
                    <a:lnTo>
                      <a:pt x="1321" y="5238"/>
                    </a:lnTo>
                    <a:lnTo>
                      <a:pt x="1322" y="5220"/>
                    </a:lnTo>
                    <a:lnTo>
                      <a:pt x="1324" y="5208"/>
                    </a:lnTo>
                    <a:lnTo>
                      <a:pt x="1326" y="5199"/>
                    </a:lnTo>
                    <a:lnTo>
                      <a:pt x="1329" y="5188"/>
                    </a:lnTo>
                    <a:lnTo>
                      <a:pt x="1333" y="5179"/>
                    </a:lnTo>
                    <a:lnTo>
                      <a:pt x="1337" y="5169"/>
                    </a:lnTo>
                    <a:lnTo>
                      <a:pt x="1340" y="5160"/>
                    </a:lnTo>
                    <a:lnTo>
                      <a:pt x="1343" y="5152"/>
                    </a:lnTo>
                    <a:lnTo>
                      <a:pt x="1344" y="5143"/>
                    </a:lnTo>
                    <a:lnTo>
                      <a:pt x="1344" y="5141"/>
                    </a:lnTo>
                    <a:lnTo>
                      <a:pt x="1343" y="5138"/>
                    </a:lnTo>
                    <a:lnTo>
                      <a:pt x="1340" y="5137"/>
                    </a:lnTo>
                    <a:lnTo>
                      <a:pt x="1338" y="5137"/>
                    </a:lnTo>
                    <a:lnTo>
                      <a:pt x="1331" y="5137"/>
                    </a:lnTo>
                    <a:lnTo>
                      <a:pt x="1324" y="5141"/>
                    </a:lnTo>
                    <a:lnTo>
                      <a:pt x="1317" y="5144"/>
                    </a:lnTo>
                    <a:lnTo>
                      <a:pt x="1311" y="5151"/>
                    </a:lnTo>
                    <a:lnTo>
                      <a:pt x="1307" y="5155"/>
                    </a:lnTo>
                    <a:lnTo>
                      <a:pt x="1305" y="5159"/>
                    </a:lnTo>
                    <a:lnTo>
                      <a:pt x="1304" y="5163"/>
                    </a:lnTo>
                    <a:lnTo>
                      <a:pt x="1304" y="5166"/>
                    </a:lnTo>
                    <a:lnTo>
                      <a:pt x="1304" y="5187"/>
                    </a:lnTo>
                    <a:lnTo>
                      <a:pt x="1305" y="5217"/>
                    </a:lnTo>
                    <a:lnTo>
                      <a:pt x="1305" y="5233"/>
                    </a:lnTo>
                    <a:lnTo>
                      <a:pt x="1305" y="5245"/>
                    </a:lnTo>
                    <a:lnTo>
                      <a:pt x="1304" y="5257"/>
                    </a:lnTo>
                    <a:lnTo>
                      <a:pt x="1302" y="5264"/>
                    </a:lnTo>
                    <a:lnTo>
                      <a:pt x="1298" y="5268"/>
                    </a:lnTo>
                    <a:lnTo>
                      <a:pt x="1294" y="5271"/>
                    </a:lnTo>
                    <a:lnTo>
                      <a:pt x="1289" y="5275"/>
                    </a:lnTo>
                    <a:lnTo>
                      <a:pt x="1283" y="5277"/>
                    </a:lnTo>
                    <a:lnTo>
                      <a:pt x="1278" y="5278"/>
                    </a:lnTo>
                    <a:lnTo>
                      <a:pt x="1273" y="5277"/>
                    </a:lnTo>
                    <a:lnTo>
                      <a:pt x="1268" y="5274"/>
                    </a:lnTo>
                    <a:lnTo>
                      <a:pt x="1264" y="5270"/>
                    </a:lnTo>
                    <a:lnTo>
                      <a:pt x="1260" y="5261"/>
                    </a:lnTo>
                    <a:lnTo>
                      <a:pt x="1255" y="5245"/>
                    </a:lnTo>
                    <a:lnTo>
                      <a:pt x="1254" y="5238"/>
                    </a:lnTo>
                    <a:lnTo>
                      <a:pt x="1251" y="5231"/>
                    </a:lnTo>
                    <a:lnTo>
                      <a:pt x="1248" y="5227"/>
                    </a:lnTo>
                    <a:lnTo>
                      <a:pt x="1246" y="5226"/>
                    </a:lnTo>
                    <a:lnTo>
                      <a:pt x="1242" y="5239"/>
                    </a:lnTo>
                    <a:lnTo>
                      <a:pt x="1237" y="5251"/>
                    </a:lnTo>
                    <a:lnTo>
                      <a:pt x="1230" y="5264"/>
                    </a:lnTo>
                    <a:lnTo>
                      <a:pt x="1225" y="5277"/>
                    </a:lnTo>
                    <a:lnTo>
                      <a:pt x="1224" y="5282"/>
                    </a:lnTo>
                    <a:lnTo>
                      <a:pt x="1225" y="5288"/>
                    </a:lnTo>
                    <a:lnTo>
                      <a:pt x="1228" y="5295"/>
                    </a:lnTo>
                    <a:lnTo>
                      <a:pt x="1230" y="5302"/>
                    </a:lnTo>
                    <a:lnTo>
                      <a:pt x="1234" y="5310"/>
                    </a:lnTo>
                    <a:lnTo>
                      <a:pt x="1237" y="5318"/>
                    </a:lnTo>
                    <a:lnTo>
                      <a:pt x="1239" y="5326"/>
                    </a:lnTo>
                    <a:lnTo>
                      <a:pt x="1239" y="5334"/>
                    </a:lnTo>
                    <a:lnTo>
                      <a:pt x="1239" y="5350"/>
                    </a:lnTo>
                    <a:lnTo>
                      <a:pt x="1237" y="5365"/>
                    </a:lnTo>
                    <a:lnTo>
                      <a:pt x="1234" y="5378"/>
                    </a:lnTo>
                    <a:lnTo>
                      <a:pt x="1230" y="5388"/>
                    </a:lnTo>
                    <a:lnTo>
                      <a:pt x="1217" y="5407"/>
                    </a:lnTo>
                    <a:lnTo>
                      <a:pt x="1199" y="5431"/>
                    </a:lnTo>
                    <a:lnTo>
                      <a:pt x="1195" y="5439"/>
                    </a:lnTo>
                    <a:lnTo>
                      <a:pt x="1193" y="5446"/>
                    </a:lnTo>
                    <a:lnTo>
                      <a:pt x="1190" y="5454"/>
                    </a:lnTo>
                    <a:lnTo>
                      <a:pt x="1190" y="5462"/>
                    </a:lnTo>
                    <a:lnTo>
                      <a:pt x="1190" y="5477"/>
                    </a:lnTo>
                    <a:lnTo>
                      <a:pt x="1190" y="5493"/>
                    </a:lnTo>
                    <a:lnTo>
                      <a:pt x="1190" y="5501"/>
                    </a:lnTo>
                    <a:lnTo>
                      <a:pt x="1190" y="5507"/>
                    </a:lnTo>
                    <a:lnTo>
                      <a:pt x="1188" y="5512"/>
                    </a:lnTo>
                    <a:lnTo>
                      <a:pt x="1185" y="5516"/>
                    </a:lnTo>
                    <a:lnTo>
                      <a:pt x="1180" y="5520"/>
                    </a:lnTo>
                    <a:lnTo>
                      <a:pt x="1175" y="5523"/>
                    </a:lnTo>
                    <a:lnTo>
                      <a:pt x="1166" y="5523"/>
                    </a:lnTo>
                    <a:lnTo>
                      <a:pt x="1155" y="5523"/>
                    </a:lnTo>
                    <a:lnTo>
                      <a:pt x="1134" y="5521"/>
                    </a:lnTo>
                    <a:lnTo>
                      <a:pt x="1105" y="5521"/>
                    </a:lnTo>
                    <a:lnTo>
                      <a:pt x="1090" y="5520"/>
                    </a:lnTo>
                    <a:lnTo>
                      <a:pt x="1079" y="5519"/>
                    </a:lnTo>
                    <a:lnTo>
                      <a:pt x="1074" y="5518"/>
                    </a:lnTo>
                    <a:lnTo>
                      <a:pt x="1070" y="5516"/>
                    </a:lnTo>
                    <a:lnTo>
                      <a:pt x="1067" y="5514"/>
                    </a:lnTo>
                    <a:lnTo>
                      <a:pt x="1067" y="5511"/>
                    </a:lnTo>
                    <a:lnTo>
                      <a:pt x="1068" y="5499"/>
                    </a:lnTo>
                    <a:lnTo>
                      <a:pt x="1071" y="5485"/>
                    </a:lnTo>
                    <a:lnTo>
                      <a:pt x="1071" y="5480"/>
                    </a:lnTo>
                    <a:lnTo>
                      <a:pt x="1070" y="5473"/>
                    </a:lnTo>
                    <a:lnTo>
                      <a:pt x="1067" y="5468"/>
                    </a:lnTo>
                    <a:lnTo>
                      <a:pt x="1062" y="5463"/>
                    </a:lnTo>
                    <a:lnTo>
                      <a:pt x="1057" y="5462"/>
                    </a:lnTo>
                    <a:lnTo>
                      <a:pt x="1050" y="5462"/>
                    </a:lnTo>
                    <a:lnTo>
                      <a:pt x="1042" y="5462"/>
                    </a:lnTo>
                    <a:lnTo>
                      <a:pt x="1033" y="5463"/>
                    </a:lnTo>
                    <a:lnTo>
                      <a:pt x="1017" y="5466"/>
                    </a:lnTo>
                    <a:lnTo>
                      <a:pt x="1004" y="5468"/>
                    </a:lnTo>
                    <a:lnTo>
                      <a:pt x="1007" y="5472"/>
                    </a:lnTo>
                    <a:lnTo>
                      <a:pt x="1011" y="5477"/>
                    </a:lnTo>
                    <a:lnTo>
                      <a:pt x="1014" y="5483"/>
                    </a:lnTo>
                    <a:lnTo>
                      <a:pt x="1015" y="5488"/>
                    </a:lnTo>
                    <a:lnTo>
                      <a:pt x="1017" y="5493"/>
                    </a:lnTo>
                    <a:lnTo>
                      <a:pt x="1017" y="5499"/>
                    </a:lnTo>
                    <a:lnTo>
                      <a:pt x="1015" y="5505"/>
                    </a:lnTo>
                    <a:lnTo>
                      <a:pt x="1014" y="5511"/>
                    </a:lnTo>
                    <a:lnTo>
                      <a:pt x="1011" y="5516"/>
                    </a:lnTo>
                    <a:lnTo>
                      <a:pt x="1009" y="5523"/>
                    </a:lnTo>
                    <a:lnTo>
                      <a:pt x="1006" y="5528"/>
                    </a:lnTo>
                    <a:lnTo>
                      <a:pt x="1002" y="5532"/>
                    </a:lnTo>
                    <a:lnTo>
                      <a:pt x="997" y="5536"/>
                    </a:lnTo>
                    <a:lnTo>
                      <a:pt x="993" y="5540"/>
                    </a:lnTo>
                    <a:lnTo>
                      <a:pt x="988" y="5542"/>
                    </a:lnTo>
                    <a:lnTo>
                      <a:pt x="983" y="5543"/>
                    </a:lnTo>
                    <a:lnTo>
                      <a:pt x="974" y="5546"/>
                    </a:lnTo>
                    <a:lnTo>
                      <a:pt x="967" y="5550"/>
                    </a:lnTo>
                    <a:lnTo>
                      <a:pt x="962" y="5554"/>
                    </a:lnTo>
                    <a:lnTo>
                      <a:pt x="958" y="5558"/>
                    </a:lnTo>
                    <a:lnTo>
                      <a:pt x="953" y="5567"/>
                    </a:lnTo>
                    <a:lnTo>
                      <a:pt x="949" y="5576"/>
                    </a:lnTo>
                    <a:lnTo>
                      <a:pt x="947" y="5585"/>
                    </a:lnTo>
                    <a:lnTo>
                      <a:pt x="941" y="5594"/>
                    </a:lnTo>
                    <a:lnTo>
                      <a:pt x="938" y="5598"/>
                    </a:lnTo>
                    <a:lnTo>
                      <a:pt x="934" y="5600"/>
                    </a:lnTo>
                    <a:lnTo>
                      <a:pt x="927" y="5603"/>
                    </a:lnTo>
                    <a:lnTo>
                      <a:pt x="921" y="5604"/>
                    </a:lnTo>
                    <a:lnTo>
                      <a:pt x="904" y="5604"/>
                    </a:lnTo>
                    <a:lnTo>
                      <a:pt x="887" y="5604"/>
                    </a:lnTo>
                    <a:lnTo>
                      <a:pt x="883" y="5604"/>
                    </a:lnTo>
                    <a:lnTo>
                      <a:pt x="879" y="5604"/>
                    </a:lnTo>
                    <a:lnTo>
                      <a:pt x="878" y="5606"/>
                    </a:lnTo>
                    <a:lnTo>
                      <a:pt x="877" y="5608"/>
                    </a:lnTo>
                    <a:lnTo>
                      <a:pt x="875" y="5611"/>
                    </a:lnTo>
                    <a:lnTo>
                      <a:pt x="877" y="5613"/>
                    </a:lnTo>
                    <a:lnTo>
                      <a:pt x="879" y="5617"/>
                    </a:lnTo>
                    <a:lnTo>
                      <a:pt x="883" y="5622"/>
                    </a:lnTo>
                    <a:lnTo>
                      <a:pt x="887" y="5628"/>
                    </a:lnTo>
                    <a:lnTo>
                      <a:pt x="888" y="5633"/>
                    </a:lnTo>
                    <a:lnTo>
                      <a:pt x="888" y="5638"/>
                    </a:lnTo>
                    <a:lnTo>
                      <a:pt x="887" y="5642"/>
                    </a:lnTo>
                    <a:lnTo>
                      <a:pt x="884" y="5647"/>
                    </a:lnTo>
                    <a:lnTo>
                      <a:pt x="882" y="5651"/>
                    </a:lnTo>
                    <a:lnTo>
                      <a:pt x="877" y="5655"/>
                    </a:lnTo>
                    <a:lnTo>
                      <a:pt x="871" y="5660"/>
                    </a:lnTo>
                    <a:lnTo>
                      <a:pt x="847" y="5674"/>
                    </a:lnTo>
                    <a:lnTo>
                      <a:pt x="824" y="5685"/>
                    </a:lnTo>
                    <a:lnTo>
                      <a:pt x="816" y="5689"/>
                    </a:lnTo>
                    <a:lnTo>
                      <a:pt x="808" y="5695"/>
                    </a:lnTo>
                    <a:lnTo>
                      <a:pt x="800" y="5701"/>
                    </a:lnTo>
                    <a:lnTo>
                      <a:pt x="791" y="5709"/>
                    </a:lnTo>
                    <a:lnTo>
                      <a:pt x="774" y="5726"/>
                    </a:lnTo>
                    <a:lnTo>
                      <a:pt x="756" y="5744"/>
                    </a:lnTo>
                    <a:lnTo>
                      <a:pt x="738" y="5761"/>
                    </a:lnTo>
                    <a:lnTo>
                      <a:pt x="721" y="5777"/>
                    </a:lnTo>
                    <a:lnTo>
                      <a:pt x="713" y="5782"/>
                    </a:lnTo>
                    <a:lnTo>
                      <a:pt x="704" y="5786"/>
                    </a:lnTo>
                    <a:lnTo>
                      <a:pt x="698" y="5790"/>
                    </a:lnTo>
                    <a:lnTo>
                      <a:pt x="690" y="5790"/>
                    </a:lnTo>
                    <a:lnTo>
                      <a:pt x="677" y="5804"/>
                    </a:lnTo>
                    <a:lnTo>
                      <a:pt x="658" y="5822"/>
                    </a:lnTo>
                    <a:lnTo>
                      <a:pt x="638" y="5837"/>
                    </a:lnTo>
                    <a:lnTo>
                      <a:pt x="623" y="5849"/>
                    </a:lnTo>
                    <a:lnTo>
                      <a:pt x="619" y="5850"/>
                    </a:lnTo>
                    <a:lnTo>
                      <a:pt x="615" y="5852"/>
                    </a:lnTo>
                    <a:lnTo>
                      <a:pt x="611" y="5852"/>
                    </a:lnTo>
                    <a:lnTo>
                      <a:pt x="608" y="5850"/>
                    </a:lnTo>
                    <a:lnTo>
                      <a:pt x="602" y="5847"/>
                    </a:lnTo>
                    <a:lnTo>
                      <a:pt x="597" y="5841"/>
                    </a:lnTo>
                    <a:lnTo>
                      <a:pt x="589" y="5828"/>
                    </a:lnTo>
                    <a:lnTo>
                      <a:pt x="580" y="5819"/>
                    </a:lnTo>
                    <a:lnTo>
                      <a:pt x="572" y="5817"/>
                    </a:lnTo>
                    <a:lnTo>
                      <a:pt x="566" y="5815"/>
                    </a:lnTo>
                    <a:lnTo>
                      <a:pt x="558" y="5817"/>
                    </a:lnTo>
                    <a:lnTo>
                      <a:pt x="551" y="5819"/>
                    </a:lnTo>
                    <a:lnTo>
                      <a:pt x="536" y="5827"/>
                    </a:lnTo>
                    <a:lnTo>
                      <a:pt x="520" y="5837"/>
                    </a:lnTo>
                    <a:lnTo>
                      <a:pt x="506" y="5850"/>
                    </a:lnTo>
                    <a:lnTo>
                      <a:pt x="491" y="5861"/>
                    </a:lnTo>
                    <a:lnTo>
                      <a:pt x="483" y="5866"/>
                    </a:lnTo>
                    <a:lnTo>
                      <a:pt x="475" y="5870"/>
                    </a:lnTo>
                    <a:lnTo>
                      <a:pt x="467" y="5872"/>
                    </a:lnTo>
                    <a:lnTo>
                      <a:pt x="459" y="5872"/>
                    </a:lnTo>
                    <a:lnTo>
                      <a:pt x="449" y="5872"/>
                    </a:lnTo>
                    <a:lnTo>
                      <a:pt x="439" y="5869"/>
                    </a:lnTo>
                    <a:lnTo>
                      <a:pt x="430" y="5863"/>
                    </a:lnTo>
                    <a:lnTo>
                      <a:pt x="421" y="5858"/>
                    </a:lnTo>
                    <a:lnTo>
                      <a:pt x="412" y="5852"/>
                    </a:lnTo>
                    <a:lnTo>
                      <a:pt x="404" y="5848"/>
                    </a:lnTo>
                    <a:lnTo>
                      <a:pt x="400" y="5847"/>
                    </a:lnTo>
                    <a:lnTo>
                      <a:pt x="395" y="5845"/>
                    </a:lnTo>
                    <a:lnTo>
                      <a:pt x="391" y="5844"/>
                    </a:lnTo>
                    <a:lnTo>
                      <a:pt x="387" y="5845"/>
                    </a:lnTo>
                    <a:lnTo>
                      <a:pt x="374" y="5848"/>
                    </a:lnTo>
                    <a:lnTo>
                      <a:pt x="365" y="5849"/>
                    </a:lnTo>
                    <a:lnTo>
                      <a:pt x="361" y="5849"/>
                    </a:lnTo>
                    <a:lnTo>
                      <a:pt x="356" y="5847"/>
                    </a:lnTo>
                    <a:lnTo>
                      <a:pt x="351" y="5843"/>
                    </a:lnTo>
                    <a:lnTo>
                      <a:pt x="345" y="5837"/>
                    </a:lnTo>
                    <a:lnTo>
                      <a:pt x="338" y="5828"/>
                    </a:lnTo>
                    <a:lnTo>
                      <a:pt x="330" y="5818"/>
                    </a:lnTo>
                    <a:lnTo>
                      <a:pt x="326" y="5814"/>
                    </a:lnTo>
                    <a:lnTo>
                      <a:pt x="321" y="5810"/>
                    </a:lnTo>
                    <a:lnTo>
                      <a:pt x="317" y="5806"/>
                    </a:lnTo>
                    <a:lnTo>
                      <a:pt x="312" y="5804"/>
                    </a:lnTo>
                    <a:lnTo>
                      <a:pt x="300" y="5801"/>
                    </a:lnTo>
                    <a:lnTo>
                      <a:pt x="291" y="5801"/>
                    </a:lnTo>
                    <a:lnTo>
                      <a:pt x="283" y="5803"/>
                    </a:lnTo>
                    <a:lnTo>
                      <a:pt x="277" y="5806"/>
                    </a:lnTo>
                    <a:lnTo>
                      <a:pt x="269" y="5809"/>
                    </a:lnTo>
                    <a:lnTo>
                      <a:pt x="263" y="5813"/>
                    </a:lnTo>
                    <a:lnTo>
                      <a:pt x="255" y="5815"/>
                    </a:lnTo>
                    <a:lnTo>
                      <a:pt x="244" y="5818"/>
                    </a:lnTo>
                    <a:lnTo>
                      <a:pt x="241" y="5818"/>
                    </a:lnTo>
                    <a:lnTo>
                      <a:pt x="238" y="5818"/>
                    </a:lnTo>
                    <a:lnTo>
                      <a:pt x="234" y="5817"/>
                    </a:lnTo>
                    <a:lnTo>
                      <a:pt x="230" y="5814"/>
                    </a:lnTo>
                    <a:lnTo>
                      <a:pt x="225" y="5809"/>
                    </a:lnTo>
                    <a:lnTo>
                      <a:pt x="220" y="5801"/>
                    </a:lnTo>
                    <a:lnTo>
                      <a:pt x="217" y="5793"/>
                    </a:lnTo>
                    <a:lnTo>
                      <a:pt x="216" y="5786"/>
                    </a:lnTo>
                    <a:lnTo>
                      <a:pt x="217" y="5782"/>
                    </a:lnTo>
                    <a:lnTo>
                      <a:pt x="217" y="5778"/>
                    </a:lnTo>
                    <a:lnTo>
                      <a:pt x="220" y="5774"/>
                    </a:lnTo>
                    <a:lnTo>
                      <a:pt x="222" y="5771"/>
                    </a:lnTo>
                    <a:lnTo>
                      <a:pt x="229" y="5766"/>
                    </a:lnTo>
                    <a:lnTo>
                      <a:pt x="237" y="5762"/>
                    </a:lnTo>
                    <a:lnTo>
                      <a:pt x="244" y="5758"/>
                    </a:lnTo>
                    <a:lnTo>
                      <a:pt x="252" y="5756"/>
                    </a:lnTo>
                    <a:lnTo>
                      <a:pt x="268" y="5752"/>
                    </a:lnTo>
                    <a:lnTo>
                      <a:pt x="282" y="5744"/>
                    </a:lnTo>
                    <a:lnTo>
                      <a:pt x="286" y="5740"/>
                    </a:lnTo>
                    <a:lnTo>
                      <a:pt x="290" y="5738"/>
                    </a:lnTo>
                    <a:lnTo>
                      <a:pt x="291" y="5734"/>
                    </a:lnTo>
                    <a:lnTo>
                      <a:pt x="291" y="5731"/>
                    </a:lnTo>
                    <a:lnTo>
                      <a:pt x="290" y="5729"/>
                    </a:lnTo>
                    <a:lnTo>
                      <a:pt x="288" y="5726"/>
                    </a:lnTo>
                    <a:lnTo>
                      <a:pt x="285" y="5723"/>
                    </a:lnTo>
                    <a:lnTo>
                      <a:pt x="282" y="5721"/>
                    </a:lnTo>
                    <a:lnTo>
                      <a:pt x="264" y="5714"/>
                    </a:lnTo>
                    <a:lnTo>
                      <a:pt x="247" y="5711"/>
                    </a:lnTo>
                    <a:lnTo>
                      <a:pt x="237" y="5707"/>
                    </a:lnTo>
                    <a:lnTo>
                      <a:pt x="226" y="5701"/>
                    </a:lnTo>
                    <a:lnTo>
                      <a:pt x="215" y="5695"/>
                    </a:lnTo>
                    <a:lnTo>
                      <a:pt x="204" y="5687"/>
                    </a:lnTo>
                    <a:lnTo>
                      <a:pt x="185" y="5670"/>
                    </a:lnTo>
                    <a:lnTo>
                      <a:pt x="168" y="5654"/>
                    </a:lnTo>
                    <a:lnTo>
                      <a:pt x="156" y="5641"/>
                    </a:lnTo>
                    <a:lnTo>
                      <a:pt x="143" y="5629"/>
                    </a:lnTo>
                    <a:lnTo>
                      <a:pt x="129" y="5617"/>
                    </a:lnTo>
                    <a:lnTo>
                      <a:pt x="116" y="5606"/>
                    </a:lnTo>
                    <a:lnTo>
                      <a:pt x="102" y="5595"/>
                    </a:lnTo>
                    <a:lnTo>
                      <a:pt x="89" y="5584"/>
                    </a:lnTo>
                    <a:lnTo>
                      <a:pt x="76" y="5572"/>
                    </a:lnTo>
                    <a:lnTo>
                      <a:pt x="64" y="5559"/>
                    </a:lnTo>
                    <a:lnTo>
                      <a:pt x="59" y="5547"/>
                    </a:lnTo>
                    <a:lnTo>
                      <a:pt x="55" y="5536"/>
                    </a:lnTo>
                    <a:lnTo>
                      <a:pt x="53" y="5523"/>
                    </a:lnTo>
                    <a:lnTo>
                      <a:pt x="50" y="5510"/>
                    </a:lnTo>
                    <a:lnTo>
                      <a:pt x="46" y="5484"/>
                    </a:lnTo>
                    <a:lnTo>
                      <a:pt x="45" y="5458"/>
                    </a:lnTo>
                    <a:lnTo>
                      <a:pt x="45" y="5431"/>
                    </a:lnTo>
                    <a:lnTo>
                      <a:pt x="48" y="5404"/>
                    </a:lnTo>
                    <a:lnTo>
                      <a:pt x="51" y="5379"/>
                    </a:lnTo>
                    <a:lnTo>
                      <a:pt x="58" y="5354"/>
                    </a:lnTo>
                    <a:lnTo>
                      <a:pt x="62" y="5345"/>
                    </a:lnTo>
                    <a:lnTo>
                      <a:pt x="66" y="5340"/>
                    </a:lnTo>
                    <a:lnTo>
                      <a:pt x="71" y="5336"/>
                    </a:lnTo>
                    <a:lnTo>
                      <a:pt x="75" y="5335"/>
                    </a:lnTo>
                    <a:lnTo>
                      <a:pt x="81" y="5336"/>
                    </a:lnTo>
                    <a:lnTo>
                      <a:pt x="86" y="5339"/>
                    </a:lnTo>
                    <a:lnTo>
                      <a:pt x="92" y="5343"/>
                    </a:lnTo>
                    <a:lnTo>
                      <a:pt x="97" y="5347"/>
                    </a:lnTo>
                    <a:lnTo>
                      <a:pt x="117" y="5372"/>
                    </a:lnTo>
                    <a:lnTo>
                      <a:pt x="132" y="5389"/>
                    </a:lnTo>
                    <a:lnTo>
                      <a:pt x="151" y="5406"/>
                    </a:lnTo>
                    <a:lnTo>
                      <a:pt x="165" y="5418"/>
                    </a:lnTo>
                    <a:lnTo>
                      <a:pt x="171" y="5422"/>
                    </a:lnTo>
                    <a:lnTo>
                      <a:pt x="176" y="5424"/>
                    </a:lnTo>
                    <a:lnTo>
                      <a:pt x="180" y="5424"/>
                    </a:lnTo>
                    <a:lnTo>
                      <a:pt x="184" y="5424"/>
                    </a:lnTo>
                    <a:lnTo>
                      <a:pt x="185" y="5424"/>
                    </a:lnTo>
                    <a:lnTo>
                      <a:pt x="187" y="5422"/>
                    </a:lnTo>
                    <a:lnTo>
                      <a:pt x="189" y="5419"/>
                    </a:lnTo>
                    <a:lnTo>
                      <a:pt x="189" y="5415"/>
                    </a:lnTo>
                    <a:lnTo>
                      <a:pt x="190" y="5406"/>
                    </a:lnTo>
                    <a:lnTo>
                      <a:pt x="189" y="5393"/>
                    </a:lnTo>
                    <a:lnTo>
                      <a:pt x="186" y="5365"/>
                    </a:lnTo>
                    <a:lnTo>
                      <a:pt x="186" y="5332"/>
                    </a:lnTo>
                    <a:lnTo>
                      <a:pt x="189" y="5317"/>
                    </a:lnTo>
                    <a:lnTo>
                      <a:pt x="193" y="5302"/>
                    </a:lnTo>
                    <a:lnTo>
                      <a:pt x="196" y="5296"/>
                    </a:lnTo>
                    <a:lnTo>
                      <a:pt x="200" y="5290"/>
                    </a:lnTo>
                    <a:lnTo>
                      <a:pt x="206" y="5284"/>
                    </a:lnTo>
                    <a:lnTo>
                      <a:pt x="211" y="5279"/>
                    </a:lnTo>
                    <a:lnTo>
                      <a:pt x="222" y="5274"/>
                    </a:lnTo>
                    <a:lnTo>
                      <a:pt x="237" y="5266"/>
                    </a:lnTo>
                    <a:lnTo>
                      <a:pt x="242" y="5262"/>
                    </a:lnTo>
                    <a:lnTo>
                      <a:pt x="244" y="5257"/>
                    </a:lnTo>
                    <a:lnTo>
                      <a:pt x="246" y="5255"/>
                    </a:lnTo>
                    <a:lnTo>
                      <a:pt x="244" y="5252"/>
                    </a:lnTo>
                    <a:lnTo>
                      <a:pt x="242" y="5249"/>
                    </a:lnTo>
                    <a:lnTo>
                      <a:pt x="239" y="5247"/>
                    </a:lnTo>
                    <a:lnTo>
                      <a:pt x="230" y="5238"/>
                    </a:lnTo>
                    <a:lnTo>
                      <a:pt x="224" y="5230"/>
                    </a:lnTo>
                    <a:lnTo>
                      <a:pt x="221" y="5227"/>
                    </a:lnTo>
                    <a:lnTo>
                      <a:pt x="220" y="5223"/>
                    </a:lnTo>
                    <a:lnTo>
                      <a:pt x="220" y="5220"/>
                    </a:lnTo>
                    <a:lnTo>
                      <a:pt x="220" y="5217"/>
                    </a:lnTo>
                    <a:lnTo>
                      <a:pt x="222" y="5211"/>
                    </a:lnTo>
                    <a:lnTo>
                      <a:pt x="228" y="5203"/>
                    </a:lnTo>
                    <a:lnTo>
                      <a:pt x="235" y="5195"/>
                    </a:lnTo>
                    <a:lnTo>
                      <a:pt x="246" y="5187"/>
                    </a:lnTo>
                    <a:lnTo>
                      <a:pt x="263" y="5176"/>
                    </a:lnTo>
                    <a:lnTo>
                      <a:pt x="285" y="5160"/>
                    </a:lnTo>
                    <a:lnTo>
                      <a:pt x="295" y="5151"/>
                    </a:lnTo>
                    <a:lnTo>
                      <a:pt x="304" y="5143"/>
                    </a:lnTo>
                    <a:lnTo>
                      <a:pt x="308" y="5139"/>
                    </a:lnTo>
                    <a:lnTo>
                      <a:pt x="310" y="5135"/>
                    </a:lnTo>
                    <a:lnTo>
                      <a:pt x="312" y="5131"/>
                    </a:lnTo>
                    <a:lnTo>
                      <a:pt x="313" y="5129"/>
                    </a:lnTo>
                    <a:lnTo>
                      <a:pt x="296" y="5126"/>
                    </a:lnTo>
                    <a:lnTo>
                      <a:pt x="283" y="5122"/>
                    </a:lnTo>
                    <a:lnTo>
                      <a:pt x="281" y="5122"/>
                    </a:lnTo>
                    <a:lnTo>
                      <a:pt x="277" y="5124"/>
                    </a:lnTo>
                    <a:lnTo>
                      <a:pt x="274" y="5125"/>
                    </a:lnTo>
                    <a:lnTo>
                      <a:pt x="270" y="5128"/>
                    </a:lnTo>
                    <a:lnTo>
                      <a:pt x="263" y="5135"/>
                    </a:lnTo>
                    <a:lnTo>
                      <a:pt x="253" y="5148"/>
                    </a:lnTo>
                    <a:lnTo>
                      <a:pt x="248" y="5156"/>
                    </a:lnTo>
                    <a:lnTo>
                      <a:pt x="241" y="5165"/>
                    </a:lnTo>
                    <a:lnTo>
                      <a:pt x="230" y="5174"/>
                    </a:lnTo>
                    <a:lnTo>
                      <a:pt x="221" y="5181"/>
                    </a:lnTo>
                    <a:lnTo>
                      <a:pt x="216" y="5182"/>
                    </a:lnTo>
                    <a:lnTo>
                      <a:pt x="212" y="5183"/>
                    </a:lnTo>
                    <a:lnTo>
                      <a:pt x="208" y="5183"/>
                    </a:lnTo>
                    <a:lnTo>
                      <a:pt x="206" y="5181"/>
                    </a:lnTo>
                    <a:lnTo>
                      <a:pt x="204" y="5178"/>
                    </a:lnTo>
                    <a:lnTo>
                      <a:pt x="203" y="5173"/>
                    </a:lnTo>
                    <a:lnTo>
                      <a:pt x="204" y="5166"/>
                    </a:lnTo>
                    <a:lnTo>
                      <a:pt x="206" y="5157"/>
                    </a:lnTo>
                    <a:lnTo>
                      <a:pt x="208" y="5147"/>
                    </a:lnTo>
                    <a:lnTo>
                      <a:pt x="207" y="5141"/>
                    </a:lnTo>
                    <a:lnTo>
                      <a:pt x="206" y="5138"/>
                    </a:lnTo>
                    <a:lnTo>
                      <a:pt x="204" y="5137"/>
                    </a:lnTo>
                    <a:lnTo>
                      <a:pt x="203" y="5135"/>
                    </a:lnTo>
                    <a:lnTo>
                      <a:pt x="200" y="5135"/>
                    </a:lnTo>
                    <a:lnTo>
                      <a:pt x="195" y="5135"/>
                    </a:lnTo>
                    <a:lnTo>
                      <a:pt x="190" y="5139"/>
                    </a:lnTo>
                    <a:lnTo>
                      <a:pt x="185" y="5144"/>
                    </a:lnTo>
                    <a:lnTo>
                      <a:pt x="180" y="5152"/>
                    </a:lnTo>
                    <a:lnTo>
                      <a:pt x="172" y="5173"/>
                    </a:lnTo>
                    <a:lnTo>
                      <a:pt x="164" y="5194"/>
                    </a:lnTo>
                    <a:lnTo>
                      <a:pt x="162" y="5198"/>
                    </a:lnTo>
                    <a:lnTo>
                      <a:pt x="159" y="5200"/>
                    </a:lnTo>
                    <a:lnTo>
                      <a:pt x="158" y="5203"/>
                    </a:lnTo>
                    <a:lnTo>
                      <a:pt x="154" y="5203"/>
                    </a:lnTo>
                    <a:lnTo>
                      <a:pt x="151" y="5201"/>
                    </a:lnTo>
                    <a:lnTo>
                      <a:pt x="147" y="5200"/>
                    </a:lnTo>
                    <a:lnTo>
                      <a:pt x="143" y="5195"/>
                    </a:lnTo>
                    <a:lnTo>
                      <a:pt x="138" y="5190"/>
                    </a:lnTo>
                    <a:lnTo>
                      <a:pt x="130" y="5179"/>
                    </a:lnTo>
                    <a:lnTo>
                      <a:pt x="124" y="5173"/>
                    </a:lnTo>
                    <a:lnTo>
                      <a:pt x="119" y="5169"/>
                    </a:lnTo>
                    <a:lnTo>
                      <a:pt x="115" y="5169"/>
                    </a:lnTo>
                    <a:lnTo>
                      <a:pt x="111" y="5170"/>
                    </a:lnTo>
                    <a:lnTo>
                      <a:pt x="107" y="5173"/>
                    </a:lnTo>
                    <a:lnTo>
                      <a:pt x="105" y="5177"/>
                    </a:lnTo>
                    <a:lnTo>
                      <a:pt x="102" y="5182"/>
                    </a:lnTo>
                    <a:lnTo>
                      <a:pt x="97" y="5194"/>
                    </a:lnTo>
                    <a:lnTo>
                      <a:pt x="90" y="5204"/>
                    </a:lnTo>
                    <a:lnTo>
                      <a:pt x="85" y="5207"/>
                    </a:lnTo>
                    <a:lnTo>
                      <a:pt x="81" y="5208"/>
                    </a:lnTo>
                    <a:lnTo>
                      <a:pt x="75" y="5208"/>
                    </a:lnTo>
                    <a:lnTo>
                      <a:pt x="68" y="5205"/>
                    </a:lnTo>
                    <a:lnTo>
                      <a:pt x="63" y="5201"/>
                    </a:lnTo>
                    <a:lnTo>
                      <a:pt x="60" y="5195"/>
                    </a:lnTo>
                    <a:lnTo>
                      <a:pt x="57" y="5187"/>
                    </a:lnTo>
                    <a:lnTo>
                      <a:pt x="54" y="5178"/>
                    </a:lnTo>
                    <a:lnTo>
                      <a:pt x="51" y="5156"/>
                    </a:lnTo>
                    <a:lnTo>
                      <a:pt x="50" y="5131"/>
                    </a:lnTo>
                    <a:lnTo>
                      <a:pt x="50" y="5107"/>
                    </a:lnTo>
                    <a:lnTo>
                      <a:pt x="53" y="5084"/>
                    </a:lnTo>
                    <a:lnTo>
                      <a:pt x="54" y="5073"/>
                    </a:lnTo>
                    <a:lnTo>
                      <a:pt x="57" y="5064"/>
                    </a:lnTo>
                    <a:lnTo>
                      <a:pt x="59" y="5056"/>
                    </a:lnTo>
                    <a:lnTo>
                      <a:pt x="62" y="5051"/>
                    </a:lnTo>
                    <a:lnTo>
                      <a:pt x="66" y="5046"/>
                    </a:lnTo>
                    <a:lnTo>
                      <a:pt x="72" y="5042"/>
                    </a:lnTo>
                    <a:lnTo>
                      <a:pt x="79" y="5038"/>
                    </a:lnTo>
                    <a:lnTo>
                      <a:pt x="86" y="5034"/>
                    </a:lnTo>
                    <a:lnTo>
                      <a:pt x="103" y="5028"/>
                    </a:lnTo>
                    <a:lnTo>
                      <a:pt x="117" y="5020"/>
                    </a:lnTo>
                    <a:lnTo>
                      <a:pt x="120" y="5024"/>
                    </a:lnTo>
                    <a:lnTo>
                      <a:pt x="121" y="5029"/>
                    </a:lnTo>
                    <a:lnTo>
                      <a:pt x="121" y="5034"/>
                    </a:lnTo>
                    <a:lnTo>
                      <a:pt x="121" y="5040"/>
                    </a:lnTo>
                    <a:lnTo>
                      <a:pt x="117" y="5050"/>
                    </a:lnTo>
                    <a:lnTo>
                      <a:pt x="114" y="5060"/>
                    </a:lnTo>
                    <a:lnTo>
                      <a:pt x="108" y="5072"/>
                    </a:lnTo>
                    <a:lnTo>
                      <a:pt x="105" y="5081"/>
                    </a:lnTo>
                    <a:lnTo>
                      <a:pt x="103" y="5086"/>
                    </a:lnTo>
                    <a:lnTo>
                      <a:pt x="103" y="5090"/>
                    </a:lnTo>
                    <a:lnTo>
                      <a:pt x="103" y="5094"/>
                    </a:lnTo>
                    <a:lnTo>
                      <a:pt x="105" y="5098"/>
                    </a:lnTo>
                    <a:lnTo>
                      <a:pt x="108" y="5100"/>
                    </a:lnTo>
                    <a:lnTo>
                      <a:pt x="111" y="5103"/>
                    </a:lnTo>
                    <a:lnTo>
                      <a:pt x="115" y="5103"/>
                    </a:lnTo>
                    <a:lnTo>
                      <a:pt x="119" y="5103"/>
                    </a:lnTo>
                    <a:lnTo>
                      <a:pt x="125" y="5099"/>
                    </a:lnTo>
                    <a:lnTo>
                      <a:pt x="133" y="5091"/>
                    </a:lnTo>
                    <a:lnTo>
                      <a:pt x="146" y="5074"/>
                    </a:lnTo>
                    <a:lnTo>
                      <a:pt x="155" y="5062"/>
                    </a:lnTo>
                    <a:lnTo>
                      <a:pt x="160" y="5058"/>
                    </a:lnTo>
                    <a:lnTo>
                      <a:pt x="165" y="5056"/>
                    </a:lnTo>
                    <a:lnTo>
                      <a:pt x="171" y="5056"/>
                    </a:lnTo>
                    <a:lnTo>
                      <a:pt x="176" y="5056"/>
                    </a:lnTo>
                    <a:lnTo>
                      <a:pt x="181" y="5056"/>
                    </a:lnTo>
                    <a:lnTo>
                      <a:pt x="186" y="5056"/>
                    </a:lnTo>
                    <a:lnTo>
                      <a:pt x="190" y="5054"/>
                    </a:lnTo>
                    <a:lnTo>
                      <a:pt x="194" y="5049"/>
                    </a:lnTo>
                    <a:lnTo>
                      <a:pt x="198" y="5043"/>
                    </a:lnTo>
                    <a:lnTo>
                      <a:pt x="200" y="5038"/>
                    </a:lnTo>
                    <a:lnTo>
                      <a:pt x="204" y="5034"/>
                    </a:lnTo>
                    <a:lnTo>
                      <a:pt x="208" y="5032"/>
                    </a:lnTo>
                    <a:lnTo>
                      <a:pt x="216" y="5028"/>
                    </a:lnTo>
                    <a:lnTo>
                      <a:pt x="225" y="5027"/>
                    </a:lnTo>
                    <a:lnTo>
                      <a:pt x="233" y="5027"/>
                    </a:lnTo>
                    <a:lnTo>
                      <a:pt x="242" y="5025"/>
                    </a:lnTo>
                    <a:lnTo>
                      <a:pt x="251" y="5023"/>
                    </a:lnTo>
                    <a:lnTo>
                      <a:pt x="259" y="5019"/>
                    </a:lnTo>
                    <a:lnTo>
                      <a:pt x="264" y="5014"/>
                    </a:lnTo>
                    <a:lnTo>
                      <a:pt x="266" y="5006"/>
                    </a:lnTo>
                    <a:lnTo>
                      <a:pt x="266" y="5002"/>
                    </a:lnTo>
                    <a:lnTo>
                      <a:pt x="265" y="4998"/>
                    </a:lnTo>
                    <a:lnTo>
                      <a:pt x="264" y="4995"/>
                    </a:lnTo>
                    <a:lnTo>
                      <a:pt x="261" y="4994"/>
                    </a:lnTo>
                    <a:lnTo>
                      <a:pt x="261" y="4992"/>
                    </a:lnTo>
                    <a:lnTo>
                      <a:pt x="237" y="4992"/>
                    </a:lnTo>
                    <a:lnTo>
                      <a:pt x="221" y="4989"/>
                    </a:lnTo>
                    <a:lnTo>
                      <a:pt x="216" y="4988"/>
                    </a:lnTo>
                    <a:lnTo>
                      <a:pt x="212" y="4985"/>
                    </a:lnTo>
                    <a:lnTo>
                      <a:pt x="211" y="4983"/>
                    </a:lnTo>
                    <a:lnTo>
                      <a:pt x="209" y="4980"/>
                    </a:lnTo>
                    <a:lnTo>
                      <a:pt x="211" y="4976"/>
                    </a:lnTo>
                    <a:lnTo>
                      <a:pt x="213" y="4972"/>
                    </a:lnTo>
                    <a:lnTo>
                      <a:pt x="216" y="4968"/>
                    </a:lnTo>
                    <a:lnTo>
                      <a:pt x="220" y="4963"/>
                    </a:lnTo>
                    <a:lnTo>
                      <a:pt x="231" y="4951"/>
                    </a:lnTo>
                    <a:lnTo>
                      <a:pt x="244" y="4938"/>
                    </a:lnTo>
                    <a:lnTo>
                      <a:pt x="266" y="4928"/>
                    </a:lnTo>
                    <a:lnTo>
                      <a:pt x="288" y="4915"/>
                    </a:lnTo>
                    <a:lnTo>
                      <a:pt x="309" y="4901"/>
                    </a:lnTo>
                    <a:lnTo>
                      <a:pt x="330" y="4885"/>
                    </a:lnTo>
                    <a:lnTo>
                      <a:pt x="334" y="4883"/>
                    </a:lnTo>
                    <a:lnTo>
                      <a:pt x="335" y="4880"/>
                    </a:lnTo>
                    <a:lnTo>
                      <a:pt x="336" y="4878"/>
                    </a:lnTo>
                    <a:lnTo>
                      <a:pt x="336" y="4875"/>
                    </a:lnTo>
                    <a:lnTo>
                      <a:pt x="333" y="4870"/>
                    </a:lnTo>
                    <a:lnTo>
                      <a:pt x="327" y="4865"/>
                    </a:lnTo>
                    <a:lnTo>
                      <a:pt x="321" y="4861"/>
                    </a:lnTo>
                    <a:lnTo>
                      <a:pt x="314" y="4856"/>
                    </a:lnTo>
                    <a:lnTo>
                      <a:pt x="313" y="4853"/>
                    </a:lnTo>
                    <a:lnTo>
                      <a:pt x="312" y="4849"/>
                    </a:lnTo>
                    <a:lnTo>
                      <a:pt x="310" y="4847"/>
                    </a:lnTo>
                    <a:lnTo>
                      <a:pt x="312" y="4843"/>
                    </a:lnTo>
                    <a:lnTo>
                      <a:pt x="317" y="4834"/>
                    </a:lnTo>
                    <a:lnTo>
                      <a:pt x="326" y="4822"/>
                    </a:lnTo>
                    <a:lnTo>
                      <a:pt x="340" y="4810"/>
                    </a:lnTo>
                    <a:lnTo>
                      <a:pt x="356" y="4797"/>
                    </a:lnTo>
                    <a:lnTo>
                      <a:pt x="373" y="4786"/>
                    </a:lnTo>
                    <a:lnTo>
                      <a:pt x="388" y="4777"/>
                    </a:lnTo>
                    <a:lnTo>
                      <a:pt x="395" y="4773"/>
                    </a:lnTo>
                    <a:lnTo>
                      <a:pt x="401" y="4770"/>
                    </a:lnTo>
                    <a:lnTo>
                      <a:pt x="406" y="4767"/>
                    </a:lnTo>
                    <a:lnTo>
                      <a:pt x="412" y="4767"/>
                    </a:lnTo>
                    <a:lnTo>
                      <a:pt x="414" y="4782"/>
                    </a:lnTo>
                    <a:lnTo>
                      <a:pt x="414" y="4795"/>
                    </a:lnTo>
                    <a:lnTo>
                      <a:pt x="414" y="4809"/>
                    </a:lnTo>
                    <a:lnTo>
                      <a:pt x="413" y="4822"/>
                    </a:lnTo>
                    <a:lnTo>
                      <a:pt x="409" y="4848"/>
                    </a:lnTo>
                    <a:lnTo>
                      <a:pt x="406" y="4875"/>
                    </a:lnTo>
                    <a:lnTo>
                      <a:pt x="408" y="4891"/>
                    </a:lnTo>
                    <a:lnTo>
                      <a:pt x="409" y="4901"/>
                    </a:lnTo>
                    <a:lnTo>
                      <a:pt x="410" y="4903"/>
                    </a:lnTo>
                    <a:lnTo>
                      <a:pt x="412" y="4905"/>
                    </a:lnTo>
                    <a:lnTo>
                      <a:pt x="413" y="4906"/>
                    </a:lnTo>
                    <a:lnTo>
                      <a:pt x="414" y="4905"/>
                    </a:lnTo>
                    <a:lnTo>
                      <a:pt x="417" y="4902"/>
                    </a:lnTo>
                    <a:lnTo>
                      <a:pt x="418" y="4896"/>
                    </a:lnTo>
                    <a:lnTo>
                      <a:pt x="419" y="4888"/>
                    </a:lnTo>
                    <a:lnTo>
                      <a:pt x="419" y="4878"/>
                    </a:lnTo>
                    <a:lnTo>
                      <a:pt x="419" y="4862"/>
                    </a:lnTo>
                    <a:lnTo>
                      <a:pt x="421" y="4848"/>
                    </a:lnTo>
                    <a:lnTo>
                      <a:pt x="423" y="4834"/>
                    </a:lnTo>
                    <a:lnTo>
                      <a:pt x="427" y="4821"/>
                    </a:lnTo>
                    <a:lnTo>
                      <a:pt x="432" y="4809"/>
                    </a:lnTo>
                    <a:lnTo>
                      <a:pt x="439" y="4797"/>
                    </a:lnTo>
                    <a:lnTo>
                      <a:pt x="447" y="4787"/>
                    </a:lnTo>
                    <a:lnTo>
                      <a:pt x="454" y="4778"/>
                    </a:lnTo>
                    <a:lnTo>
                      <a:pt x="463" y="4769"/>
                    </a:lnTo>
                    <a:lnTo>
                      <a:pt x="474" y="4760"/>
                    </a:lnTo>
                    <a:lnTo>
                      <a:pt x="485" y="4752"/>
                    </a:lnTo>
                    <a:lnTo>
                      <a:pt x="497" y="4745"/>
                    </a:lnTo>
                    <a:lnTo>
                      <a:pt x="509" y="4740"/>
                    </a:lnTo>
                    <a:lnTo>
                      <a:pt x="522" y="4735"/>
                    </a:lnTo>
                    <a:lnTo>
                      <a:pt x="535" y="4730"/>
                    </a:lnTo>
                    <a:lnTo>
                      <a:pt x="548" y="4726"/>
                    </a:lnTo>
                    <a:lnTo>
                      <a:pt x="546" y="4723"/>
                    </a:lnTo>
                    <a:lnTo>
                      <a:pt x="546" y="4721"/>
                    </a:lnTo>
                    <a:lnTo>
                      <a:pt x="544" y="4720"/>
                    </a:lnTo>
                    <a:lnTo>
                      <a:pt x="542" y="4717"/>
                    </a:lnTo>
                    <a:lnTo>
                      <a:pt x="537" y="4714"/>
                    </a:lnTo>
                    <a:lnTo>
                      <a:pt x="529" y="4713"/>
                    </a:lnTo>
                    <a:lnTo>
                      <a:pt x="511" y="4712"/>
                    </a:lnTo>
                    <a:lnTo>
                      <a:pt x="489" y="4713"/>
                    </a:lnTo>
                    <a:lnTo>
                      <a:pt x="444" y="4720"/>
                    </a:lnTo>
                    <a:lnTo>
                      <a:pt x="414" y="4723"/>
                    </a:lnTo>
                    <a:lnTo>
                      <a:pt x="401" y="4723"/>
                    </a:lnTo>
                    <a:lnTo>
                      <a:pt x="388" y="4725"/>
                    </a:lnTo>
                    <a:lnTo>
                      <a:pt x="375" y="4729"/>
                    </a:lnTo>
                    <a:lnTo>
                      <a:pt x="364" y="4733"/>
                    </a:lnTo>
                    <a:lnTo>
                      <a:pt x="352" y="4738"/>
                    </a:lnTo>
                    <a:lnTo>
                      <a:pt x="342" y="4745"/>
                    </a:lnTo>
                    <a:lnTo>
                      <a:pt x="331" y="4753"/>
                    </a:lnTo>
                    <a:lnTo>
                      <a:pt x="321" y="4761"/>
                    </a:lnTo>
                    <a:lnTo>
                      <a:pt x="312" y="4770"/>
                    </a:lnTo>
                    <a:lnTo>
                      <a:pt x="303" y="4780"/>
                    </a:lnTo>
                    <a:lnTo>
                      <a:pt x="295" y="4791"/>
                    </a:lnTo>
                    <a:lnTo>
                      <a:pt x="287" y="4802"/>
                    </a:lnTo>
                    <a:lnTo>
                      <a:pt x="274" y="4824"/>
                    </a:lnTo>
                    <a:lnTo>
                      <a:pt x="263" y="4848"/>
                    </a:lnTo>
                    <a:lnTo>
                      <a:pt x="256" y="4862"/>
                    </a:lnTo>
                    <a:lnTo>
                      <a:pt x="251" y="4874"/>
                    </a:lnTo>
                    <a:lnTo>
                      <a:pt x="244" y="4884"/>
                    </a:lnTo>
                    <a:lnTo>
                      <a:pt x="239" y="4891"/>
                    </a:lnTo>
                    <a:lnTo>
                      <a:pt x="237" y="4892"/>
                    </a:lnTo>
                    <a:lnTo>
                      <a:pt x="234" y="4892"/>
                    </a:lnTo>
                    <a:lnTo>
                      <a:pt x="231" y="4892"/>
                    </a:lnTo>
                    <a:lnTo>
                      <a:pt x="228" y="4889"/>
                    </a:lnTo>
                    <a:lnTo>
                      <a:pt x="225" y="4884"/>
                    </a:lnTo>
                    <a:lnTo>
                      <a:pt x="222" y="4879"/>
                    </a:lnTo>
                    <a:lnTo>
                      <a:pt x="220" y="4870"/>
                    </a:lnTo>
                    <a:lnTo>
                      <a:pt x="217" y="4861"/>
                    </a:lnTo>
                    <a:lnTo>
                      <a:pt x="216" y="4854"/>
                    </a:lnTo>
                    <a:lnTo>
                      <a:pt x="216" y="4847"/>
                    </a:lnTo>
                    <a:lnTo>
                      <a:pt x="216" y="4840"/>
                    </a:lnTo>
                    <a:lnTo>
                      <a:pt x="217" y="4834"/>
                    </a:lnTo>
                    <a:lnTo>
                      <a:pt x="220" y="4821"/>
                    </a:lnTo>
                    <a:lnTo>
                      <a:pt x="222" y="4809"/>
                    </a:lnTo>
                    <a:lnTo>
                      <a:pt x="222" y="4804"/>
                    </a:lnTo>
                    <a:lnTo>
                      <a:pt x="221" y="4799"/>
                    </a:lnTo>
                    <a:lnTo>
                      <a:pt x="220" y="4795"/>
                    </a:lnTo>
                    <a:lnTo>
                      <a:pt x="217" y="4791"/>
                    </a:lnTo>
                    <a:lnTo>
                      <a:pt x="212" y="4787"/>
                    </a:lnTo>
                    <a:lnTo>
                      <a:pt x="206" y="4784"/>
                    </a:lnTo>
                    <a:lnTo>
                      <a:pt x="196" y="4783"/>
                    </a:lnTo>
                    <a:lnTo>
                      <a:pt x="186" y="4783"/>
                    </a:lnTo>
                    <a:lnTo>
                      <a:pt x="177" y="4783"/>
                    </a:lnTo>
                    <a:lnTo>
                      <a:pt x="171" y="4782"/>
                    </a:lnTo>
                    <a:lnTo>
                      <a:pt x="165" y="4780"/>
                    </a:lnTo>
                    <a:lnTo>
                      <a:pt x="162" y="4778"/>
                    </a:lnTo>
                    <a:lnTo>
                      <a:pt x="160" y="4775"/>
                    </a:lnTo>
                    <a:lnTo>
                      <a:pt x="160" y="4771"/>
                    </a:lnTo>
                    <a:lnTo>
                      <a:pt x="160" y="4767"/>
                    </a:lnTo>
                    <a:lnTo>
                      <a:pt x="162" y="4764"/>
                    </a:lnTo>
                    <a:lnTo>
                      <a:pt x="164" y="4755"/>
                    </a:lnTo>
                    <a:lnTo>
                      <a:pt x="167" y="4745"/>
                    </a:lnTo>
                    <a:lnTo>
                      <a:pt x="168" y="4740"/>
                    </a:lnTo>
                    <a:lnTo>
                      <a:pt x="167" y="4736"/>
                    </a:lnTo>
                    <a:lnTo>
                      <a:pt x="165" y="4731"/>
                    </a:lnTo>
                    <a:lnTo>
                      <a:pt x="162" y="4726"/>
                    </a:lnTo>
                    <a:lnTo>
                      <a:pt x="154" y="4720"/>
                    </a:lnTo>
                    <a:lnTo>
                      <a:pt x="149" y="4713"/>
                    </a:lnTo>
                    <a:lnTo>
                      <a:pt x="146" y="4708"/>
                    </a:lnTo>
                    <a:lnTo>
                      <a:pt x="145" y="4703"/>
                    </a:lnTo>
                    <a:lnTo>
                      <a:pt x="145" y="4700"/>
                    </a:lnTo>
                    <a:lnTo>
                      <a:pt x="146" y="4698"/>
                    </a:lnTo>
                    <a:lnTo>
                      <a:pt x="149" y="4695"/>
                    </a:lnTo>
                    <a:lnTo>
                      <a:pt x="151" y="4692"/>
                    </a:lnTo>
                    <a:lnTo>
                      <a:pt x="160" y="4688"/>
                    </a:lnTo>
                    <a:lnTo>
                      <a:pt x="168" y="4685"/>
                    </a:lnTo>
                    <a:lnTo>
                      <a:pt x="173" y="4682"/>
                    </a:lnTo>
                    <a:lnTo>
                      <a:pt x="176" y="4678"/>
                    </a:lnTo>
                    <a:lnTo>
                      <a:pt x="180" y="4673"/>
                    </a:lnTo>
                    <a:lnTo>
                      <a:pt x="181" y="4668"/>
                    </a:lnTo>
                    <a:lnTo>
                      <a:pt x="186" y="4669"/>
                    </a:lnTo>
                    <a:lnTo>
                      <a:pt x="191" y="4670"/>
                    </a:lnTo>
                    <a:lnTo>
                      <a:pt x="196" y="4673"/>
                    </a:lnTo>
                    <a:lnTo>
                      <a:pt x="202" y="4676"/>
                    </a:lnTo>
                    <a:lnTo>
                      <a:pt x="212" y="4683"/>
                    </a:lnTo>
                    <a:lnTo>
                      <a:pt x="224" y="4691"/>
                    </a:lnTo>
                    <a:lnTo>
                      <a:pt x="235" y="4696"/>
                    </a:lnTo>
                    <a:lnTo>
                      <a:pt x="246" y="4700"/>
                    </a:lnTo>
                    <a:lnTo>
                      <a:pt x="251" y="4700"/>
                    </a:lnTo>
                    <a:lnTo>
                      <a:pt x="256" y="4699"/>
                    </a:lnTo>
                    <a:lnTo>
                      <a:pt x="260" y="4696"/>
                    </a:lnTo>
                    <a:lnTo>
                      <a:pt x="265" y="4691"/>
                    </a:lnTo>
                    <a:lnTo>
                      <a:pt x="312" y="4630"/>
                    </a:lnTo>
                    <a:lnTo>
                      <a:pt x="313" y="4626"/>
                    </a:lnTo>
                    <a:lnTo>
                      <a:pt x="313" y="4621"/>
                    </a:lnTo>
                    <a:lnTo>
                      <a:pt x="312" y="4615"/>
                    </a:lnTo>
                    <a:lnTo>
                      <a:pt x="310" y="4607"/>
                    </a:lnTo>
                    <a:lnTo>
                      <a:pt x="308" y="4593"/>
                    </a:lnTo>
                    <a:lnTo>
                      <a:pt x="307" y="4582"/>
                    </a:lnTo>
                    <a:lnTo>
                      <a:pt x="305" y="4576"/>
                    </a:lnTo>
                    <a:lnTo>
                      <a:pt x="303" y="4572"/>
                    </a:lnTo>
                    <a:lnTo>
                      <a:pt x="299" y="4569"/>
                    </a:lnTo>
                    <a:lnTo>
                      <a:pt x="295" y="4568"/>
                    </a:lnTo>
                    <a:lnTo>
                      <a:pt x="285" y="4568"/>
                    </a:lnTo>
                    <a:lnTo>
                      <a:pt x="272" y="4571"/>
                    </a:lnTo>
                    <a:lnTo>
                      <a:pt x="259" y="4573"/>
                    </a:lnTo>
                    <a:lnTo>
                      <a:pt x="247" y="4574"/>
                    </a:lnTo>
                    <a:lnTo>
                      <a:pt x="242" y="4574"/>
                    </a:lnTo>
                    <a:lnTo>
                      <a:pt x="237" y="4573"/>
                    </a:lnTo>
                    <a:lnTo>
                      <a:pt x="233" y="4569"/>
                    </a:lnTo>
                    <a:lnTo>
                      <a:pt x="230" y="4565"/>
                    </a:lnTo>
                    <a:lnTo>
                      <a:pt x="217" y="4530"/>
                    </a:lnTo>
                    <a:lnTo>
                      <a:pt x="216" y="4529"/>
                    </a:lnTo>
                    <a:lnTo>
                      <a:pt x="217" y="4527"/>
                    </a:lnTo>
                    <a:lnTo>
                      <a:pt x="219" y="4525"/>
                    </a:lnTo>
                    <a:lnTo>
                      <a:pt x="220" y="4524"/>
                    </a:lnTo>
                    <a:lnTo>
                      <a:pt x="226" y="4521"/>
                    </a:lnTo>
                    <a:lnTo>
                      <a:pt x="233" y="4519"/>
                    </a:lnTo>
                    <a:lnTo>
                      <a:pt x="239" y="4517"/>
                    </a:lnTo>
                    <a:lnTo>
                      <a:pt x="246" y="4514"/>
                    </a:lnTo>
                    <a:lnTo>
                      <a:pt x="248" y="4511"/>
                    </a:lnTo>
                    <a:lnTo>
                      <a:pt x="250" y="4508"/>
                    </a:lnTo>
                    <a:lnTo>
                      <a:pt x="250" y="4506"/>
                    </a:lnTo>
                    <a:lnTo>
                      <a:pt x="250" y="4502"/>
                    </a:lnTo>
                    <a:lnTo>
                      <a:pt x="247" y="4501"/>
                    </a:lnTo>
                    <a:lnTo>
                      <a:pt x="241" y="4499"/>
                    </a:lnTo>
                    <a:lnTo>
                      <a:pt x="230" y="4499"/>
                    </a:lnTo>
                    <a:lnTo>
                      <a:pt x="219" y="4499"/>
                    </a:lnTo>
                    <a:lnTo>
                      <a:pt x="194" y="4498"/>
                    </a:lnTo>
                    <a:lnTo>
                      <a:pt x="176" y="4497"/>
                    </a:lnTo>
                    <a:lnTo>
                      <a:pt x="165" y="4493"/>
                    </a:lnTo>
                    <a:lnTo>
                      <a:pt x="159" y="4489"/>
                    </a:lnTo>
                    <a:lnTo>
                      <a:pt x="154" y="4485"/>
                    </a:lnTo>
                    <a:lnTo>
                      <a:pt x="150" y="4480"/>
                    </a:lnTo>
                    <a:lnTo>
                      <a:pt x="149" y="4476"/>
                    </a:lnTo>
                    <a:lnTo>
                      <a:pt x="150" y="4471"/>
                    </a:lnTo>
                    <a:lnTo>
                      <a:pt x="151" y="4467"/>
                    </a:lnTo>
                    <a:lnTo>
                      <a:pt x="154" y="4462"/>
                    </a:lnTo>
                    <a:lnTo>
                      <a:pt x="162" y="4453"/>
                    </a:lnTo>
                    <a:lnTo>
                      <a:pt x="172" y="4444"/>
                    </a:lnTo>
                    <a:lnTo>
                      <a:pt x="182" y="4436"/>
                    </a:lnTo>
                    <a:lnTo>
                      <a:pt x="193" y="4429"/>
                    </a:lnTo>
                    <a:lnTo>
                      <a:pt x="196" y="4415"/>
                    </a:lnTo>
                    <a:lnTo>
                      <a:pt x="199" y="4406"/>
                    </a:lnTo>
                    <a:lnTo>
                      <a:pt x="219" y="4409"/>
                    </a:lnTo>
                    <a:lnTo>
                      <a:pt x="237" y="4409"/>
                    </a:lnTo>
                    <a:lnTo>
                      <a:pt x="255" y="4409"/>
                    </a:lnTo>
                    <a:lnTo>
                      <a:pt x="273" y="4410"/>
                    </a:lnTo>
                    <a:lnTo>
                      <a:pt x="305" y="4414"/>
                    </a:lnTo>
                    <a:lnTo>
                      <a:pt x="336" y="4419"/>
                    </a:lnTo>
                    <a:lnTo>
                      <a:pt x="351" y="4423"/>
                    </a:lnTo>
                    <a:lnTo>
                      <a:pt x="366" y="4428"/>
                    </a:lnTo>
                    <a:lnTo>
                      <a:pt x="380" y="4433"/>
                    </a:lnTo>
                    <a:lnTo>
                      <a:pt x="396" y="4440"/>
                    </a:lnTo>
                    <a:lnTo>
                      <a:pt x="406" y="4445"/>
                    </a:lnTo>
                    <a:lnTo>
                      <a:pt x="415" y="4450"/>
                    </a:lnTo>
                    <a:lnTo>
                      <a:pt x="425" y="4453"/>
                    </a:lnTo>
                    <a:lnTo>
                      <a:pt x="432" y="4455"/>
                    </a:lnTo>
                    <a:lnTo>
                      <a:pt x="441" y="4455"/>
                    </a:lnTo>
                    <a:lnTo>
                      <a:pt x="450" y="4455"/>
                    </a:lnTo>
                    <a:lnTo>
                      <a:pt x="461" y="4454"/>
                    </a:lnTo>
                    <a:lnTo>
                      <a:pt x="472" y="4451"/>
                    </a:lnTo>
                    <a:lnTo>
                      <a:pt x="492" y="4440"/>
                    </a:lnTo>
                    <a:lnTo>
                      <a:pt x="506" y="4431"/>
                    </a:lnTo>
                    <a:lnTo>
                      <a:pt x="509" y="4433"/>
                    </a:lnTo>
                    <a:lnTo>
                      <a:pt x="513" y="4438"/>
                    </a:lnTo>
                    <a:lnTo>
                      <a:pt x="518" y="4445"/>
                    </a:lnTo>
                    <a:lnTo>
                      <a:pt x="523" y="4454"/>
                    </a:lnTo>
                    <a:lnTo>
                      <a:pt x="533" y="4472"/>
                    </a:lnTo>
                    <a:lnTo>
                      <a:pt x="540" y="4484"/>
                    </a:lnTo>
                    <a:lnTo>
                      <a:pt x="541" y="4489"/>
                    </a:lnTo>
                    <a:lnTo>
                      <a:pt x="542" y="4494"/>
                    </a:lnTo>
                    <a:lnTo>
                      <a:pt x="542" y="4501"/>
                    </a:lnTo>
                    <a:lnTo>
                      <a:pt x="541" y="4506"/>
                    </a:lnTo>
                    <a:lnTo>
                      <a:pt x="540" y="4517"/>
                    </a:lnTo>
                    <a:lnTo>
                      <a:pt x="537" y="4529"/>
                    </a:lnTo>
                    <a:lnTo>
                      <a:pt x="537" y="4534"/>
                    </a:lnTo>
                    <a:lnTo>
                      <a:pt x="537" y="4539"/>
                    </a:lnTo>
                    <a:lnTo>
                      <a:pt x="537" y="4542"/>
                    </a:lnTo>
                    <a:lnTo>
                      <a:pt x="539" y="4546"/>
                    </a:lnTo>
                    <a:lnTo>
                      <a:pt x="542" y="4547"/>
                    </a:lnTo>
                    <a:lnTo>
                      <a:pt x="546" y="4549"/>
                    </a:lnTo>
                    <a:lnTo>
                      <a:pt x="551" y="4549"/>
                    </a:lnTo>
                    <a:lnTo>
                      <a:pt x="559" y="4547"/>
                    </a:lnTo>
                    <a:lnTo>
                      <a:pt x="606" y="4533"/>
                    </a:lnTo>
                    <a:lnTo>
                      <a:pt x="606" y="4532"/>
                    </a:lnTo>
                    <a:lnTo>
                      <a:pt x="605" y="4528"/>
                    </a:lnTo>
                    <a:lnTo>
                      <a:pt x="601" y="4521"/>
                    </a:lnTo>
                    <a:lnTo>
                      <a:pt x="596" y="4515"/>
                    </a:lnTo>
                    <a:lnTo>
                      <a:pt x="585" y="4503"/>
                    </a:lnTo>
                    <a:lnTo>
                      <a:pt x="580" y="4494"/>
                    </a:lnTo>
                    <a:lnTo>
                      <a:pt x="579" y="4492"/>
                    </a:lnTo>
                    <a:lnTo>
                      <a:pt x="579" y="4489"/>
                    </a:lnTo>
                    <a:lnTo>
                      <a:pt x="579" y="4486"/>
                    </a:lnTo>
                    <a:lnTo>
                      <a:pt x="580" y="4484"/>
                    </a:lnTo>
                    <a:lnTo>
                      <a:pt x="585" y="4480"/>
                    </a:lnTo>
                    <a:lnTo>
                      <a:pt x="592" y="4476"/>
                    </a:lnTo>
                    <a:lnTo>
                      <a:pt x="599" y="4472"/>
                    </a:lnTo>
                    <a:lnTo>
                      <a:pt x="610" y="4470"/>
                    </a:lnTo>
                    <a:lnTo>
                      <a:pt x="620" y="4467"/>
                    </a:lnTo>
                    <a:lnTo>
                      <a:pt x="632" y="4464"/>
                    </a:lnTo>
                    <a:lnTo>
                      <a:pt x="655" y="4462"/>
                    </a:lnTo>
                    <a:lnTo>
                      <a:pt x="678" y="4460"/>
                    </a:lnTo>
                    <a:lnTo>
                      <a:pt x="698" y="4459"/>
                    </a:lnTo>
                    <a:lnTo>
                      <a:pt x="711" y="4460"/>
                    </a:lnTo>
                    <a:lnTo>
                      <a:pt x="721" y="4460"/>
                    </a:lnTo>
                    <a:lnTo>
                      <a:pt x="732" y="4458"/>
                    </a:lnTo>
                    <a:lnTo>
                      <a:pt x="743" y="4454"/>
                    </a:lnTo>
                    <a:lnTo>
                      <a:pt x="756" y="4448"/>
                    </a:lnTo>
                    <a:lnTo>
                      <a:pt x="767" y="4441"/>
                    </a:lnTo>
                    <a:lnTo>
                      <a:pt x="778" y="4433"/>
                    </a:lnTo>
                    <a:lnTo>
                      <a:pt x="787" y="4425"/>
                    </a:lnTo>
                    <a:lnTo>
                      <a:pt x="795" y="4419"/>
                    </a:lnTo>
                    <a:lnTo>
                      <a:pt x="795" y="4418"/>
                    </a:lnTo>
                    <a:lnTo>
                      <a:pt x="794" y="4416"/>
                    </a:lnTo>
                    <a:lnTo>
                      <a:pt x="792" y="4414"/>
                    </a:lnTo>
                    <a:lnTo>
                      <a:pt x="789" y="4413"/>
                    </a:lnTo>
                    <a:lnTo>
                      <a:pt x="778" y="4407"/>
                    </a:lnTo>
                    <a:lnTo>
                      <a:pt x="767" y="4403"/>
                    </a:lnTo>
                    <a:lnTo>
                      <a:pt x="754" y="4398"/>
                    </a:lnTo>
                    <a:lnTo>
                      <a:pt x="742" y="4393"/>
                    </a:lnTo>
                    <a:lnTo>
                      <a:pt x="737" y="4389"/>
                    </a:lnTo>
                    <a:lnTo>
                      <a:pt x="733" y="4387"/>
                    </a:lnTo>
                    <a:lnTo>
                      <a:pt x="729" y="4383"/>
                    </a:lnTo>
                    <a:lnTo>
                      <a:pt x="728" y="4379"/>
                    </a:lnTo>
                    <a:lnTo>
                      <a:pt x="725" y="4366"/>
                    </a:lnTo>
                    <a:lnTo>
                      <a:pt x="725" y="4354"/>
                    </a:lnTo>
                    <a:lnTo>
                      <a:pt x="726" y="4344"/>
                    </a:lnTo>
                    <a:lnTo>
                      <a:pt x="730" y="4334"/>
                    </a:lnTo>
                    <a:lnTo>
                      <a:pt x="733" y="4324"/>
                    </a:lnTo>
                    <a:lnTo>
                      <a:pt x="737" y="4315"/>
                    </a:lnTo>
                    <a:lnTo>
                      <a:pt x="739" y="4304"/>
                    </a:lnTo>
                    <a:lnTo>
                      <a:pt x="741" y="4292"/>
                    </a:lnTo>
                    <a:lnTo>
                      <a:pt x="711" y="4295"/>
                    </a:lnTo>
                    <a:lnTo>
                      <a:pt x="690" y="4296"/>
                    </a:lnTo>
                    <a:lnTo>
                      <a:pt x="686" y="4297"/>
                    </a:lnTo>
                    <a:lnTo>
                      <a:pt x="684" y="4299"/>
                    </a:lnTo>
                    <a:lnTo>
                      <a:pt x="681" y="4301"/>
                    </a:lnTo>
                    <a:lnTo>
                      <a:pt x="678" y="4305"/>
                    </a:lnTo>
                    <a:lnTo>
                      <a:pt x="677" y="4310"/>
                    </a:lnTo>
                    <a:lnTo>
                      <a:pt x="676" y="4317"/>
                    </a:lnTo>
                    <a:lnTo>
                      <a:pt x="675" y="4324"/>
                    </a:lnTo>
                    <a:lnTo>
                      <a:pt x="675" y="4334"/>
                    </a:lnTo>
                    <a:lnTo>
                      <a:pt x="675" y="4332"/>
                    </a:lnTo>
                    <a:lnTo>
                      <a:pt x="675" y="4330"/>
                    </a:lnTo>
                    <a:lnTo>
                      <a:pt x="678" y="4358"/>
                    </a:lnTo>
                    <a:lnTo>
                      <a:pt x="684" y="4383"/>
                    </a:lnTo>
                    <a:lnTo>
                      <a:pt x="685" y="4393"/>
                    </a:lnTo>
                    <a:lnTo>
                      <a:pt x="686" y="4403"/>
                    </a:lnTo>
                    <a:lnTo>
                      <a:pt x="686" y="4411"/>
                    </a:lnTo>
                    <a:lnTo>
                      <a:pt x="685" y="4419"/>
                    </a:lnTo>
                    <a:lnTo>
                      <a:pt x="682" y="4425"/>
                    </a:lnTo>
                    <a:lnTo>
                      <a:pt x="678" y="4431"/>
                    </a:lnTo>
                    <a:lnTo>
                      <a:pt x="672" y="4435"/>
                    </a:lnTo>
                    <a:lnTo>
                      <a:pt x="663" y="4437"/>
                    </a:lnTo>
                    <a:lnTo>
                      <a:pt x="653" y="4440"/>
                    </a:lnTo>
                    <a:lnTo>
                      <a:pt x="638" y="4440"/>
                    </a:lnTo>
                    <a:lnTo>
                      <a:pt x="621" y="4440"/>
                    </a:lnTo>
                    <a:lnTo>
                      <a:pt x="602" y="4438"/>
                    </a:lnTo>
                    <a:lnTo>
                      <a:pt x="598" y="4437"/>
                    </a:lnTo>
                    <a:lnTo>
                      <a:pt x="597" y="4436"/>
                    </a:lnTo>
                    <a:lnTo>
                      <a:pt x="594" y="4433"/>
                    </a:lnTo>
                    <a:lnTo>
                      <a:pt x="594" y="4431"/>
                    </a:lnTo>
                    <a:lnTo>
                      <a:pt x="594" y="4424"/>
                    </a:lnTo>
                    <a:lnTo>
                      <a:pt x="596" y="4416"/>
                    </a:lnTo>
                    <a:lnTo>
                      <a:pt x="599" y="4401"/>
                    </a:lnTo>
                    <a:lnTo>
                      <a:pt x="602" y="4391"/>
                    </a:lnTo>
                    <a:lnTo>
                      <a:pt x="601" y="4387"/>
                    </a:lnTo>
                    <a:lnTo>
                      <a:pt x="598" y="4384"/>
                    </a:lnTo>
                    <a:lnTo>
                      <a:pt x="594" y="4384"/>
                    </a:lnTo>
                    <a:lnTo>
                      <a:pt x="590" y="4385"/>
                    </a:lnTo>
                    <a:lnTo>
                      <a:pt x="580" y="4389"/>
                    </a:lnTo>
                    <a:lnTo>
                      <a:pt x="570" y="4397"/>
                    </a:lnTo>
                    <a:lnTo>
                      <a:pt x="558" y="4403"/>
                    </a:lnTo>
                    <a:lnTo>
                      <a:pt x="548" y="4410"/>
                    </a:lnTo>
                    <a:lnTo>
                      <a:pt x="542" y="4413"/>
                    </a:lnTo>
                    <a:lnTo>
                      <a:pt x="537" y="4413"/>
                    </a:lnTo>
                    <a:lnTo>
                      <a:pt x="533" y="4413"/>
                    </a:lnTo>
                    <a:lnTo>
                      <a:pt x="531" y="4411"/>
                    </a:lnTo>
                    <a:lnTo>
                      <a:pt x="526" y="4405"/>
                    </a:lnTo>
                    <a:lnTo>
                      <a:pt x="522" y="4398"/>
                    </a:lnTo>
                    <a:lnTo>
                      <a:pt x="519" y="4393"/>
                    </a:lnTo>
                    <a:lnTo>
                      <a:pt x="519" y="4387"/>
                    </a:lnTo>
                    <a:lnTo>
                      <a:pt x="519" y="4374"/>
                    </a:lnTo>
                    <a:lnTo>
                      <a:pt x="523" y="4361"/>
                    </a:lnTo>
                    <a:lnTo>
                      <a:pt x="528" y="4349"/>
                    </a:lnTo>
                    <a:lnTo>
                      <a:pt x="531" y="4337"/>
                    </a:lnTo>
                    <a:lnTo>
                      <a:pt x="532" y="4334"/>
                    </a:lnTo>
                    <a:lnTo>
                      <a:pt x="532" y="4328"/>
                    </a:lnTo>
                    <a:lnTo>
                      <a:pt x="531" y="4324"/>
                    </a:lnTo>
                    <a:lnTo>
                      <a:pt x="529" y="4322"/>
                    </a:lnTo>
                    <a:lnTo>
                      <a:pt x="526" y="4321"/>
                    </a:lnTo>
                    <a:lnTo>
                      <a:pt x="520" y="4323"/>
                    </a:lnTo>
                    <a:lnTo>
                      <a:pt x="513" y="4328"/>
                    </a:lnTo>
                    <a:lnTo>
                      <a:pt x="505" y="4334"/>
                    </a:lnTo>
                    <a:lnTo>
                      <a:pt x="489" y="4345"/>
                    </a:lnTo>
                    <a:lnTo>
                      <a:pt x="482" y="4354"/>
                    </a:lnTo>
                    <a:lnTo>
                      <a:pt x="475" y="4362"/>
                    </a:lnTo>
                    <a:lnTo>
                      <a:pt x="471" y="4371"/>
                    </a:lnTo>
                    <a:lnTo>
                      <a:pt x="467" y="4381"/>
                    </a:lnTo>
                    <a:lnTo>
                      <a:pt x="465" y="4391"/>
                    </a:lnTo>
                    <a:lnTo>
                      <a:pt x="461" y="4398"/>
                    </a:lnTo>
                    <a:lnTo>
                      <a:pt x="454" y="4405"/>
                    </a:lnTo>
                    <a:lnTo>
                      <a:pt x="452" y="4406"/>
                    </a:lnTo>
                    <a:lnTo>
                      <a:pt x="448" y="4409"/>
                    </a:lnTo>
                    <a:lnTo>
                      <a:pt x="443" y="4410"/>
                    </a:lnTo>
                    <a:lnTo>
                      <a:pt x="437" y="4410"/>
                    </a:lnTo>
                    <a:lnTo>
                      <a:pt x="426" y="4409"/>
                    </a:lnTo>
                    <a:lnTo>
                      <a:pt x="415" y="4406"/>
                    </a:lnTo>
                    <a:lnTo>
                      <a:pt x="405" y="4401"/>
                    </a:lnTo>
                    <a:lnTo>
                      <a:pt x="395" y="4396"/>
                    </a:lnTo>
                    <a:lnTo>
                      <a:pt x="384" y="4389"/>
                    </a:lnTo>
                    <a:lnTo>
                      <a:pt x="373" y="4384"/>
                    </a:lnTo>
                    <a:lnTo>
                      <a:pt x="362" y="4379"/>
                    </a:lnTo>
                    <a:lnTo>
                      <a:pt x="351" y="4375"/>
                    </a:lnTo>
                    <a:lnTo>
                      <a:pt x="322" y="4371"/>
                    </a:lnTo>
                    <a:lnTo>
                      <a:pt x="281" y="4366"/>
                    </a:lnTo>
                    <a:lnTo>
                      <a:pt x="260" y="4363"/>
                    </a:lnTo>
                    <a:lnTo>
                      <a:pt x="242" y="4358"/>
                    </a:lnTo>
                    <a:lnTo>
                      <a:pt x="234" y="4354"/>
                    </a:lnTo>
                    <a:lnTo>
                      <a:pt x="229" y="4352"/>
                    </a:lnTo>
                    <a:lnTo>
                      <a:pt x="224" y="4348"/>
                    </a:lnTo>
                    <a:lnTo>
                      <a:pt x="222" y="4343"/>
                    </a:lnTo>
                    <a:lnTo>
                      <a:pt x="220" y="4334"/>
                    </a:lnTo>
                    <a:lnTo>
                      <a:pt x="219" y="4322"/>
                    </a:lnTo>
                    <a:lnTo>
                      <a:pt x="217" y="4309"/>
                    </a:lnTo>
                    <a:lnTo>
                      <a:pt x="217" y="4295"/>
                    </a:lnTo>
                    <a:lnTo>
                      <a:pt x="219" y="4280"/>
                    </a:lnTo>
                    <a:lnTo>
                      <a:pt x="221" y="4269"/>
                    </a:lnTo>
                    <a:lnTo>
                      <a:pt x="222" y="4264"/>
                    </a:lnTo>
                    <a:lnTo>
                      <a:pt x="225" y="4258"/>
                    </a:lnTo>
                    <a:lnTo>
                      <a:pt x="228" y="4256"/>
                    </a:lnTo>
                    <a:lnTo>
                      <a:pt x="231" y="4253"/>
                    </a:lnTo>
                    <a:lnTo>
                      <a:pt x="231" y="4251"/>
                    </a:lnTo>
                    <a:lnTo>
                      <a:pt x="224" y="4248"/>
                    </a:lnTo>
                    <a:lnTo>
                      <a:pt x="220" y="4244"/>
                    </a:lnTo>
                    <a:lnTo>
                      <a:pt x="216" y="4242"/>
                    </a:lnTo>
                    <a:lnTo>
                      <a:pt x="215" y="4239"/>
                    </a:lnTo>
                    <a:lnTo>
                      <a:pt x="215" y="4236"/>
                    </a:lnTo>
                    <a:lnTo>
                      <a:pt x="215" y="4234"/>
                    </a:lnTo>
                    <a:lnTo>
                      <a:pt x="217" y="4231"/>
                    </a:lnTo>
                    <a:lnTo>
                      <a:pt x="220" y="4229"/>
                    </a:lnTo>
                    <a:lnTo>
                      <a:pt x="229" y="4225"/>
                    </a:lnTo>
                    <a:lnTo>
                      <a:pt x="239" y="4222"/>
                    </a:lnTo>
                    <a:lnTo>
                      <a:pt x="244" y="4222"/>
                    </a:lnTo>
                    <a:lnTo>
                      <a:pt x="251" y="4223"/>
                    </a:lnTo>
                    <a:lnTo>
                      <a:pt x="257" y="4225"/>
                    </a:lnTo>
                    <a:lnTo>
                      <a:pt x="264" y="4226"/>
                    </a:lnTo>
                    <a:lnTo>
                      <a:pt x="274" y="4230"/>
                    </a:lnTo>
                    <a:lnTo>
                      <a:pt x="286" y="4232"/>
                    </a:lnTo>
                    <a:lnTo>
                      <a:pt x="299" y="4235"/>
                    </a:lnTo>
                    <a:lnTo>
                      <a:pt x="308" y="4235"/>
                    </a:lnTo>
                    <a:lnTo>
                      <a:pt x="312" y="4234"/>
                    </a:lnTo>
                    <a:lnTo>
                      <a:pt x="316" y="4232"/>
                    </a:lnTo>
                    <a:lnTo>
                      <a:pt x="317" y="4230"/>
                    </a:lnTo>
                    <a:lnTo>
                      <a:pt x="318" y="4226"/>
                    </a:lnTo>
                    <a:lnTo>
                      <a:pt x="317" y="4222"/>
                    </a:lnTo>
                    <a:lnTo>
                      <a:pt x="314" y="4218"/>
                    </a:lnTo>
                    <a:lnTo>
                      <a:pt x="309" y="4212"/>
                    </a:lnTo>
                    <a:lnTo>
                      <a:pt x="303" y="4204"/>
                    </a:lnTo>
                    <a:lnTo>
                      <a:pt x="298" y="4199"/>
                    </a:lnTo>
                    <a:lnTo>
                      <a:pt x="295" y="4194"/>
                    </a:lnTo>
                    <a:lnTo>
                      <a:pt x="292" y="4188"/>
                    </a:lnTo>
                    <a:lnTo>
                      <a:pt x="290" y="4183"/>
                    </a:lnTo>
                    <a:lnTo>
                      <a:pt x="286" y="4173"/>
                    </a:lnTo>
                    <a:lnTo>
                      <a:pt x="279" y="4163"/>
                    </a:lnTo>
                    <a:lnTo>
                      <a:pt x="261" y="4150"/>
                    </a:lnTo>
                    <a:lnTo>
                      <a:pt x="235" y="4133"/>
                    </a:lnTo>
                    <a:lnTo>
                      <a:pt x="224" y="4122"/>
                    </a:lnTo>
                    <a:lnTo>
                      <a:pt x="216" y="4115"/>
                    </a:lnTo>
                    <a:lnTo>
                      <a:pt x="215" y="4111"/>
                    </a:lnTo>
                    <a:lnTo>
                      <a:pt x="215" y="4107"/>
                    </a:lnTo>
                    <a:lnTo>
                      <a:pt x="217" y="4103"/>
                    </a:lnTo>
                    <a:lnTo>
                      <a:pt x="222" y="4100"/>
                    </a:lnTo>
                    <a:lnTo>
                      <a:pt x="235" y="4098"/>
                    </a:lnTo>
                    <a:lnTo>
                      <a:pt x="251" y="4095"/>
                    </a:lnTo>
                    <a:lnTo>
                      <a:pt x="259" y="4093"/>
                    </a:lnTo>
                    <a:lnTo>
                      <a:pt x="265" y="4090"/>
                    </a:lnTo>
                    <a:lnTo>
                      <a:pt x="272" y="4087"/>
                    </a:lnTo>
                    <a:lnTo>
                      <a:pt x="276" y="4082"/>
                    </a:lnTo>
                    <a:lnTo>
                      <a:pt x="283" y="4072"/>
                    </a:lnTo>
                    <a:lnTo>
                      <a:pt x="290" y="4063"/>
                    </a:lnTo>
                    <a:lnTo>
                      <a:pt x="296" y="4055"/>
                    </a:lnTo>
                    <a:lnTo>
                      <a:pt x="301" y="4050"/>
                    </a:lnTo>
                    <a:lnTo>
                      <a:pt x="308" y="4047"/>
                    </a:lnTo>
                    <a:lnTo>
                      <a:pt x="313" y="4046"/>
                    </a:lnTo>
                    <a:lnTo>
                      <a:pt x="318" y="4046"/>
                    </a:lnTo>
                    <a:lnTo>
                      <a:pt x="323" y="4047"/>
                    </a:lnTo>
                    <a:lnTo>
                      <a:pt x="347" y="4064"/>
                    </a:lnTo>
                    <a:lnTo>
                      <a:pt x="382" y="4090"/>
                    </a:lnTo>
                    <a:lnTo>
                      <a:pt x="391" y="4095"/>
                    </a:lnTo>
                    <a:lnTo>
                      <a:pt x="401" y="4100"/>
                    </a:lnTo>
                    <a:lnTo>
                      <a:pt x="414" y="4104"/>
                    </a:lnTo>
                    <a:lnTo>
                      <a:pt x="428" y="4108"/>
                    </a:lnTo>
                    <a:lnTo>
                      <a:pt x="458" y="4115"/>
                    </a:lnTo>
                    <a:lnTo>
                      <a:pt x="491" y="4117"/>
                    </a:lnTo>
                    <a:lnTo>
                      <a:pt x="507" y="4118"/>
                    </a:lnTo>
                    <a:lnTo>
                      <a:pt x="523" y="4118"/>
                    </a:lnTo>
                    <a:lnTo>
                      <a:pt x="540" y="4118"/>
                    </a:lnTo>
                    <a:lnTo>
                      <a:pt x="554" y="4117"/>
                    </a:lnTo>
                    <a:lnTo>
                      <a:pt x="568" y="4116"/>
                    </a:lnTo>
                    <a:lnTo>
                      <a:pt x="580" y="4112"/>
                    </a:lnTo>
                    <a:lnTo>
                      <a:pt x="592" y="4109"/>
                    </a:lnTo>
                    <a:lnTo>
                      <a:pt x="601" y="4104"/>
                    </a:lnTo>
                    <a:lnTo>
                      <a:pt x="603" y="4103"/>
                    </a:lnTo>
                    <a:lnTo>
                      <a:pt x="603" y="4100"/>
                    </a:lnTo>
                    <a:lnTo>
                      <a:pt x="601" y="4099"/>
                    </a:lnTo>
                    <a:lnTo>
                      <a:pt x="598" y="4098"/>
                    </a:lnTo>
                    <a:lnTo>
                      <a:pt x="588" y="4096"/>
                    </a:lnTo>
                    <a:lnTo>
                      <a:pt x="575" y="4094"/>
                    </a:lnTo>
                    <a:lnTo>
                      <a:pt x="546" y="4093"/>
                    </a:lnTo>
                    <a:lnTo>
                      <a:pt x="528" y="4091"/>
                    </a:lnTo>
                    <a:lnTo>
                      <a:pt x="498" y="4087"/>
                    </a:lnTo>
                    <a:lnTo>
                      <a:pt x="465" y="4080"/>
                    </a:lnTo>
                    <a:lnTo>
                      <a:pt x="449" y="4074"/>
                    </a:lnTo>
                    <a:lnTo>
                      <a:pt x="435" y="4068"/>
                    </a:lnTo>
                    <a:lnTo>
                      <a:pt x="428" y="4064"/>
                    </a:lnTo>
                    <a:lnTo>
                      <a:pt x="422" y="4060"/>
                    </a:lnTo>
                    <a:lnTo>
                      <a:pt x="417" y="4055"/>
                    </a:lnTo>
                    <a:lnTo>
                      <a:pt x="413" y="4050"/>
                    </a:lnTo>
                    <a:lnTo>
                      <a:pt x="408" y="4043"/>
                    </a:lnTo>
                    <a:lnTo>
                      <a:pt x="401" y="4038"/>
                    </a:lnTo>
                    <a:lnTo>
                      <a:pt x="393" y="4034"/>
                    </a:lnTo>
                    <a:lnTo>
                      <a:pt x="383" y="4032"/>
                    </a:lnTo>
                    <a:lnTo>
                      <a:pt x="362" y="4027"/>
                    </a:lnTo>
                    <a:lnTo>
                      <a:pt x="340" y="4025"/>
                    </a:lnTo>
                    <a:lnTo>
                      <a:pt x="320" y="4023"/>
                    </a:lnTo>
                    <a:lnTo>
                      <a:pt x="300" y="4019"/>
                    </a:lnTo>
                    <a:lnTo>
                      <a:pt x="292" y="4016"/>
                    </a:lnTo>
                    <a:lnTo>
                      <a:pt x="285" y="4014"/>
                    </a:lnTo>
                    <a:lnTo>
                      <a:pt x="279" y="4010"/>
                    </a:lnTo>
                    <a:lnTo>
                      <a:pt x="277" y="4004"/>
                    </a:lnTo>
                    <a:lnTo>
                      <a:pt x="276" y="3997"/>
                    </a:lnTo>
                    <a:lnTo>
                      <a:pt x="277" y="3990"/>
                    </a:lnTo>
                    <a:lnTo>
                      <a:pt x="279" y="3982"/>
                    </a:lnTo>
                    <a:lnTo>
                      <a:pt x="282" y="3973"/>
                    </a:lnTo>
                    <a:lnTo>
                      <a:pt x="286" y="3964"/>
                    </a:lnTo>
                    <a:lnTo>
                      <a:pt x="290" y="3957"/>
                    </a:lnTo>
                    <a:lnTo>
                      <a:pt x="291" y="3947"/>
                    </a:lnTo>
                    <a:lnTo>
                      <a:pt x="291" y="3940"/>
                    </a:lnTo>
                    <a:lnTo>
                      <a:pt x="290" y="3923"/>
                    </a:lnTo>
                    <a:lnTo>
                      <a:pt x="290" y="3911"/>
                    </a:lnTo>
                    <a:lnTo>
                      <a:pt x="291" y="3910"/>
                    </a:lnTo>
                    <a:lnTo>
                      <a:pt x="292" y="3910"/>
                    </a:lnTo>
                    <a:lnTo>
                      <a:pt x="292" y="3910"/>
                    </a:lnTo>
                    <a:lnTo>
                      <a:pt x="294" y="3911"/>
                    </a:lnTo>
                    <a:lnTo>
                      <a:pt x="298" y="3918"/>
                    </a:lnTo>
                    <a:lnTo>
                      <a:pt x="303" y="3928"/>
                    </a:lnTo>
                    <a:lnTo>
                      <a:pt x="305" y="3945"/>
                    </a:lnTo>
                    <a:lnTo>
                      <a:pt x="307" y="3963"/>
                    </a:lnTo>
                    <a:lnTo>
                      <a:pt x="308" y="3967"/>
                    </a:lnTo>
                    <a:lnTo>
                      <a:pt x="310" y="3970"/>
                    </a:lnTo>
                    <a:lnTo>
                      <a:pt x="313" y="3972"/>
                    </a:lnTo>
                    <a:lnTo>
                      <a:pt x="316" y="3973"/>
                    </a:lnTo>
                    <a:lnTo>
                      <a:pt x="320" y="3975"/>
                    </a:lnTo>
                    <a:lnTo>
                      <a:pt x="323" y="3975"/>
                    </a:lnTo>
                    <a:lnTo>
                      <a:pt x="327" y="3975"/>
                    </a:lnTo>
                    <a:lnTo>
                      <a:pt x="331" y="3973"/>
                    </a:lnTo>
                    <a:lnTo>
                      <a:pt x="335" y="3972"/>
                    </a:lnTo>
                    <a:lnTo>
                      <a:pt x="338" y="3970"/>
                    </a:lnTo>
                    <a:lnTo>
                      <a:pt x="340" y="3967"/>
                    </a:lnTo>
                    <a:lnTo>
                      <a:pt x="342" y="3963"/>
                    </a:lnTo>
                    <a:lnTo>
                      <a:pt x="343" y="3959"/>
                    </a:lnTo>
                    <a:lnTo>
                      <a:pt x="343" y="3954"/>
                    </a:lnTo>
                    <a:lnTo>
                      <a:pt x="342" y="3947"/>
                    </a:lnTo>
                    <a:lnTo>
                      <a:pt x="339" y="3941"/>
                    </a:lnTo>
                    <a:lnTo>
                      <a:pt x="335" y="3935"/>
                    </a:lnTo>
                    <a:lnTo>
                      <a:pt x="334" y="3929"/>
                    </a:lnTo>
                    <a:lnTo>
                      <a:pt x="334" y="3927"/>
                    </a:lnTo>
                    <a:lnTo>
                      <a:pt x="334" y="3924"/>
                    </a:lnTo>
                    <a:lnTo>
                      <a:pt x="335" y="3923"/>
                    </a:lnTo>
                    <a:lnTo>
                      <a:pt x="338" y="3922"/>
                    </a:lnTo>
                    <a:lnTo>
                      <a:pt x="340" y="3923"/>
                    </a:lnTo>
                    <a:lnTo>
                      <a:pt x="344" y="3923"/>
                    </a:lnTo>
                    <a:lnTo>
                      <a:pt x="353" y="3925"/>
                    </a:lnTo>
                    <a:lnTo>
                      <a:pt x="362" y="3929"/>
                    </a:lnTo>
                    <a:lnTo>
                      <a:pt x="373" y="3932"/>
                    </a:lnTo>
                    <a:lnTo>
                      <a:pt x="382" y="3933"/>
                    </a:lnTo>
                    <a:lnTo>
                      <a:pt x="400" y="3929"/>
                    </a:lnTo>
                    <a:lnTo>
                      <a:pt x="422" y="3927"/>
                    </a:lnTo>
                    <a:lnTo>
                      <a:pt x="431" y="3925"/>
                    </a:lnTo>
                    <a:lnTo>
                      <a:pt x="439" y="3928"/>
                    </a:lnTo>
                    <a:lnTo>
                      <a:pt x="443" y="3929"/>
                    </a:lnTo>
                    <a:lnTo>
                      <a:pt x="445" y="3932"/>
                    </a:lnTo>
                    <a:lnTo>
                      <a:pt x="447" y="3936"/>
                    </a:lnTo>
                    <a:lnTo>
                      <a:pt x="448" y="3941"/>
                    </a:lnTo>
                    <a:lnTo>
                      <a:pt x="449" y="3957"/>
                    </a:lnTo>
                    <a:lnTo>
                      <a:pt x="449" y="3970"/>
                    </a:lnTo>
                    <a:lnTo>
                      <a:pt x="450" y="3980"/>
                    </a:lnTo>
                    <a:lnTo>
                      <a:pt x="453" y="3986"/>
                    </a:lnTo>
                    <a:lnTo>
                      <a:pt x="454" y="3989"/>
                    </a:lnTo>
                    <a:lnTo>
                      <a:pt x="457" y="3992"/>
                    </a:lnTo>
                    <a:lnTo>
                      <a:pt x="459" y="3993"/>
                    </a:lnTo>
                    <a:lnTo>
                      <a:pt x="463" y="3994"/>
                    </a:lnTo>
                    <a:lnTo>
                      <a:pt x="474" y="3995"/>
                    </a:lnTo>
                    <a:lnTo>
                      <a:pt x="489" y="3995"/>
                    </a:lnTo>
                    <a:lnTo>
                      <a:pt x="504" y="3997"/>
                    </a:lnTo>
                    <a:lnTo>
                      <a:pt x="510" y="3995"/>
                    </a:lnTo>
                    <a:lnTo>
                      <a:pt x="510" y="3990"/>
                    </a:lnTo>
                    <a:lnTo>
                      <a:pt x="506" y="3976"/>
                    </a:lnTo>
                    <a:lnTo>
                      <a:pt x="502" y="3967"/>
                    </a:lnTo>
                    <a:lnTo>
                      <a:pt x="494" y="3958"/>
                    </a:lnTo>
                    <a:lnTo>
                      <a:pt x="485" y="3946"/>
                    </a:lnTo>
                    <a:lnTo>
                      <a:pt x="476" y="3936"/>
                    </a:lnTo>
                    <a:lnTo>
                      <a:pt x="469" y="3924"/>
                    </a:lnTo>
                    <a:lnTo>
                      <a:pt x="463" y="3914"/>
                    </a:lnTo>
                    <a:lnTo>
                      <a:pt x="462" y="3910"/>
                    </a:lnTo>
                    <a:lnTo>
                      <a:pt x="462" y="3906"/>
                    </a:lnTo>
                    <a:lnTo>
                      <a:pt x="463" y="3902"/>
                    </a:lnTo>
                    <a:lnTo>
                      <a:pt x="465" y="3900"/>
                    </a:lnTo>
                    <a:lnTo>
                      <a:pt x="471" y="3896"/>
                    </a:lnTo>
                    <a:lnTo>
                      <a:pt x="482" y="3890"/>
                    </a:lnTo>
                    <a:lnTo>
                      <a:pt x="492" y="3884"/>
                    </a:lnTo>
                    <a:lnTo>
                      <a:pt x="505" y="3879"/>
                    </a:lnTo>
                    <a:lnTo>
                      <a:pt x="516" y="3875"/>
                    </a:lnTo>
                    <a:lnTo>
                      <a:pt x="528" y="3872"/>
                    </a:lnTo>
                    <a:lnTo>
                      <a:pt x="533" y="3872"/>
                    </a:lnTo>
                    <a:lnTo>
                      <a:pt x="537" y="3872"/>
                    </a:lnTo>
                    <a:lnTo>
                      <a:pt x="541" y="3874"/>
                    </a:lnTo>
                    <a:lnTo>
                      <a:pt x="542" y="3876"/>
                    </a:lnTo>
                    <a:lnTo>
                      <a:pt x="555" y="3903"/>
                    </a:lnTo>
                    <a:lnTo>
                      <a:pt x="568" y="3938"/>
                    </a:lnTo>
                    <a:lnTo>
                      <a:pt x="572" y="3947"/>
                    </a:lnTo>
                    <a:lnTo>
                      <a:pt x="576" y="3955"/>
                    </a:lnTo>
                    <a:lnTo>
                      <a:pt x="581" y="3963"/>
                    </a:lnTo>
                    <a:lnTo>
                      <a:pt x="585" y="3968"/>
                    </a:lnTo>
                    <a:lnTo>
                      <a:pt x="590" y="3973"/>
                    </a:lnTo>
                    <a:lnTo>
                      <a:pt x="596" y="3977"/>
                    </a:lnTo>
                    <a:lnTo>
                      <a:pt x="602" y="3979"/>
                    </a:lnTo>
                    <a:lnTo>
                      <a:pt x="608" y="3979"/>
                    </a:lnTo>
                    <a:lnTo>
                      <a:pt x="612" y="3977"/>
                    </a:lnTo>
                    <a:lnTo>
                      <a:pt x="615" y="3975"/>
                    </a:lnTo>
                    <a:lnTo>
                      <a:pt x="616" y="3972"/>
                    </a:lnTo>
                    <a:lnTo>
                      <a:pt x="618" y="3970"/>
                    </a:lnTo>
                    <a:lnTo>
                      <a:pt x="618" y="3963"/>
                    </a:lnTo>
                    <a:lnTo>
                      <a:pt x="615" y="3954"/>
                    </a:lnTo>
                    <a:lnTo>
                      <a:pt x="608" y="3937"/>
                    </a:lnTo>
                    <a:lnTo>
                      <a:pt x="602" y="3924"/>
                    </a:lnTo>
                    <a:lnTo>
                      <a:pt x="590" y="3903"/>
                    </a:lnTo>
                    <a:lnTo>
                      <a:pt x="580" y="3887"/>
                    </a:lnTo>
                    <a:lnTo>
                      <a:pt x="577" y="3883"/>
                    </a:lnTo>
                    <a:lnTo>
                      <a:pt x="577" y="3879"/>
                    </a:lnTo>
                    <a:lnTo>
                      <a:pt x="577" y="3876"/>
                    </a:lnTo>
                    <a:lnTo>
                      <a:pt x="580" y="3874"/>
                    </a:lnTo>
                    <a:lnTo>
                      <a:pt x="583" y="3871"/>
                    </a:lnTo>
                    <a:lnTo>
                      <a:pt x="586" y="3868"/>
                    </a:lnTo>
                    <a:lnTo>
                      <a:pt x="593" y="3866"/>
                    </a:lnTo>
                    <a:lnTo>
                      <a:pt x="601" y="3863"/>
                    </a:lnTo>
                    <a:lnTo>
                      <a:pt x="610" y="3862"/>
                    </a:lnTo>
                    <a:lnTo>
                      <a:pt x="619" y="3861"/>
                    </a:lnTo>
                    <a:lnTo>
                      <a:pt x="627" y="3861"/>
                    </a:lnTo>
                    <a:lnTo>
                      <a:pt x="634" y="3862"/>
                    </a:lnTo>
                    <a:lnTo>
                      <a:pt x="641" y="3863"/>
                    </a:lnTo>
                    <a:lnTo>
                      <a:pt x="646" y="3866"/>
                    </a:lnTo>
                    <a:lnTo>
                      <a:pt x="651" y="3870"/>
                    </a:lnTo>
                    <a:lnTo>
                      <a:pt x="656" y="3872"/>
                    </a:lnTo>
                    <a:lnTo>
                      <a:pt x="659" y="3878"/>
                    </a:lnTo>
                    <a:lnTo>
                      <a:pt x="663" y="3883"/>
                    </a:lnTo>
                    <a:lnTo>
                      <a:pt x="665" y="3888"/>
                    </a:lnTo>
                    <a:lnTo>
                      <a:pt x="668" y="3893"/>
                    </a:lnTo>
                    <a:lnTo>
                      <a:pt x="671" y="3905"/>
                    </a:lnTo>
                    <a:lnTo>
                      <a:pt x="673" y="3918"/>
                    </a:lnTo>
                    <a:lnTo>
                      <a:pt x="675" y="3945"/>
                    </a:lnTo>
                    <a:lnTo>
                      <a:pt x="676" y="3968"/>
                    </a:lnTo>
                    <a:lnTo>
                      <a:pt x="677" y="3979"/>
                    </a:lnTo>
                    <a:lnTo>
                      <a:pt x="678" y="3986"/>
                    </a:lnTo>
                    <a:lnTo>
                      <a:pt x="681" y="3989"/>
                    </a:lnTo>
                    <a:lnTo>
                      <a:pt x="682" y="3990"/>
                    </a:lnTo>
                    <a:lnTo>
                      <a:pt x="685" y="3992"/>
                    </a:lnTo>
                    <a:lnTo>
                      <a:pt x="687" y="3993"/>
                    </a:lnTo>
                    <a:lnTo>
                      <a:pt x="699" y="3994"/>
                    </a:lnTo>
                    <a:lnTo>
                      <a:pt x="708" y="3995"/>
                    </a:lnTo>
                    <a:lnTo>
                      <a:pt x="712" y="3995"/>
                    </a:lnTo>
                    <a:lnTo>
                      <a:pt x="713" y="3994"/>
                    </a:lnTo>
                    <a:lnTo>
                      <a:pt x="713" y="3990"/>
                    </a:lnTo>
                    <a:lnTo>
                      <a:pt x="712" y="3985"/>
                    </a:lnTo>
                    <a:lnTo>
                      <a:pt x="708" y="3973"/>
                    </a:lnTo>
                    <a:lnTo>
                      <a:pt x="706" y="3963"/>
                    </a:lnTo>
                    <a:lnTo>
                      <a:pt x="706" y="3954"/>
                    </a:lnTo>
                    <a:lnTo>
                      <a:pt x="707" y="3946"/>
                    </a:lnTo>
                    <a:lnTo>
                      <a:pt x="710" y="3941"/>
                    </a:lnTo>
                    <a:lnTo>
                      <a:pt x="712" y="3936"/>
                    </a:lnTo>
                    <a:lnTo>
                      <a:pt x="717" y="3933"/>
                    </a:lnTo>
                    <a:lnTo>
                      <a:pt x="722" y="3931"/>
                    </a:lnTo>
                    <a:lnTo>
                      <a:pt x="733" y="3927"/>
                    </a:lnTo>
                    <a:lnTo>
                      <a:pt x="743" y="3924"/>
                    </a:lnTo>
                    <a:lnTo>
                      <a:pt x="747" y="3923"/>
                    </a:lnTo>
                    <a:lnTo>
                      <a:pt x="751" y="3922"/>
                    </a:lnTo>
                    <a:lnTo>
                      <a:pt x="754" y="3920"/>
                    </a:lnTo>
                    <a:lnTo>
                      <a:pt x="754" y="3919"/>
                    </a:lnTo>
                    <a:lnTo>
                      <a:pt x="754" y="3916"/>
                    </a:lnTo>
                    <a:lnTo>
                      <a:pt x="752" y="3914"/>
                    </a:lnTo>
                    <a:lnTo>
                      <a:pt x="750" y="3911"/>
                    </a:lnTo>
                    <a:lnTo>
                      <a:pt x="746" y="3910"/>
                    </a:lnTo>
                    <a:lnTo>
                      <a:pt x="738" y="3906"/>
                    </a:lnTo>
                    <a:lnTo>
                      <a:pt x="728" y="3905"/>
                    </a:lnTo>
                    <a:lnTo>
                      <a:pt x="708" y="3900"/>
                    </a:lnTo>
                    <a:lnTo>
                      <a:pt x="694" y="3896"/>
                    </a:lnTo>
                    <a:lnTo>
                      <a:pt x="689" y="3890"/>
                    </a:lnTo>
                    <a:lnTo>
                      <a:pt x="686" y="3884"/>
                    </a:lnTo>
                    <a:lnTo>
                      <a:pt x="685" y="3876"/>
                    </a:lnTo>
                    <a:lnTo>
                      <a:pt x="685" y="3868"/>
                    </a:lnTo>
                    <a:lnTo>
                      <a:pt x="685" y="3862"/>
                    </a:lnTo>
                    <a:lnTo>
                      <a:pt x="684" y="3854"/>
                    </a:lnTo>
                    <a:lnTo>
                      <a:pt x="682" y="3849"/>
                    </a:lnTo>
                    <a:lnTo>
                      <a:pt x="680" y="3845"/>
                    </a:lnTo>
                    <a:lnTo>
                      <a:pt x="669" y="3839"/>
                    </a:lnTo>
                    <a:lnTo>
                      <a:pt x="658" y="3833"/>
                    </a:lnTo>
                    <a:lnTo>
                      <a:pt x="645" y="3831"/>
                    </a:lnTo>
                    <a:lnTo>
                      <a:pt x="632" y="3828"/>
                    </a:lnTo>
                    <a:lnTo>
                      <a:pt x="603" y="3827"/>
                    </a:lnTo>
                    <a:lnTo>
                      <a:pt x="577" y="3830"/>
                    </a:lnTo>
                    <a:lnTo>
                      <a:pt x="555" y="3830"/>
                    </a:lnTo>
                    <a:lnTo>
                      <a:pt x="523" y="3826"/>
                    </a:lnTo>
                    <a:lnTo>
                      <a:pt x="507" y="3823"/>
                    </a:lnTo>
                    <a:lnTo>
                      <a:pt x="494" y="3819"/>
                    </a:lnTo>
                    <a:lnTo>
                      <a:pt x="489" y="3815"/>
                    </a:lnTo>
                    <a:lnTo>
                      <a:pt x="487" y="3813"/>
                    </a:lnTo>
                    <a:lnTo>
                      <a:pt x="485" y="3810"/>
                    </a:lnTo>
                    <a:lnTo>
                      <a:pt x="487" y="3806"/>
                    </a:lnTo>
                    <a:lnTo>
                      <a:pt x="489" y="3801"/>
                    </a:lnTo>
                    <a:lnTo>
                      <a:pt x="493" y="3797"/>
                    </a:lnTo>
                    <a:lnTo>
                      <a:pt x="497" y="3793"/>
                    </a:lnTo>
                    <a:lnTo>
                      <a:pt x="501" y="3791"/>
                    </a:lnTo>
                    <a:lnTo>
                      <a:pt x="510" y="3787"/>
                    </a:lnTo>
                    <a:lnTo>
                      <a:pt x="520" y="3784"/>
                    </a:lnTo>
                    <a:lnTo>
                      <a:pt x="541" y="3782"/>
                    </a:lnTo>
                    <a:lnTo>
                      <a:pt x="561" y="3782"/>
                    </a:lnTo>
                    <a:lnTo>
                      <a:pt x="571" y="3782"/>
                    </a:lnTo>
                    <a:lnTo>
                      <a:pt x="577" y="3780"/>
                    </a:lnTo>
                    <a:lnTo>
                      <a:pt x="581" y="3778"/>
                    </a:lnTo>
                    <a:lnTo>
                      <a:pt x="581" y="3775"/>
                    </a:lnTo>
                    <a:lnTo>
                      <a:pt x="580" y="3771"/>
                    </a:lnTo>
                    <a:lnTo>
                      <a:pt x="576" y="3769"/>
                    </a:lnTo>
                    <a:lnTo>
                      <a:pt x="572" y="3765"/>
                    </a:lnTo>
                    <a:lnTo>
                      <a:pt x="566" y="3760"/>
                    </a:lnTo>
                    <a:lnTo>
                      <a:pt x="539" y="3745"/>
                    </a:lnTo>
                    <a:lnTo>
                      <a:pt x="524" y="3738"/>
                    </a:lnTo>
                    <a:lnTo>
                      <a:pt x="526" y="3732"/>
                    </a:lnTo>
                    <a:lnTo>
                      <a:pt x="528" y="3729"/>
                    </a:lnTo>
                    <a:lnTo>
                      <a:pt x="533" y="3727"/>
                    </a:lnTo>
                    <a:lnTo>
                      <a:pt x="539" y="3726"/>
                    </a:lnTo>
                    <a:lnTo>
                      <a:pt x="555" y="3726"/>
                    </a:lnTo>
                    <a:lnTo>
                      <a:pt x="573" y="3729"/>
                    </a:lnTo>
                    <a:lnTo>
                      <a:pt x="610" y="3736"/>
                    </a:lnTo>
                    <a:lnTo>
                      <a:pt x="633" y="3742"/>
                    </a:lnTo>
                    <a:lnTo>
                      <a:pt x="647" y="3743"/>
                    </a:lnTo>
                    <a:lnTo>
                      <a:pt x="664" y="3742"/>
                    </a:lnTo>
                    <a:lnTo>
                      <a:pt x="672" y="3740"/>
                    </a:lnTo>
                    <a:lnTo>
                      <a:pt x="680" y="3740"/>
                    </a:lnTo>
                    <a:lnTo>
                      <a:pt x="686" y="3742"/>
                    </a:lnTo>
                    <a:lnTo>
                      <a:pt x="691" y="3744"/>
                    </a:lnTo>
                    <a:lnTo>
                      <a:pt x="698" y="3748"/>
                    </a:lnTo>
                    <a:lnTo>
                      <a:pt x="703" y="3753"/>
                    </a:lnTo>
                    <a:lnTo>
                      <a:pt x="707" y="3760"/>
                    </a:lnTo>
                    <a:lnTo>
                      <a:pt x="712" y="3765"/>
                    </a:lnTo>
                    <a:lnTo>
                      <a:pt x="717" y="3770"/>
                    </a:lnTo>
                    <a:lnTo>
                      <a:pt x="722" y="3775"/>
                    </a:lnTo>
                    <a:lnTo>
                      <a:pt x="726" y="3776"/>
                    </a:lnTo>
                    <a:lnTo>
                      <a:pt x="729" y="3776"/>
                    </a:lnTo>
                    <a:lnTo>
                      <a:pt x="734" y="3776"/>
                    </a:lnTo>
                    <a:lnTo>
                      <a:pt x="738" y="3776"/>
                    </a:lnTo>
                    <a:lnTo>
                      <a:pt x="752" y="3773"/>
                    </a:lnTo>
                    <a:lnTo>
                      <a:pt x="767" y="3770"/>
                    </a:lnTo>
                    <a:lnTo>
                      <a:pt x="773" y="3771"/>
                    </a:lnTo>
                    <a:lnTo>
                      <a:pt x="779" y="3774"/>
                    </a:lnTo>
                    <a:lnTo>
                      <a:pt x="785" y="3778"/>
                    </a:lnTo>
                    <a:lnTo>
                      <a:pt x="790" y="3786"/>
                    </a:lnTo>
                    <a:lnTo>
                      <a:pt x="799" y="3800"/>
                    </a:lnTo>
                    <a:lnTo>
                      <a:pt x="809" y="3817"/>
                    </a:lnTo>
                    <a:lnTo>
                      <a:pt x="816" y="3823"/>
                    </a:lnTo>
                    <a:lnTo>
                      <a:pt x="822" y="3828"/>
                    </a:lnTo>
                    <a:lnTo>
                      <a:pt x="830" y="3832"/>
                    </a:lnTo>
                    <a:lnTo>
                      <a:pt x="839" y="3833"/>
                    </a:lnTo>
                    <a:lnTo>
                      <a:pt x="849" y="3832"/>
                    </a:lnTo>
                    <a:lnTo>
                      <a:pt x="864" y="3831"/>
                    </a:lnTo>
                    <a:lnTo>
                      <a:pt x="871" y="3830"/>
                    </a:lnTo>
                    <a:lnTo>
                      <a:pt x="877" y="3827"/>
                    </a:lnTo>
                    <a:lnTo>
                      <a:pt x="878" y="3826"/>
                    </a:lnTo>
                    <a:lnTo>
                      <a:pt x="879" y="3826"/>
                    </a:lnTo>
                    <a:lnTo>
                      <a:pt x="879" y="3824"/>
                    </a:lnTo>
                    <a:lnTo>
                      <a:pt x="879" y="3822"/>
                    </a:lnTo>
                    <a:lnTo>
                      <a:pt x="873" y="3818"/>
                    </a:lnTo>
                    <a:lnTo>
                      <a:pt x="866" y="3814"/>
                    </a:lnTo>
                    <a:lnTo>
                      <a:pt x="858" y="3810"/>
                    </a:lnTo>
                    <a:lnTo>
                      <a:pt x="851" y="3808"/>
                    </a:lnTo>
                    <a:lnTo>
                      <a:pt x="843" y="3804"/>
                    </a:lnTo>
                    <a:lnTo>
                      <a:pt x="835" y="3801"/>
                    </a:lnTo>
                    <a:lnTo>
                      <a:pt x="829" y="3797"/>
                    </a:lnTo>
                    <a:lnTo>
                      <a:pt x="824" y="3792"/>
                    </a:lnTo>
                    <a:lnTo>
                      <a:pt x="822" y="3789"/>
                    </a:lnTo>
                    <a:lnTo>
                      <a:pt x="822" y="3787"/>
                    </a:lnTo>
                    <a:lnTo>
                      <a:pt x="822" y="3784"/>
                    </a:lnTo>
                    <a:lnTo>
                      <a:pt x="824" y="3783"/>
                    </a:lnTo>
                    <a:lnTo>
                      <a:pt x="829" y="3778"/>
                    </a:lnTo>
                    <a:lnTo>
                      <a:pt x="834" y="3774"/>
                    </a:lnTo>
                    <a:lnTo>
                      <a:pt x="848" y="3767"/>
                    </a:lnTo>
                    <a:lnTo>
                      <a:pt x="858" y="3761"/>
                    </a:lnTo>
                    <a:lnTo>
                      <a:pt x="862" y="3758"/>
                    </a:lnTo>
                    <a:lnTo>
                      <a:pt x="866" y="3757"/>
                    </a:lnTo>
                    <a:lnTo>
                      <a:pt x="871" y="3756"/>
                    </a:lnTo>
                    <a:lnTo>
                      <a:pt x="878" y="3754"/>
                    </a:lnTo>
                    <a:lnTo>
                      <a:pt x="893" y="3754"/>
                    </a:lnTo>
                    <a:lnTo>
                      <a:pt x="909" y="3756"/>
                    </a:lnTo>
                    <a:lnTo>
                      <a:pt x="943" y="3760"/>
                    </a:lnTo>
                    <a:lnTo>
                      <a:pt x="967" y="3762"/>
                    </a:lnTo>
                    <a:lnTo>
                      <a:pt x="956" y="3749"/>
                    </a:lnTo>
                    <a:lnTo>
                      <a:pt x="948" y="3740"/>
                    </a:lnTo>
                    <a:lnTo>
                      <a:pt x="944" y="3736"/>
                    </a:lnTo>
                    <a:lnTo>
                      <a:pt x="938" y="3732"/>
                    </a:lnTo>
                    <a:lnTo>
                      <a:pt x="927" y="3730"/>
                    </a:lnTo>
                    <a:lnTo>
                      <a:pt x="914" y="3729"/>
                    </a:lnTo>
                    <a:lnTo>
                      <a:pt x="892" y="3732"/>
                    </a:lnTo>
                    <a:lnTo>
                      <a:pt x="857" y="3739"/>
                    </a:lnTo>
                    <a:lnTo>
                      <a:pt x="849" y="3740"/>
                    </a:lnTo>
                    <a:lnTo>
                      <a:pt x="842" y="3740"/>
                    </a:lnTo>
                    <a:lnTo>
                      <a:pt x="836" y="3740"/>
                    </a:lnTo>
                    <a:lnTo>
                      <a:pt x="831" y="3738"/>
                    </a:lnTo>
                    <a:lnTo>
                      <a:pt x="830" y="3736"/>
                    </a:lnTo>
                    <a:lnTo>
                      <a:pt x="830" y="3735"/>
                    </a:lnTo>
                    <a:lnTo>
                      <a:pt x="829" y="3734"/>
                    </a:lnTo>
                    <a:lnTo>
                      <a:pt x="830" y="3731"/>
                    </a:lnTo>
                    <a:lnTo>
                      <a:pt x="833" y="3726"/>
                    </a:lnTo>
                    <a:lnTo>
                      <a:pt x="839" y="3719"/>
                    </a:lnTo>
                    <a:lnTo>
                      <a:pt x="851" y="3712"/>
                    </a:lnTo>
                    <a:lnTo>
                      <a:pt x="860" y="3703"/>
                    </a:lnTo>
                    <a:lnTo>
                      <a:pt x="858" y="3700"/>
                    </a:lnTo>
                    <a:lnTo>
                      <a:pt x="855" y="3697"/>
                    </a:lnTo>
                    <a:lnTo>
                      <a:pt x="848" y="3696"/>
                    </a:lnTo>
                    <a:lnTo>
                      <a:pt x="839" y="3695"/>
                    </a:lnTo>
                    <a:lnTo>
                      <a:pt x="818" y="3692"/>
                    </a:lnTo>
                    <a:lnTo>
                      <a:pt x="795" y="3690"/>
                    </a:lnTo>
                    <a:lnTo>
                      <a:pt x="772" y="3686"/>
                    </a:lnTo>
                    <a:lnTo>
                      <a:pt x="754" y="3681"/>
                    </a:lnTo>
                    <a:lnTo>
                      <a:pt x="746" y="3678"/>
                    </a:lnTo>
                    <a:lnTo>
                      <a:pt x="741" y="3674"/>
                    </a:lnTo>
                    <a:lnTo>
                      <a:pt x="739" y="3672"/>
                    </a:lnTo>
                    <a:lnTo>
                      <a:pt x="738" y="3669"/>
                    </a:lnTo>
                    <a:lnTo>
                      <a:pt x="738" y="3666"/>
                    </a:lnTo>
                    <a:lnTo>
                      <a:pt x="738" y="3664"/>
                    </a:lnTo>
                    <a:lnTo>
                      <a:pt x="741" y="3659"/>
                    </a:lnTo>
                    <a:lnTo>
                      <a:pt x="743" y="3655"/>
                    </a:lnTo>
                    <a:lnTo>
                      <a:pt x="746" y="3652"/>
                    </a:lnTo>
                    <a:lnTo>
                      <a:pt x="750" y="3650"/>
                    </a:lnTo>
                    <a:lnTo>
                      <a:pt x="759" y="3644"/>
                    </a:lnTo>
                    <a:lnTo>
                      <a:pt x="768" y="3640"/>
                    </a:lnTo>
                    <a:lnTo>
                      <a:pt x="774" y="3637"/>
                    </a:lnTo>
                    <a:lnTo>
                      <a:pt x="779" y="3633"/>
                    </a:lnTo>
                    <a:lnTo>
                      <a:pt x="781" y="3630"/>
                    </a:lnTo>
                    <a:lnTo>
                      <a:pt x="781" y="3628"/>
                    </a:lnTo>
                    <a:lnTo>
                      <a:pt x="781" y="3625"/>
                    </a:lnTo>
                    <a:lnTo>
                      <a:pt x="778" y="3621"/>
                    </a:lnTo>
                    <a:lnTo>
                      <a:pt x="763" y="3602"/>
                    </a:lnTo>
                    <a:lnTo>
                      <a:pt x="755" y="3590"/>
                    </a:lnTo>
                    <a:lnTo>
                      <a:pt x="754" y="3586"/>
                    </a:lnTo>
                    <a:lnTo>
                      <a:pt x="754" y="3583"/>
                    </a:lnTo>
                    <a:lnTo>
                      <a:pt x="755" y="3582"/>
                    </a:lnTo>
                    <a:lnTo>
                      <a:pt x="757" y="3581"/>
                    </a:lnTo>
                    <a:lnTo>
                      <a:pt x="778" y="3581"/>
                    </a:lnTo>
                    <a:lnTo>
                      <a:pt x="811" y="3580"/>
                    </a:lnTo>
                    <a:lnTo>
                      <a:pt x="820" y="3578"/>
                    </a:lnTo>
                    <a:lnTo>
                      <a:pt x="826" y="3580"/>
                    </a:lnTo>
                    <a:lnTo>
                      <a:pt x="830" y="3581"/>
                    </a:lnTo>
                    <a:lnTo>
                      <a:pt x="834" y="3585"/>
                    </a:lnTo>
                    <a:lnTo>
                      <a:pt x="839" y="3595"/>
                    </a:lnTo>
                    <a:lnTo>
                      <a:pt x="847" y="3609"/>
                    </a:lnTo>
                    <a:lnTo>
                      <a:pt x="849" y="3613"/>
                    </a:lnTo>
                    <a:lnTo>
                      <a:pt x="852" y="3616"/>
                    </a:lnTo>
                    <a:lnTo>
                      <a:pt x="856" y="3618"/>
                    </a:lnTo>
                    <a:lnTo>
                      <a:pt x="860" y="3621"/>
                    </a:lnTo>
                    <a:lnTo>
                      <a:pt x="870" y="3624"/>
                    </a:lnTo>
                    <a:lnTo>
                      <a:pt x="881" y="3626"/>
                    </a:lnTo>
                    <a:lnTo>
                      <a:pt x="901" y="3629"/>
                    </a:lnTo>
                    <a:lnTo>
                      <a:pt x="919" y="3631"/>
                    </a:lnTo>
                    <a:lnTo>
                      <a:pt x="936" y="3633"/>
                    </a:lnTo>
                    <a:lnTo>
                      <a:pt x="958" y="3635"/>
                    </a:lnTo>
                    <a:lnTo>
                      <a:pt x="969" y="3637"/>
                    </a:lnTo>
                    <a:lnTo>
                      <a:pt x="979" y="3639"/>
                    </a:lnTo>
                    <a:lnTo>
                      <a:pt x="987" y="3642"/>
                    </a:lnTo>
                    <a:lnTo>
                      <a:pt x="991" y="3646"/>
                    </a:lnTo>
                    <a:lnTo>
                      <a:pt x="1005" y="3668"/>
                    </a:lnTo>
                    <a:lnTo>
                      <a:pt x="1017" y="3692"/>
                    </a:lnTo>
                    <a:lnTo>
                      <a:pt x="1029" y="3717"/>
                    </a:lnTo>
                    <a:lnTo>
                      <a:pt x="1045" y="3739"/>
                    </a:lnTo>
                    <a:lnTo>
                      <a:pt x="1052" y="3749"/>
                    </a:lnTo>
                    <a:lnTo>
                      <a:pt x="1058" y="3756"/>
                    </a:lnTo>
                    <a:lnTo>
                      <a:pt x="1062" y="3760"/>
                    </a:lnTo>
                    <a:lnTo>
                      <a:pt x="1066" y="3761"/>
                    </a:lnTo>
                    <a:lnTo>
                      <a:pt x="1068" y="3761"/>
                    </a:lnTo>
                    <a:lnTo>
                      <a:pt x="1071" y="3758"/>
                    </a:lnTo>
                    <a:lnTo>
                      <a:pt x="1072" y="3754"/>
                    </a:lnTo>
                    <a:lnTo>
                      <a:pt x="1072" y="3751"/>
                    </a:lnTo>
                    <a:lnTo>
                      <a:pt x="1071" y="3738"/>
                    </a:lnTo>
                    <a:lnTo>
                      <a:pt x="1068" y="3725"/>
                    </a:lnTo>
                    <a:lnTo>
                      <a:pt x="1063" y="3713"/>
                    </a:lnTo>
                    <a:lnTo>
                      <a:pt x="1058" y="3704"/>
                    </a:lnTo>
                    <a:lnTo>
                      <a:pt x="1040" y="3682"/>
                    </a:lnTo>
                    <a:lnTo>
                      <a:pt x="1014" y="3651"/>
                    </a:lnTo>
                    <a:lnTo>
                      <a:pt x="1002" y="3634"/>
                    </a:lnTo>
                    <a:lnTo>
                      <a:pt x="992" y="3620"/>
                    </a:lnTo>
                    <a:lnTo>
                      <a:pt x="987" y="3612"/>
                    </a:lnTo>
                    <a:lnTo>
                      <a:pt x="984" y="3607"/>
                    </a:lnTo>
                    <a:lnTo>
                      <a:pt x="983" y="3602"/>
                    </a:lnTo>
                    <a:lnTo>
                      <a:pt x="982" y="3596"/>
                    </a:lnTo>
                    <a:lnTo>
                      <a:pt x="983" y="3594"/>
                    </a:lnTo>
                    <a:lnTo>
                      <a:pt x="984" y="3591"/>
                    </a:lnTo>
                    <a:lnTo>
                      <a:pt x="988" y="3590"/>
                    </a:lnTo>
                    <a:lnTo>
                      <a:pt x="993" y="3590"/>
                    </a:lnTo>
                    <a:lnTo>
                      <a:pt x="1005" y="3593"/>
                    </a:lnTo>
                    <a:lnTo>
                      <a:pt x="1018" y="3598"/>
                    </a:lnTo>
                    <a:lnTo>
                      <a:pt x="1032" y="3605"/>
                    </a:lnTo>
                    <a:lnTo>
                      <a:pt x="1045" y="3612"/>
                    </a:lnTo>
                    <a:lnTo>
                      <a:pt x="1055" y="3618"/>
                    </a:lnTo>
                    <a:lnTo>
                      <a:pt x="1061" y="3624"/>
                    </a:lnTo>
                    <a:lnTo>
                      <a:pt x="1070" y="3639"/>
                    </a:lnTo>
                    <a:lnTo>
                      <a:pt x="1081" y="3655"/>
                    </a:lnTo>
                    <a:lnTo>
                      <a:pt x="1088" y="3660"/>
                    </a:lnTo>
                    <a:lnTo>
                      <a:pt x="1094" y="3665"/>
                    </a:lnTo>
                    <a:lnTo>
                      <a:pt x="1098" y="3666"/>
                    </a:lnTo>
                    <a:lnTo>
                      <a:pt x="1102" y="3668"/>
                    </a:lnTo>
                    <a:lnTo>
                      <a:pt x="1107" y="3668"/>
                    </a:lnTo>
                    <a:lnTo>
                      <a:pt x="1111" y="3668"/>
                    </a:lnTo>
                    <a:lnTo>
                      <a:pt x="1114" y="3666"/>
                    </a:lnTo>
                    <a:lnTo>
                      <a:pt x="1116" y="3665"/>
                    </a:lnTo>
                    <a:lnTo>
                      <a:pt x="1118" y="3662"/>
                    </a:lnTo>
                    <a:lnTo>
                      <a:pt x="1119" y="3659"/>
                    </a:lnTo>
                    <a:lnTo>
                      <a:pt x="1120" y="3652"/>
                    </a:lnTo>
                    <a:lnTo>
                      <a:pt x="1119" y="3644"/>
                    </a:lnTo>
                    <a:lnTo>
                      <a:pt x="1116" y="3635"/>
                    </a:lnTo>
                    <a:lnTo>
                      <a:pt x="1112" y="3628"/>
                    </a:lnTo>
                    <a:lnTo>
                      <a:pt x="1109" y="3621"/>
                    </a:lnTo>
                    <a:lnTo>
                      <a:pt x="1105" y="3616"/>
                    </a:lnTo>
                    <a:lnTo>
                      <a:pt x="1097" y="3608"/>
                    </a:lnTo>
                    <a:lnTo>
                      <a:pt x="1090" y="3600"/>
                    </a:lnTo>
                    <a:lnTo>
                      <a:pt x="1085" y="3593"/>
                    </a:lnTo>
                    <a:lnTo>
                      <a:pt x="1080" y="3583"/>
                    </a:lnTo>
                    <a:lnTo>
                      <a:pt x="1077" y="3573"/>
                    </a:lnTo>
                    <a:lnTo>
                      <a:pt x="1075" y="3564"/>
                    </a:lnTo>
                    <a:lnTo>
                      <a:pt x="1074" y="3554"/>
                    </a:lnTo>
                    <a:lnTo>
                      <a:pt x="1074" y="3542"/>
                    </a:lnTo>
                    <a:lnTo>
                      <a:pt x="1074" y="3530"/>
                    </a:lnTo>
                    <a:lnTo>
                      <a:pt x="1076" y="3524"/>
                    </a:lnTo>
                    <a:lnTo>
                      <a:pt x="1077" y="3523"/>
                    </a:lnTo>
                    <a:lnTo>
                      <a:pt x="1079" y="3523"/>
                    </a:lnTo>
                    <a:lnTo>
                      <a:pt x="1080" y="3523"/>
                    </a:lnTo>
                    <a:lnTo>
                      <a:pt x="1081" y="3525"/>
                    </a:lnTo>
                    <a:lnTo>
                      <a:pt x="1084" y="3530"/>
                    </a:lnTo>
                    <a:lnTo>
                      <a:pt x="1087" y="3537"/>
                    </a:lnTo>
                    <a:lnTo>
                      <a:pt x="1088" y="3546"/>
                    </a:lnTo>
                    <a:lnTo>
                      <a:pt x="1088" y="3555"/>
                    </a:lnTo>
                    <a:lnTo>
                      <a:pt x="1093" y="3559"/>
                    </a:lnTo>
                    <a:lnTo>
                      <a:pt x="1098" y="3564"/>
                    </a:lnTo>
                    <a:lnTo>
                      <a:pt x="1101" y="3567"/>
                    </a:lnTo>
                    <a:lnTo>
                      <a:pt x="1103" y="3569"/>
                    </a:lnTo>
                    <a:lnTo>
                      <a:pt x="1107" y="3571"/>
                    </a:lnTo>
                    <a:lnTo>
                      <a:pt x="1110" y="3571"/>
                    </a:lnTo>
                    <a:lnTo>
                      <a:pt x="1121" y="3571"/>
                    </a:lnTo>
                    <a:lnTo>
                      <a:pt x="1134" y="3573"/>
                    </a:lnTo>
                    <a:lnTo>
                      <a:pt x="1141" y="3573"/>
                    </a:lnTo>
                    <a:lnTo>
                      <a:pt x="1146" y="3572"/>
                    </a:lnTo>
                    <a:lnTo>
                      <a:pt x="1150" y="3569"/>
                    </a:lnTo>
                    <a:lnTo>
                      <a:pt x="1153" y="3565"/>
                    </a:lnTo>
                    <a:lnTo>
                      <a:pt x="1151" y="3560"/>
                    </a:lnTo>
                    <a:lnTo>
                      <a:pt x="1150" y="3555"/>
                    </a:lnTo>
                    <a:lnTo>
                      <a:pt x="1145" y="3550"/>
                    </a:lnTo>
                    <a:lnTo>
                      <a:pt x="1137" y="3545"/>
                    </a:lnTo>
                    <a:lnTo>
                      <a:pt x="1131" y="3541"/>
                    </a:lnTo>
                    <a:lnTo>
                      <a:pt x="1125" y="3537"/>
                    </a:lnTo>
                    <a:lnTo>
                      <a:pt x="1123" y="3532"/>
                    </a:lnTo>
                    <a:lnTo>
                      <a:pt x="1120" y="3526"/>
                    </a:lnTo>
                    <a:lnTo>
                      <a:pt x="1118" y="3514"/>
                    </a:lnTo>
                    <a:lnTo>
                      <a:pt x="1116" y="3499"/>
                    </a:lnTo>
                    <a:lnTo>
                      <a:pt x="1119" y="3491"/>
                    </a:lnTo>
                    <a:lnTo>
                      <a:pt x="1121" y="3484"/>
                    </a:lnTo>
                    <a:lnTo>
                      <a:pt x="1127" y="3477"/>
                    </a:lnTo>
                    <a:lnTo>
                      <a:pt x="1132" y="3472"/>
                    </a:lnTo>
                    <a:lnTo>
                      <a:pt x="1137" y="3468"/>
                    </a:lnTo>
                    <a:lnTo>
                      <a:pt x="1145" y="3466"/>
                    </a:lnTo>
                    <a:lnTo>
                      <a:pt x="1153" y="3466"/>
                    </a:lnTo>
                    <a:lnTo>
                      <a:pt x="1162" y="3467"/>
                    </a:lnTo>
                    <a:lnTo>
                      <a:pt x="1169" y="3468"/>
                    </a:lnTo>
                    <a:lnTo>
                      <a:pt x="1178" y="3469"/>
                    </a:lnTo>
                    <a:lnTo>
                      <a:pt x="1186" y="3468"/>
                    </a:lnTo>
                    <a:lnTo>
                      <a:pt x="1194" y="3467"/>
                    </a:lnTo>
                    <a:lnTo>
                      <a:pt x="1208" y="3464"/>
                    </a:lnTo>
                    <a:lnTo>
                      <a:pt x="1221" y="3464"/>
                    </a:lnTo>
                    <a:lnTo>
                      <a:pt x="1217" y="3482"/>
                    </a:lnTo>
                    <a:lnTo>
                      <a:pt x="1215" y="3504"/>
                    </a:lnTo>
                    <a:lnTo>
                      <a:pt x="1215" y="3511"/>
                    </a:lnTo>
                    <a:lnTo>
                      <a:pt x="1215" y="3515"/>
                    </a:lnTo>
                    <a:lnTo>
                      <a:pt x="1216" y="3519"/>
                    </a:lnTo>
                    <a:lnTo>
                      <a:pt x="1219" y="3523"/>
                    </a:lnTo>
                    <a:lnTo>
                      <a:pt x="1221" y="3525"/>
                    </a:lnTo>
                    <a:lnTo>
                      <a:pt x="1226" y="3526"/>
                    </a:lnTo>
                    <a:lnTo>
                      <a:pt x="1232" y="3526"/>
                    </a:lnTo>
                    <a:lnTo>
                      <a:pt x="1238" y="3525"/>
                    </a:lnTo>
                    <a:lnTo>
                      <a:pt x="1258" y="3519"/>
                    </a:lnTo>
                    <a:lnTo>
                      <a:pt x="1277" y="3511"/>
                    </a:lnTo>
                    <a:lnTo>
                      <a:pt x="1281" y="3508"/>
                    </a:lnTo>
                    <a:lnTo>
                      <a:pt x="1283" y="3506"/>
                    </a:lnTo>
                    <a:lnTo>
                      <a:pt x="1286" y="3503"/>
                    </a:lnTo>
                    <a:lnTo>
                      <a:pt x="1286" y="3499"/>
                    </a:lnTo>
                    <a:lnTo>
                      <a:pt x="1286" y="3495"/>
                    </a:lnTo>
                    <a:lnTo>
                      <a:pt x="1283" y="3491"/>
                    </a:lnTo>
                    <a:lnTo>
                      <a:pt x="1280" y="3488"/>
                    </a:lnTo>
                    <a:lnTo>
                      <a:pt x="1274" y="3482"/>
                    </a:lnTo>
                    <a:lnTo>
                      <a:pt x="1268" y="3476"/>
                    </a:lnTo>
                    <a:lnTo>
                      <a:pt x="1264" y="3471"/>
                    </a:lnTo>
                    <a:lnTo>
                      <a:pt x="1265" y="3467"/>
                    </a:lnTo>
                    <a:lnTo>
                      <a:pt x="1267" y="3464"/>
                    </a:lnTo>
                    <a:lnTo>
                      <a:pt x="1270" y="3460"/>
                    </a:lnTo>
                    <a:lnTo>
                      <a:pt x="1273" y="3458"/>
                    </a:lnTo>
                    <a:lnTo>
                      <a:pt x="1276" y="3455"/>
                    </a:lnTo>
                    <a:lnTo>
                      <a:pt x="1276" y="3451"/>
                    </a:lnTo>
                    <a:lnTo>
                      <a:pt x="1274" y="3444"/>
                    </a:lnTo>
                    <a:lnTo>
                      <a:pt x="1274" y="3437"/>
                    </a:lnTo>
                    <a:lnTo>
                      <a:pt x="1277" y="3431"/>
                    </a:lnTo>
                    <a:lnTo>
                      <a:pt x="1282" y="3427"/>
                    </a:lnTo>
                    <a:lnTo>
                      <a:pt x="1289" y="3423"/>
                    </a:lnTo>
                    <a:lnTo>
                      <a:pt x="1295" y="3422"/>
                    </a:lnTo>
                    <a:lnTo>
                      <a:pt x="1303" y="3420"/>
                    </a:lnTo>
                    <a:lnTo>
                      <a:pt x="1311" y="3422"/>
                    </a:lnTo>
                    <a:lnTo>
                      <a:pt x="1322" y="3424"/>
                    </a:lnTo>
                    <a:lnTo>
                      <a:pt x="1334" y="3424"/>
                    </a:lnTo>
                    <a:lnTo>
                      <a:pt x="1344" y="3424"/>
                    </a:lnTo>
                    <a:lnTo>
                      <a:pt x="1356" y="3423"/>
                    </a:lnTo>
                    <a:lnTo>
                      <a:pt x="1366" y="3424"/>
                    </a:lnTo>
                    <a:lnTo>
                      <a:pt x="1377" y="3427"/>
                    </a:lnTo>
                    <a:lnTo>
                      <a:pt x="1382" y="3429"/>
                    </a:lnTo>
                    <a:lnTo>
                      <a:pt x="1386" y="3433"/>
                    </a:lnTo>
                    <a:lnTo>
                      <a:pt x="1391" y="3437"/>
                    </a:lnTo>
                    <a:lnTo>
                      <a:pt x="1395" y="3442"/>
                    </a:lnTo>
                    <a:lnTo>
                      <a:pt x="1418" y="3468"/>
                    </a:lnTo>
                    <a:lnTo>
                      <a:pt x="1427" y="3481"/>
                    </a:lnTo>
                    <a:lnTo>
                      <a:pt x="1429" y="3488"/>
                    </a:lnTo>
                    <a:lnTo>
                      <a:pt x="1427" y="3498"/>
                    </a:lnTo>
                    <a:lnTo>
                      <a:pt x="1423" y="3514"/>
                    </a:lnTo>
                    <a:lnTo>
                      <a:pt x="1418" y="3537"/>
                    </a:lnTo>
                    <a:lnTo>
                      <a:pt x="1418" y="3542"/>
                    </a:lnTo>
                    <a:lnTo>
                      <a:pt x="1418" y="3547"/>
                    </a:lnTo>
                    <a:lnTo>
                      <a:pt x="1418" y="3551"/>
                    </a:lnTo>
                    <a:lnTo>
                      <a:pt x="1419" y="3555"/>
                    </a:lnTo>
                    <a:lnTo>
                      <a:pt x="1422" y="3556"/>
                    </a:lnTo>
                    <a:lnTo>
                      <a:pt x="1426" y="3558"/>
                    </a:lnTo>
                    <a:lnTo>
                      <a:pt x="1429" y="3559"/>
                    </a:lnTo>
                    <a:lnTo>
                      <a:pt x="1432" y="3559"/>
                    </a:lnTo>
                    <a:lnTo>
                      <a:pt x="1452" y="3556"/>
                    </a:lnTo>
                    <a:lnTo>
                      <a:pt x="1471" y="3555"/>
                    </a:lnTo>
                    <a:lnTo>
                      <a:pt x="1476" y="3555"/>
                    </a:lnTo>
                    <a:lnTo>
                      <a:pt x="1487" y="3555"/>
                    </a:lnTo>
                    <a:lnTo>
                      <a:pt x="1495" y="3555"/>
                    </a:lnTo>
                    <a:lnTo>
                      <a:pt x="1498" y="3552"/>
                    </a:lnTo>
                    <a:lnTo>
                      <a:pt x="1492" y="3550"/>
                    </a:lnTo>
                    <a:lnTo>
                      <a:pt x="1487" y="3546"/>
                    </a:lnTo>
                    <a:lnTo>
                      <a:pt x="1483" y="3542"/>
                    </a:lnTo>
                    <a:lnTo>
                      <a:pt x="1480" y="3538"/>
                    </a:lnTo>
                    <a:lnTo>
                      <a:pt x="1480" y="3534"/>
                    </a:lnTo>
                    <a:lnTo>
                      <a:pt x="1480" y="3530"/>
                    </a:lnTo>
                    <a:lnTo>
                      <a:pt x="1483" y="3526"/>
                    </a:lnTo>
                    <a:lnTo>
                      <a:pt x="1486" y="3523"/>
                    </a:lnTo>
                    <a:lnTo>
                      <a:pt x="1492" y="3515"/>
                    </a:lnTo>
                    <a:lnTo>
                      <a:pt x="1502" y="3508"/>
                    </a:lnTo>
                    <a:lnTo>
                      <a:pt x="1511" y="3504"/>
                    </a:lnTo>
                    <a:lnTo>
                      <a:pt x="1522" y="3501"/>
                    </a:lnTo>
                    <a:lnTo>
                      <a:pt x="1531" y="3501"/>
                    </a:lnTo>
                    <a:lnTo>
                      <a:pt x="1544" y="3502"/>
                    </a:lnTo>
                    <a:lnTo>
                      <a:pt x="1559" y="3503"/>
                    </a:lnTo>
                    <a:lnTo>
                      <a:pt x="1575" y="3506"/>
                    </a:lnTo>
                    <a:lnTo>
                      <a:pt x="1589" y="3508"/>
                    </a:lnTo>
                    <a:lnTo>
                      <a:pt x="1601" y="3508"/>
                    </a:lnTo>
                    <a:lnTo>
                      <a:pt x="1606" y="3507"/>
                    </a:lnTo>
                    <a:lnTo>
                      <a:pt x="1609" y="3506"/>
                    </a:lnTo>
                    <a:lnTo>
                      <a:pt x="1611" y="3503"/>
                    </a:lnTo>
                    <a:lnTo>
                      <a:pt x="1611" y="3501"/>
                    </a:lnTo>
                    <a:lnTo>
                      <a:pt x="1614" y="3488"/>
                    </a:lnTo>
                    <a:lnTo>
                      <a:pt x="1618" y="3469"/>
                    </a:lnTo>
                    <a:lnTo>
                      <a:pt x="1623" y="3453"/>
                    </a:lnTo>
                    <a:lnTo>
                      <a:pt x="1624" y="3445"/>
                    </a:lnTo>
                    <a:lnTo>
                      <a:pt x="1622" y="3442"/>
                    </a:lnTo>
                    <a:lnTo>
                      <a:pt x="1618" y="3442"/>
                    </a:lnTo>
                    <a:lnTo>
                      <a:pt x="1611" y="3442"/>
                    </a:lnTo>
                    <a:lnTo>
                      <a:pt x="1603" y="3442"/>
                    </a:lnTo>
                    <a:lnTo>
                      <a:pt x="1589" y="3445"/>
                    </a:lnTo>
                    <a:lnTo>
                      <a:pt x="1580" y="3446"/>
                    </a:lnTo>
                    <a:lnTo>
                      <a:pt x="1568" y="3446"/>
                    </a:lnTo>
                    <a:lnTo>
                      <a:pt x="1559" y="3445"/>
                    </a:lnTo>
                    <a:lnTo>
                      <a:pt x="1554" y="3444"/>
                    </a:lnTo>
                    <a:lnTo>
                      <a:pt x="1553" y="3441"/>
                    </a:lnTo>
                    <a:lnTo>
                      <a:pt x="1553" y="3438"/>
                    </a:lnTo>
                    <a:lnTo>
                      <a:pt x="1555" y="3436"/>
                    </a:lnTo>
                    <a:lnTo>
                      <a:pt x="1561" y="3432"/>
                    </a:lnTo>
                    <a:lnTo>
                      <a:pt x="1566" y="3428"/>
                    </a:lnTo>
                    <a:lnTo>
                      <a:pt x="1596" y="3414"/>
                    </a:lnTo>
                    <a:lnTo>
                      <a:pt x="1615" y="3405"/>
                    </a:lnTo>
                    <a:lnTo>
                      <a:pt x="1632" y="3396"/>
                    </a:lnTo>
                    <a:lnTo>
                      <a:pt x="1651" y="3389"/>
                    </a:lnTo>
                    <a:lnTo>
                      <a:pt x="1669" y="3384"/>
                    </a:lnTo>
                    <a:lnTo>
                      <a:pt x="1686" y="3378"/>
                    </a:lnTo>
                    <a:lnTo>
                      <a:pt x="1693" y="3374"/>
                    </a:lnTo>
                    <a:lnTo>
                      <a:pt x="1701" y="3368"/>
                    </a:lnTo>
                    <a:lnTo>
                      <a:pt x="1707" y="3362"/>
                    </a:lnTo>
                    <a:lnTo>
                      <a:pt x="1712" y="3355"/>
                    </a:lnTo>
                    <a:lnTo>
                      <a:pt x="1716" y="3348"/>
                    </a:lnTo>
                    <a:lnTo>
                      <a:pt x="1720" y="3337"/>
                    </a:lnTo>
                    <a:lnTo>
                      <a:pt x="1721" y="3326"/>
                    </a:lnTo>
                    <a:lnTo>
                      <a:pt x="1723" y="3311"/>
                    </a:lnTo>
                    <a:lnTo>
                      <a:pt x="1712" y="3313"/>
                    </a:lnTo>
                    <a:lnTo>
                      <a:pt x="1699" y="3315"/>
                    </a:lnTo>
                    <a:lnTo>
                      <a:pt x="1688" y="3315"/>
                    </a:lnTo>
                    <a:lnTo>
                      <a:pt x="1676" y="3315"/>
                    </a:lnTo>
                    <a:lnTo>
                      <a:pt x="1671" y="3314"/>
                    </a:lnTo>
                    <a:lnTo>
                      <a:pt x="1667" y="3313"/>
                    </a:lnTo>
                    <a:lnTo>
                      <a:pt x="1664" y="3310"/>
                    </a:lnTo>
                    <a:lnTo>
                      <a:pt x="1662" y="3308"/>
                    </a:lnTo>
                    <a:lnTo>
                      <a:pt x="1662" y="3304"/>
                    </a:lnTo>
                    <a:lnTo>
                      <a:pt x="1663" y="3298"/>
                    </a:lnTo>
                    <a:lnTo>
                      <a:pt x="1666" y="3292"/>
                    </a:lnTo>
                    <a:lnTo>
                      <a:pt x="1671" y="3284"/>
                    </a:lnTo>
                    <a:lnTo>
                      <a:pt x="1676" y="3279"/>
                    </a:lnTo>
                    <a:lnTo>
                      <a:pt x="1684" y="3273"/>
                    </a:lnTo>
                    <a:lnTo>
                      <a:pt x="1695" y="3265"/>
                    </a:lnTo>
                    <a:lnTo>
                      <a:pt x="1707" y="3257"/>
                    </a:lnTo>
                    <a:lnTo>
                      <a:pt x="1717" y="3251"/>
                    </a:lnTo>
                    <a:lnTo>
                      <a:pt x="1726" y="3244"/>
                    </a:lnTo>
                    <a:lnTo>
                      <a:pt x="1732" y="3240"/>
                    </a:lnTo>
                    <a:lnTo>
                      <a:pt x="1733" y="3238"/>
                    </a:lnTo>
                    <a:lnTo>
                      <a:pt x="1720" y="3219"/>
                    </a:lnTo>
                    <a:lnTo>
                      <a:pt x="1708" y="3204"/>
                    </a:lnTo>
                    <a:lnTo>
                      <a:pt x="1704" y="3204"/>
                    </a:lnTo>
                    <a:lnTo>
                      <a:pt x="1701" y="3205"/>
                    </a:lnTo>
                    <a:lnTo>
                      <a:pt x="1697" y="3207"/>
                    </a:lnTo>
                    <a:lnTo>
                      <a:pt x="1694" y="3209"/>
                    </a:lnTo>
                    <a:lnTo>
                      <a:pt x="1686" y="3216"/>
                    </a:lnTo>
                    <a:lnTo>
                      <a:pt x="1679" y="3223"/>
                    </a:lnTo>
                    <a:lnTo>
                      <a:pt x="1666" y="3240"/>
                    </a:lnTo>
                    <a:lnTo>
                      <a:pt x="1654" y="3253"/>
                    </a:lnTo>
                    <a:lnTo>
                      <a:pt x="1632" y="3269"/>
                    </a:lnTo>
                    <a:lnTo>
                      <a:pt x="1597" y="3292"/>
                    </a:lnTo>
                    <a:lnTo>
                      <a:pt x="1590" y="3298"/>
                    </a:lnTo>
                    <a:lnTo>
                      <a:pt x="1584" y="3304"/>
                    </a:lnTo>
                    <a:lnTo>
                      <a:pt x="1579" y="3310"/>
                    </a:lnTo>
                    <a:lnTo>
                      <a:pt x="1576" y="3315"/>
                    </a:lnTo>
                    <a:lnTo>
                      <a:pt x="1575" y="3317"/>
                    </a:lnTo>
                    <a:lnTo>
                      <a:pt x="1575" y="3319"/>
                    </a:lnTo>
                    <a:lnTo>
                      <a:pt x="1575" y="3322"/>
                    </a:lnTo>
                    <a:lnTo>
                      <a:pt x="1576" y="3323"/>
                    </a:lnTo>
                    <a:lnTo>
                      <a:pt x="1581" y="3326"/>
                    </a:lnTo>
                    <a:lnTo>
                      <a:pt x="1589" y="3328"/>
                    </a:lnTo>
                    <a:lnTo>
                      <a:pt x="1602" y="3328"/>
                    </a:lnTo>
                    <a:lnTo>
                      <a:pt x="1620" y="3330"/>
                    </a:lnTo>
                    <a:lnTo>
                      <a:pt x="1627" y="3331"/>
                    </a:lnTo>
                    <a:lnTo>
                      <a:pt x="1631" y="3333"/>
                    </a:lnTo>
                    <a:lnTo>
                      <a:pt x="1632" y="3335"/>
                    </a:lnTo>
                    <a:lnTo>
                      <a:pt x="1631" y="3337"/>
                    </a:lnTo>
                    <a:lnTo>
                      <a:pt x="1629" y="3340"/>
                    </a:lnTo>
                    <a:lnTo>
                      <a:pt x="1625" y="3344"/>
                    </a:lnTo>
                    <a:lnTo>
                      <a:pt x="1612" y="3353"/>
                    </a:lnTo>
                    <a:lnTo>
                      <a:pt x="1594" y="3367"/>
                    </a:lnTo>
                    <a:lnTo>
                      <a:pt x="1571" y="3381"/>
                    </a:lnTo>
                    <a:lnTo>
                      <a:pt x="1546" y="3397"/>
                    </a:lnTo>
                    <a:lnTo>
                      <a:pt x="1520" y="3411"/>
                    </a:lnTo>
                    <a:lnTo>
                      <a:pt x="1497" y="3423"/>
                    </a:lnTo>
                    <a:lnTo>
                      <a:pt x="1487" y="3427"/>
                    </a:lnTo>
                    <a:lnTo>
                      <a:pt x="1478" y="3429"/>
                    </a:lnTo>
                    <a:lnTo>
                      <a:pt x="1470" y="3431"/>
                    </a:lnTo>
                    <a:lnTo>
                      <a:pt x="1463" y="3431"/>
                    </a:lnTo>
                    <a:lnTo>
                      <a:pt x="1458" y="3428"/>
                    </a:lnTo>
                    <a:lnTo>
                      <a:pt x="1449" y="3424"/>
                    </a:lnTo>
                    <a:lnTo>
                      <a:pt x="1440" y="3418"/>
                    </a:lnTo>
                    <a:lnTo>
                      <a:pt x="1431" y="3411"/>
                    </a:lnTo>
                    <a:lnTo>
                      <a:pt x="1422" y="3403"/>
                    </a:lnTo>
                    <a:lnTo>
                      <a:pt x="1416" y="3396"/>
                    </a:lnTo>
                    <a:lnTo>
                      <a:pt x="1413" y="3392"/>
                    </a:lnTo>
                    <a:lnTo>
                      <a:pt x="1412" y="3388"/>
                    </a:lnTo>
                    <a:lnTo>
                      <a:pt x="1410" y="3384"/>
                    </a:lnTo>
                    <a:lnTo>
                      <a:pt x="1412" y="3381"/>
                    </a:lnTo>
                    <a:lnTo>
                      <a:pt x="1423" y="3370"/>
                    </a:lnTo>
                    <a:lnTo>
                      <a:pt x="1447" y="3353"/>
                    </a:lnTo>
                    <a:lnTo>
                      <a:pt x="1457" y="3345"/>
                    </a:lnTo>
                    <a:lnTo>
                      <a:pt x="1463" y="3339"/>
                    </a:lnTo>
                    <a:lnTo>
                      <a:pt x="1463" y="3336"/>
                    </a:lnTo>
                    <a:lnTo>
                      <a:pt x="1463" y="3335"/>
                    </a:lnTo>
                    <a:lnTo>
                      <a:pt x="1460" y="3333"/>
                    </a:lnTo>
                    <a:lnTo>
                      <a:pt x="1454" y="3335"/>
                    </a:lnTo>
                    <a:lnTo>
                      <a:pt x="1443" y="3336"/>
                    </a:lnTo>
                    <a:lnTo>
                      <a:pt x="1425" y="3341"/>
                    </a:lnTo>
                    <a:lnTo>
                      <a:pt x="1401" y="3345"/>
                    </a:lnTo>
                    <a:lnTo>
                      <a:pt x="1378" y="3349"/>
                    </a:lnTo>
                    <a:lnTo>
                      <a:pt x="1366" y="3350"/>
                    </a:lnTo>
                    <a:lnTo>
                      <a:pt x="1357" y="3352"/>
                    </a:lnTo>
                    <a:lnTo>
                      <a:pt x="1348" y="3350"/>
                    </a:lnTo>
                    <a:lnTo>
                      <a:pt x="1343" y="3349"/>
                    </a:lnTo>
                    <a:lnTo>
                      <a:pt x="1340" y="3348"/>
                    </a:lnTo>
                    <a:lnTo>
                      <a:pt x="1339" y="3345"/>
                    </a:lnTo>
                    <a:lnTo>
                      <a:pt x="1339" y="3344"/>
                    </a:lnTo>
                    <a:lnTo>
                      <a:pt x="1339" y="3341"/>
                    </a:lnTo>
                    <a:lnTo>
                      <a:pt x="1343" y="3335"/>
                    </a:lnTo>
                    <a:lnTo>
                      <a:pt x="1349" y="3326"/>
                    </a:lnTo>
                    <a:lnTo>
                      <a:pt x="1355" y="3322"/>
                    </a:lnTo>
                    <a:lnTo>
                      <a:pt x="1361" y="3319"/>
                    </a:lnTo>
                    <a:lnTo>
                      <a:pt x="1369" y="3318"/>
                    </a:lnTo>
                    <a:lnTo>
                      <a:pt x="1377" y="3315"/>
                    </a:lnTo>
                    <a:lnTo>
                      <a:pt x="1384" y="3314"/>
                    </a:lnTo>
                    <a:lnTo>
                      <a:pt x="1392" y="3311"/>
                    </a:lnTo>
                    <a:lnTo>
                      <a:pt x="1399" y="3309"/>
                    </a:lnTo>
                    <a:lnTo>
                      <a:pt x="1404" y="3305"/>
                    </a:lnTo>
                    <a:lnTo>
                      <a:pt x="1405" y="3304"/>
                    </a:lnTo>
                    <a:lnTo>
                      <a:pt x="1406" y="3301"/>
                    </a:lnTo>
                    <a:lnTo>
                      <a:pt x="1406" y="3298"/>
                    </a:lnTo>
                    <a:lnTo>
                      <a:pt x="1405" y="3296"/>
                    </a:lnTo>
                    <a:lnTo>
                      <a:pt x="1404" y="3291"/>
                    </a:lnTo>
                    <a:lnTo>
                      <a:pt x="1401" y="3286"/>
                    </a:lnTo>
                    <a:lnTo>
                      <a:pt x="1400" y="3280"/>
                    </a:lnTo>
                    <a:lnTo>
                      <a:pt x="1399" y="3275"/>
                    </a:lnTo>
                    <a:lnTo>
                      <a:pt x="1400" y="3273"/>
                    </a:lnTo>
                    <a:lnTo>
                      <a:pt x="1401" y="3270"/>
                    </a:lnTo>
                    <a:lnTo>
                      <a:pt x="1404" y="3269"/>
                    </a:lnTo>
                    <a:lnTo>
                      <a:pt x="1406" y="3266"/>
                    </a:lnTo>
                    <a:lnTo>
                      <a:pt x="1410" y="3266"/>
                    </a:lnTo>
                    <a:lnTo>
                      <a:pt x="1413" y="3266"/>
                    </a:lnTo>
                    <a:lnTo>
                      <a:pt x="1416" y="3266"/>
                    </a:lnTo>
                    <a:lnTo>
                      <a:pt x="1419" y="3267"/>
                    </a:lnTo>
                    <a:lnTo>
                      <a:pt x="1426" y="3273"/>
                    </a:lnTo>
                    <a:lnTo>
                      <a:pt x="1434" y="3278"/>
                    </a:lnTo>
                    <a:lnTo>
                      <a:pt x="1440" y="3283"/>
                    </a:lnTo>
                    <a:lnTo>
                      <a:pt x="1448" y="3287"/>
                    </a:lnTo>
                    <a:lnTo>
                      <a:pt x="1452" y="3288"/>
                    </a:lnTo>
                    <a:lnTo>
                      <a:pt x="1454" y="3289"/>
                    </a:lnTo>
                    <a:lnTo>
                      <a:pt x="1458" y="3289"/>
                    </a:lnTo>
                    <a:lnTo>
                      <a:pt x="1462" y="3288"/>
                    </a:lnTo>
                    <a:lnTo>
                      <a:pt x="1467" y="3286"/>
                    </a:lnTo>
                    <a:lnTo>
                      <a:pt x="1473" y="3283"/>
                    </a:lnTo>
                    <a:lnTo>
                      <a:pt x="1476" y="3280"/>
                    </a:lnTo>
                    <a:lnTo>
                      <a:pt x="1479" y="3278"/>
                    </a:lnTo>
                    <a:lnTo>
                      <a:pt x="1483" y="3270"/>
                    </a:lnTo>
                    <a:lnTo>
                      <a:pt x="1484" y="3262"/>
                    </a:lnTo>
                    <a:lnTo>
                      <a:pt x="1483" y="3245"/>
                    </a:lnTo>
                    <a:lnTo>
                      <a:pt x="1480" y="3226"/>
                    </a:lnTo>
                    <a:lnTo>
                      <a:pt x="1480" y="3222"/>
                    </a:lnTo>
                    <a:lnTo>
                      <a:pt x="1483" y="3216"/>
                    </a:lnTo>
                    <a:lnTo>
                      <a:pt x="1487" y="3208"/>
                    </a:lnTo>
                    <a:lnTo>
                      <a:pt x="1491" y="3199"/>
                    </a:lnTo>
                    <a:lnTo>
                      <a:pt x="1505" y="3177"/>
                    </a:lnTo>
                    <a:lnTo>
                      <a:pt x="1520" y="3151"/>
                    </a:lnTo>
                    <a:lnTo>
                      <a:pt x="1537" y="3125"/>
                    </a:lnTo>
                    <a:lnTo>
                      <a:pt x="1553" y="3100"/>
                    </a:lnTo>
                    <a:lnTo>
                      <a:pt x="1566" y="3078"/>
                    </a:lnTo>
                    <a:lnTo>
                      <a:pt x="1574" y="3061"/>
                    </a:lnTo>
                    <a:lnTo>
                      <a:pt x="1589" y="3052"/>
                    </a:lnTo>
                    <a:lnTo>
                      <a:pt x="1606" y="3043"/>
                    </a:lnTo>
                    <a:lnTo>
                      <a:pt x="1623" y="3033"/>
                    </a:lnTo>
                    <a:lnTo>
                      <a:pt x="1638" y="3021"/>
                    </a:lnTo>
                    <a:lnTo>
                      <a:pt x="1646" y="3015"/>
                    </a:lnTo>
                    <a:lnTo>
                      <a:pt x="1653" y="3008"/>
                    </a:lnTo>
                    <a:lnTo>
                      <a:pt x="1658" y="3002"/>
                    </a:lnTo>
                    <a:lnTo>
                      <a:pt x="1663" y="2994"/>
                    </a:lnTo>
                    <a:lnTo>
                      <a:pt x="1668" y="2986"/>
                    </a:lnTo>
                    <a:lnTo>
                      <a:pt x="1671" y="2979"/>
                    </a:lnTo>
                    <a:lnTo>
                      <a:pt x="1673" y="2971"/>
                    </a:lnTo>
                    <a:lnTo>
                      <a:pt x="1673" y="2962"/>
                    </a:lnTo>
                    <a:lnTo>
                      <a:pt x="1680" y="2971"/>
                    </a:lnTo>
                    <a:lnTo>
                      <a:pt x="1693" y="2994"/>
                    </a:lnTo>
                    <a:lnTo>
                      <a:pt x="1699" y="3007"/>
                    </a:lnTo>
                    <a:lnTo>
                      <a:pt x="1704" y="3019"/>
                    </a:lnTo>
                    <a:lnTo>
                      <a:pt x="1708" y="3029"/>
                    </a:lnTo>
                    <a:lnTo>
                      <a:pt x="1710" y="3036"/>
                    </a:lnTo>
                    <a:lnTo>
                      <a:pt x="1711" y="3054"/>
                    </a:lnTo>
                    <a:lnTo>
                      <a:pt x="1714" y="3067"/>
                    </a:lnTo>
                    <a:lnTo>
                      <a:pt x="1715" y="3072"/>
                    </a:lnTo>
                    <a:lnTo>
                      <a:pt x="1717" y="3074"/>
                    </a:lnTo>
                    <a:lnTo>
                      <a:pt x="1720" y="3076"/>
                    </a:lnTo>
                    <a:lnTo>
                      <a:pt x="1723" y="3077"/>
                    </a:lnTo>
                    <a:lnTo>
                      <a:pt x="1730" y="3076"/>
                    </a:lnTo>
                    <a:lnTo>
                      <a:pt x="1738" y="3072"/>
                    </a:lnTo>
                    <a:lnTo>
                      <a:pt x="1749" y="3065"/>
                    </a:lnTo>
                    <a:lnTo>
                      <a:pt x="1760" y="3059"/>
                    </a:lnTo>
                    <a:lnTo>
                      <a:pt x="1769" y="3054"/>
                    </a:lnTo>
                    <a:lnTo>
                      <a:pt x="1776" y="3052"/>
                    </a:lnTo>
                    <a:lnTo>
                      <a:pt x="1782" y="3052"/>
                    </a:lnTo>
                    <a:lnTo>
                      <a:pt x="1787" y="3052"/>
                    </a:lnTo>
                    <a:lnTo>
                      <a:pt x="1790" y="3052"/>
                    </a:lnTo>
                    <a:lnTo>
                      <a:pt x="1793" y="3051"/>
                    </a:lnTo>
                    <a:lnTo>
                      <a:pt x="1795" y="3050"/>
                    </a:lnTo>
                    <a:lnTo>
                      <a:pt x="1796" y="3047"/>
                    </a:lnTo>
                    <a:lnTo>
                      <a:pt x="1799" y="3038"/>
                    </a:lnTo>
                    <a:lnTo>
                      <a:pt x="1800" y="3024"/>
                    </a:lnTo>
                    <a:lnTo>
                      <a:pt x="1803" y="3016"/>
                    </a:lnTo>
                    <a:lnTo>
                      <a:pt x="1804" y="3010"/>
                    </a:lnTo>
                    <a:lnTo>
                      <a:pt x="1808" y="3006"/>
                    </a:lnTo>
                    <a:lnTo>
                      <a:pt x="1812" y="3002"/>
                    </a:lnTo>
                    <a:lnTo>
                      <a:pt x="1821" y="2997"/>
                    </a:lnTo>
                    <a:lnTo>
                      <a:pt x="1830" y="2995"/>
                    </a:lnTo>
                    <a:lnTo>
                      <a:pt x="1834" y="2994"/>
                    </a:lnTo>
                    <a:lnTo>
                      <a:pt x="1838" y="2993"/>
                    </a:lnTo>
                    <a:lnTo>
                      <a:pt x="1839" y="2990"/>
                    </a:lnTo>
                    <a:lnTo>
                      <a:pt x="1840" y="2988"/>
                    </a:lnTo>
                    <a:lnTo>
                      <a:pt x="1839" y="2984"/>
                    </a:lnTo>
                    <a:lnTo>
                      <a:pt x="1837" y="2979"/>
                    </a:lnTo>
                    <a:lnTo>
                      <a:pt x="1831" y="2972"/>
                    </a:lnTo>
                    <a:lnTo>
                      <a:pt x="1825" y="2963"/>
                    </a:lnTo>
                    <a:lnTo>
                      <a:pt x="1822" y="2958"/>
                    </a:lnTo>
                    <a:lnTo>
                      <a:pt x="1820" y="2954"/>
                    </a:lnTo>
                    <a:lnTo>
                      <a:pt x="1820" y="2949"/>
                    </a:lnTo>
                    <a:lnTo>
                      <a:pt x="1820" y="2944"/>
                    </a:lnTo>
                    <a:lnTo>
                      <a:pt x="1820" y="2940"/>
                    </a:lnTo>
                    <a:lnTo>
                      <a:pt x="1820" y="2934"/>
                    </a:lnTo>
                    <a:lnTo>
                      <a:pt x="1818" y="2929"/>
                    </a:lnTo>
                    <a:lnTo>
                      <a:pt x="1816" y="2924"/>
                    </a:lnTo>
                    <a:lnTo>
                      <a:pt x="1811" y="2915"/>
                    </a:lnTo>
                    <a:lnTo>
                      <a:pt x="1808" y="2907"/>
                    </a:lnTo>
                    <a:lnTo>
                      <a:pt x="1807" y="2899"/>
                    </a:lnTo>
                    <a:lnTo>
                      <a:pt x="1807" y="2893"/>
                    </a:lnTo>
                    <a:lnTo>
                      <a:pt x="1809" y="2887"/>
                    </a:lnTo>
                    <a:lnTo>
                      <a:pt x="1813" y="2881"/>
                    </a:lnTo>
                    <a:lnTo>
                      <a:pt x="1818" y="2876"/>
                    </a:lnTo>
                    <a:lnTo>
                      <a:pt x="1825" y="2872"/>
                    </a:lnTo>
                    <a:lnTo>
                      <a:pt x="1831" y="2868"/>
                    </a:lnTo>
                    <a:lnTo>
                      <a:pt x="1839" y="2865"/>
                    </a:lnTo>
                    <a:lnTo>
                      <a:pt x="1847" y="2862"/>
                    </a:lnTo>
                    <a:lnTo>
                      <a:pt x="1855" y="2861"/>
                    </a:lnTo>
                    <a:lnTo>
                      <a:pt x="1872" y="2858"/>
                    </a:lnTo>
                    <a:lnTo>
                      <a:pt x="1886" y="2857"/>
                    </a:lnTo>
                    <a:lnTo>
                      <a:pt x="1891" y="2857"/>
                    </a:lnTo>
                    <a:lnTo>
                      <a:pt x="1894" y="2855"/>
                    </a:lnTo>
                    <a:lnTo>
                      <a:pt x="1895" y="2853"/>
                    </a:lnTo>
                    <a:lnTo>
                      <a:pt x="1896" y="2850"/>
                    </a:lnTo>
                    <a:lnTo>
                      <a:pt x="1895" y="2845"/>
                    </a:lnTo>
                    <a:lnTo>
                      <a:pt x="1894" y="2837"/>
                    </a:lnTo>
                    <a:lnTo>
                      <a:pt x="1892" y="2830"/>
                    </a:lnTo>
                    <a:lnTo>
                      <a:pt x="1894" y="2823"/>
                    </a:lnTo>
                    <a:lnTo>
                      <a:pt x="1896" y="2820"/>
                    </a:lnTo>
                    <a:lnTo>
                      <a:pt x="1900" y="2818"/>
                    </a:lnTo>
                    <a:lnTo>
                      <a:pt x="1905" y="2817"/>
                    </a:lnTo>
                    <a:lnTo>
                      <a:pt x="1912" y="2815"/>
                    </a:lnTo>
                    <a:lnTo>
                      <a:pt x="1923" y="2815"/>
                    </a:lnTo>
                    <a:lnTo>
                      <a:pt x="1935" y="2817"/>
                    </a:lnTo>
                    <a:lnTo>
                      <a:pt x="1945" y="2818"/>
                    </a:lnTo>
                    <a:lnTo>
                      <a:pt x="1957" y="2820"/>
                    </a:lnTo>
                    <a:lnTo>
                      <a:pt x="1980" y="2824"/>
                    </a:lnTo>
                    <a:lnTo>
                      <a:pt x="2002" y="2827"/>
                    </a:lnTo>
                    <a:lnTo>
                      <a:pt x="1999" y="2819"/>
                    </a:lnTo>
                    <a:lnTo>
                      <a:pt x="1995" y="2813"/>
                    </a:lnTo>
                    <a:lnTo>
                      <a:pt x="1989" y="2808"/>
                    </a:lnTo>
                    <a:lnTo>
                      <a:pt x="1984" y="2802"/>
                    </a:lnTo>
                    <a:lnTo>
                      <a:pt x="1978" y="2800"/>
                    </a:lnTo>
                    <a:lnTo>
                      <a:pt x="1971" y="2797"/>
                    </a:lnTo>
                    <a:lnTo>
                      <a:pt x="1965" y="2796"/>
                    </a:lnTo>
                    <a:lnTo>
                      <a:pt x="1957" y="2795"/>
                    </a:lnTo>
                    <a:lnTo>
                      <a:pt x="1940" y="2795"/>
                    </a:lnTo>
                    <a:lnTo>
                      <a:pt x="1921" y="2797"/>
                    </a:lnTo>
                    <a:lnTo>
                      <a:pt x="1903" y="2802"/>
                    </a:lnTo>
                    <a:lnTo>
                      <a:pt x="1882" y="2809"/>
                    </a:lnTo>
                    <a:lnTo>
                      <a:pt x="1842" y="2824"/>
                    </a:lnTo>
                    <a:lnTo>
                      <a:pt x="1804" y="2840"/>
                    </a:lnTo>
                    <a:lnTo>
                      <a:pt x="1787" y="2846"/>
                    </a:lnTo>
                    <a:lnTo>
                      <a:pt x="1772" y="2852"/>
                    </a:lnTo>
                    <a:lnTo>
                      <a:pt x="1759" y="2855"/>
                    </a:lnTo>
                    <a:lnTo>
                      <a:pt x="1749" y="2857"/>
                    </a:lnTo>
                    <a:lnTo>
                      <a:pt x="1754" y="2844"/>
                    </a:lnTo>
                    <a:lnTo>
                      <a:pt x="1759" y="2832"/>
                    </a:lnTo>
                    <a:lnTo>
                      <a:pt x="1765" y="2824"/>
                    </a:lnTo>
                    <a:lnTo>
                      <a:pt x="1773" y="2818"/>
                    </a:lnTo>
                    <a:lnTo>
                      <a:pt x="1781" y="2814"/>
                    </a:lnTo>
                    <a:lnTo>
                      <a:pt x="1790" y="2810"/>
                    </a:lnTo>
                    <a:lnTo>
                      <a:pt x="1800" y="2808"/>
                    </a:lnTo>
                    <a:lnTo>
                      <a:pt x="1812" y="2804"/>
                    </a:lnTo>
                    <a:lnTo>
                      <a:pt x="1821" y="2801"/>
                    </a:lnTo>
                    <a:lnTo>
                      <a:pt x="1828" y="2797"/>
                    </a:lnTo>
                    <a:lnTo>
                      <a:pt x="1834" y="2793"/>
                    </a:lnTo>
                    <a:lnTo>
                      <a:pt x="1840" y="2788"/>
                    </a:lnTo>
                    <a:lnTo>
                      <a:pt x="1851" y="2776"/>
                    </a:lnTo>
                    <a:lnTo>
                      <a:pt x="1861" y="2765"/>
                    </a:lnTo>
                    <a:lnTo>
                      <a:pt x="1872" y="2753"/>
                    </a:lnTo>
                    <a:lnTo>
                      <a:pt x="1883" y="2741"/>
                    </a:lnTo>
                    <a:lnTo>
                      <a:pt x="1890" y="2736"/>
                    </a:lnTo>
                    <a:lnTo>
                      <a:pt x="1896" y="2732"/>
                    </a:lnTo>
                    <a:lnTo>
                      <a:pt x="1905" y="2728"/>
                    </a:lnTo>
                    <a:lnTo>
                      <a:pt x="1913" y="2726"/>
                    </a:lnTo>
                    <a:lnTo>
                      <a:pt x="1921" y="2723"/>
                    </a:lnTo>
                    <a:lnTo>
                      <a:pt x="1930" y="2718"/>
                    </a:lnTo>
                    <a:lnTo>
                      <a:pt x="1940" y="2712"/>
                    </a:lnTo>
                    <a:lnTo>
                      <a:pt x="1951" y="2705"/>
                    </a:lnTo>
                    <a:lnTo>
                      <a:pt x="1970" y="2692"/>
                    </a:lnTo>
                    <a:lnTo>
                      <a:pt x="1982" y="2687"/>
                    </a:lnTo>
                    <a:lnTo>
                      <a:pt x="1980" y="2709"/>
                    </a:lnTo>
                    <a:lnTo>
                      <a:pt x="1979" y="2734"/>
                    </a:lnTo>
                    <a:lnTo>
                      <a:pt x="1979" y="2738"/>
                    </a:lnTo>
                    <a:lnTo>
                      <a:pt x="1980" y="2743"/>
                    </a:lnTo>
                    <a:lnTo>
                      <a:pt x="1983" y="2745"/>
                    </a:lnTo>
                    <a:lnTo>
                      <a:pt x="1986" y="2748"/>
                    </a:lnTo>
                    <a:lnTo>
                      <a:pt x="1988" y="2749"/>
                    </a:lnTo>
                    <a:lnTo>
                      <a:pt x="1993" y="2748"/>
                    </a:lnTo>
                    <a:lnTo>
                      <a:pt x="1999" y="2747"/>
                    </a:lnTo>
                    <a:lnTo>
                      <a:pt x="2005" y="2743"/>
                    </a:lnTo>
                    <a:lnTo>
                      <a:pt x="2026" y="2734"/>
                    </a:lnTo>
                    <a:lnTo>
                      <a:pt x="2052" y="2722"/>
                    </a:lnTo>
                    <a:lnTo>
                      <a:pt x="2063" y="2716"/>
                    </a:lnTo>
                    <a:lnTo>
                      <a:pt x="2074" y="2708"/>
                    </a:lnTo>
                    <a:lnTo>
                      <a:pt x="2078" y="2703"/>
                    </a:lnTo>
                    <a:lnTo>
                      <a:pt x="2080" y="2699"/>
                    </a:lnTo>
                    <a:lnTo>
                      <a:pt x="2083" y="2694"/>
                    </a:lnTo>
                    <a:lnTo>
                      <a:pt x="2083" y="2688"/>
                    </a:lnTo>
                    <a:lnTo>
                      <a:pt x="2059" y="2692"/>
                    </a:lnTo>
                    <a:lnTo>
                      <a:pt x="2040" y="2696"/>
                    </a:lnTo>
                    <a:lnTo>
                      <a:pt x="2036" y="2696"/>
                    </a:lnTo>
                    <a:lnTo>
                      <a:pt x="2032" y="2695"/>
                    </a:lnTo>
                    <a:lnTo>
                      <a:pt x="2030" y="2692"/>
                    </a:lnTo>
                    <a:lnTo>
                      <a:pt x="2027" y="2688"/>
                    </a:lnTo>
                    <a:lnTo>
                      <a:pt x="2026" y="2683"/>
                    </a:lnTo>
                    <a:lnTo>
                      <a:pt x="2024" y="2677"/>
                    </a:lnTo>
                    <a:lnTo>
                      <a:pt x="2024" y="2668"/>
                    </a:lnTo>
                    <a:lnTo>
                      <a:pt x="2026" y="2656"/>
                    </a:lnTo>
                    <a:lnTo>
                      <a:pt x="2026" y="2647"/>
                    </a:lnTo>
                    <a:lnTo>
                      <a:pt x="2024" y="2640"/>
                    </a:lnTo>
                    <a:lnTo>
                      <a:pt x="2022" y="2635"/>
                    </a:lnTo>
                    <a:lnTo>
                      <a:pt x="2018" y="2631"/>
                    </a:lnTo>
                    <a:lnTo>
                      <a:pt x="2015" y="2630"/>
                    </a:lnTo>
                    <a:lnTo>
                      <a:pt x="2010" y="2629"/>
                    </a:lnTo>
                    <a:lnTo>
                      <a:pt x="2006" y="2629"/>
                    </a:lnTo>
                    <a:lnTo>
                      <a:pt x="2002" y="2630"/>
                    </a:lnTo>
                    <a:lnTo>
                      <a:pt x="1995" y="2630"/>
                    </a:lnTo>
                    <a:lnTo>
                      <a:pt x="1989" y="2630"/>
                    </a:lnTo>
                    <a:lnTo>
                      <a:pt x="1989" y="2627"/>
                    </a:lnTo>
                    <a:lnTo>
                      <a:pt x="1989" y="2624"/>
                    </a:lnTo>
                    <a:lnTo>
                      <a:pt x="1992" y="2618"/>
                    </a:lnTo>
                    <a:lnTo>
                      <a:pt x="1996" y="2611"/>
                    </a:lnTo>
                    <a:lnTo>
                      <a:pt x="2005" y="2599"/>
                    </a:lnTo>
                    <a:lnTo>
                      <a:pt x="2015" y="2589"/>
                    </a:lnTo>
                    <a:lnTo>
                      <a:pt x="2023" y="2577"/>
                    </a:lnTo>
                    <a:lnTo>
                      <a:pt x="2026" y="2573"/>
                    </a:lnTo>
                    <a:lnTo>
                      <a:pt x="2028" y="2573"/>
                    </a:lnTo>
                    <a:lnTo>
                      <a:pt x="2030" y="2577"/>
                    </a:lnTo>
                    <a:lnTo>
                      <a:pt x="2031" y="2582"/>
                    </a:lnTo>
                    <a:lnTo>
                      <a:pt x="2036" y="2589"/>
                    </a:lnTo>
                    <a:lnTo>
                      <a:pt x="2039" y="2591"/>
                    </a:lnTo>
                    <a:lnTo>
                      <a:pt x="2044" y="2592"/>
                    </a:lnTo>
                    <a:lnTo>
                      <a:pt x="2050" y="2594"/>
                    </a:lnTo>
                    <a:lnTo>
                      <a:pt x="2058" y="2594"/>
                    </a:lnTo>
                    <a:lnTo>
                      <a:pt x="2062" y="2592"/>
                    </a:lnTo>
                    <a:lnTo>
                      <a:pt x="2063" y="2590"/>
                    </a:lnTo>
                    <a:lnTo>
                      <a:pt x="2063" y="2587"/>
                    </a:lnTo>
                    <a:lnTo>
                      <a:pt x="2063" y="2582"/>
                    </a:lnTo>
                    <a:lnTo>
                      <a:pt x="2057" y="2570"/>
                    </a:lnTo>
                    <a:lnTo>
                      <a:pt x="2048" y="2556"/>
                    </a:lnTo>
                    <a:lnTo>
                      <a:pt x="2028" y="2530"/>
                    </a:lnTo>
                    <a:lnTo>
                      <a:pt x="2019" y="2515"/>
                    </a:lnTo>
                    <a:lnTo>
                      <a:pt x="2023" y="2504"/>
                    </a:lnTo>
                    <a:lnTo>
                      <a:pt x="2027" y="2495"/>
                    </a:lnTo>
                    <a:lnTo>
                      <a:pt x="2031" y="2490"/>
                    </a:lnTo>
                    <a:lnTo>
                      <a:pt x="2036" y="2486"/>
                    </a:lnTo>
                    <a:lnTo>
                      <a:pt x="2041" y="2484"/>
                    </a:lnTo>
                    <a:lnTo>
                      <a:pt x="2046" y="2484"/>
                    </a:lnTo>
                    <a:lnTo>
                      <a:pt x="2052" y="2484"/>
                    </a:lnTo>
                    <a:lnTo>
                      <a:pt x="2057" y="2486"/>
                    </a:lnTo>
                    <a:lnTo>
                      <a:pt x="2067" y="2490"/>
                    </a:lnTo>
                    <a:lnTo>
                      <a:pt x="2078" y="2494"/>
                    </a:lnTo>
                    <a:lnTo>
                      <a:pt x="2081" y="2495"/>
                    </a:lnTo>
                    <a:lnTo>
                      <a:pt x="2085" y="2495"/>
                    </a:lnTo>
                    <a:lnTo>
                      <a:pt x="2089" y="2494"/>
                    </a:lnTo>
                    <a:lnTo>
                      <a:pt x="2093" y="2490"/>
                    </a:lnTo>
                    <a:lnTo>
                      <a:pt x="2096" y="2485"/>
                    </a:lnTo>
                    <a:lnTo>
                      <a:pt x="2097" y="2480"/>
                    </a:lnTo>
                    <a:lnTo>
                      <a:pt x="2097" y="2475"/>
                    </a:lnTo>
                    <a:lnTo>
                      <a:pt x="2096" y="2469"/>
                    </a:lnTo>
                    <a:lnTo>
                      <a:pt x="2091" y="2458"/>
                    </a:lnTo>
                    <a:lnTo>
                      <a:pt x="2085" y="2447"/>
                    </a:lnTo>
                    <a:lnTo>
                      <a:pt x="2080" y="2437"/>
                    </a:lnTo>
                    <a:lnTo>
                      <a:pt x="2076" y="2428"/>
                    </a:lnTo>
                    <a:lnTo>
                      <a:pt x="2076" y="2424"/>
                    </a:lnTo>
                    <a:lnTo>
                      <a:pt x="2078" y="2420"/>
                    </a:lnTo>
                    <a:lnTo>
                      <a:pt x="2081" y="2416"/>
                    </a:lnTo>
                    <a:lnTo>
                      <a:pt x="2085" y="2414"/>
                    </a:lnTo>
                    <a:lnTo>
                      <a:pt x="2103" y="2399"/>
                    </a:lnTo>
                    <a:lnTo>
                      <a:pt x="2116" y="2387"/>
                    </a:lnTo>
                    <a:lnTo>
                      <a:pt x="2120" y="2388"/>
                    </a:lnTo>
                    <a:lnTo>
                      <a:pt x="2124" y="2389"/>
                    </a:lnTo>
                    <a:lnTo>
                      <a:pt x="2128" y="2392"/>
                    </a:lnTo>
                    <a:lnTo>
                      <a:pt x="2133" y="2396"/>
                    </a:lnTo>
                    <a:lnTo>
                      <a:pt x="2142" y="2405"/>
                    </a:lnTo>
                    <a:lnTo>
                      <a:pt x="2151" y="2414"/>
                    </a:lnTo>
                    <a:lnTo>
                      <a:pt x="2159" y="2423"/>
                    </a:lnTo>
                    <a:lnTo>
                      <a:pt x="2167" y="2431"/>
                    </a:lnTo>
                    <a:lnTo>
                      <a:pt x="2171" y="2433"/>
                    </a:lnTo>
                    <a:lnTo>
                      <a:pt x="2173" y="2434"/>
                    </a:lnTo>
                    <a:lnTo>
                      <a:pt x="2176" y="2434"/>
                    </a:lnTo>
                    <a:lnTo>
                      <a:pt x="2179" y="2434"/>
                    </a:lnTo>
                    <a:lnTo>
                      <a:pt x="2180" y="2432"/>
                    </a:lnTo>
                    <a:lnTo>
                      <a:pt x="2181" y="2428"/>
                    </a:lnTo>
                    <a:lnTo>
                      <a:pt x="2182" y="2424"/>
                    </a:lnTo>
                    <a:lnTo>
                      <a:pt x="2182" y="2419"/>
                    </a:lnTo>
                    <a:lnTo>
                      <a:pt x="2181" y="2410"/>
                    </a:lnTo>
                    <a:lnTo>
                      <a:pt x="2180" y="2398"/>
                    </a:lnTo>
                    <a:lnTo>
                      <a:pt x="2177" y="2388"/>
                    </a:lnTo>
                    <a:lnTo>
                      <a:pt x="2175" y="2377"/>
                    </a:lnTo>
                    <a:lnTo>
                      <a:pt x="2175" y="2368"/>
                    </a:lnTo>
                    <a:lnTo>
                      <a:pt x="2175" y="2361"/>
                    </a:lnTo>
                    <a:lnTo>
                      <a:pt x="2180" y="2350"/>
                    </a:lnTo>
                    <a:lnTo>
                      <a:pt x="2189" y="2336"/>
                    </a:lnTo>
                    <a:lnTo>
                      <a:pt x="2198" y="2323"/>
                    </a:lnTo>
                    <a:lnTo>
                      <a:pt x="2202" y="2315"/>
                    </a:lnTo>
                    <a:lnTo>
                      <a:pt x="2201" y="2313"/>
                    </a:lnTo>
                    <a:lnTo>
                      <a:pt x="2199" y="2310"/>
                    </a:lnTo>
                    <a:lnTo>
                      <a:pt x="2195" y="2307"/>
                    </a:lnTo>
                    <a:lnTo>
                      <a:pt x="2192" y="2305"/>
                    </a:lnTo>
                    <a:lnTo>
                      <a:pt x="2181" y="2302"/>
                    </a:lnTo>
                    <a:lnTo>
                      <a:pt x="2168" y="2300"/>
                    </a:lnTo>
                    <a:lnTo>
                      <a:pt x="2157" y="2298"/>
                    </a:lnTo>
                    <a:lnTo>
                      <a:pt x="2145" y="2297"/>
                    </a:lnTo>
                    <a:lnTo>
                      <a:pt x="2136" y="2295"/>
                    </a:lnTo>
                    <a:lnTo>
                      <a:pt x="2131" y="2292"/>
                    </a:lnTo>
                    <a:lnTo>
                      <a:pt x="2131" y="2291"/>
                    </a:lnTo>
                    <a:lnTo>
                      <a:pt x="2132" y="2288"/>
                    </a:lnTo>
                    <a:lnTo>
                      <a:pt x="2133" y="2284"/>
                    </a:lnTo>
                    <a:lnTo>
                      <a:pt x="2136" y="2282"/>
                    </a:lnTo>
                    <a:lnTo>
                      <a:pt x="2140" y="2275"/>
                    </a:lnTo>
                    <a:lnTo>
                      <a:pt x="2145" y="2273"/>
                    </a:lnTo>
                    <a:lnTo>
                      <a:pt x="2153" y="2271"/>
                    </a:lnTo>
                    <a:lnTo>
                      <a:pt x="2160" y="2273"/>
                    </a:lnTo>
                    <a:lnTo>
                      <a:pt x="2170" y="2275"/>
                    </a:lnTo>
                    <a:lnTo>
                      <a:pt x="2176" y="2278"/>
                    </a:lnTo>
                    <a:lnTo>
                      <a:pt x="2182" y="2280"/>
                    </a:lnTo>
                    <a:lnTo>
                      <a:pt x="2188" y="2282"/>
                    </a:lnTo>
                    <a:lnTo>
                      <a:pt x="2193" y="2283"/>
                    </a:lnTo>
                    <a:lnTo>
                      <a:pt x="2198" y="2283"/>
                    </a:lnTo>
                    <a:lnTo>
                      <a:pt x="2208" y="2280"/>
                    </a:lnTo>
                    <a:lnTo>
                      <a:pt x="2217" y="2278"/>
                    </a:lnTo>
                    <a:lnTo>
                      <a:pt x="2225" y="2275"/>
                    </a:lnTo>
                    <a:lnTo>
                      <a:pt x="2234" y="2271"/>
                    </a:lnTo>
                    <a:lnTo>
                      <a:pt x="2242" y="2270"/>
                    </a:lnTo>
                    <a:lnTo>
                      <a:pt x="2250" y="2271"/>
                    </a:lnTo>
                    <a:lnTo>
                      <a:pt x="2262" y="2275"/>
                    </a:lnTo>
                    <a:lnTo>
                      <a:pt x="2273" y="2282"/>
                    </a:lnTo>
                    <a:lnTo>
                      <a:pt x="2280" y="2284"/>
                    </a:lnTo>
                    <a:lnTo>
                      <a:pt x="2286" y="2284"/>
                    </a:lnTo>
                    <a:lnTo>
                      <a:pt x="2293" y="2284"/>
                    </a:lnTo>
                    <a:lnTo>
                      <a:pt x="2298" y="2282"/>
                    </a:lnTo>
                    <a:lnTo>
                      <a:pt x="2307" y="2274"/>
                    </a:lnTo>
                    <a:lnTo>
                      <a:pt x="2312" y="2267"/>
                    </a:lnTo>
                    <a:lnTo>
                      <a:pt x="2316" y="2263"/>
                    </a:lnTo>
                    <a:lnTo>
                      <a:pt x="2320" y="2261"/>
                    </a:lnTo>
                    <a:lnTo>
                      <a:pt x="2325" y="2260"/>
                    </a:lnTo>
                    <a:lnTo>
                      <a:pt x="2333" y="2258"/>
                    </a:lnTo>
                    <a:lnTo>
                      <a:pt x="2342" y="2256"/>
                    </a:lnTo>
                    <a:lnTo>
                      <a:pt x="2355" y="2248"/>
                    </a:lnTo>
                    <a:lnTo>
                      <a:pt x="2366" y="2240"/>
                    </a:lnTo>
                    <a:lnTo>
                      <a:pt x="2373" y="2235"/>
                    </a:lnTo>
                    <a:lnTo>
                      <a:pt x="2350" y="2234"/>
                    </a:lnTo>
                    <a:lnTo>
                      <a:pt x="2325" y="2234"/>
                    </a:lnTo>
                    <a:lnTo>
                      <a:pt x="2299" y="2231"/>
                    </a:lnTo>
                    <a:lnTo>
                      <a:pt x="2277" y="2228"/>
                    </a:lnTo>
                    <a:lnTo>
                      <a:pt x="2260" y="2226"/>
                    </a:lnTo>
                    <a:lnTo>
                      <a:pt x="2249" y="2223"/>
                    </a:lnTo>
                    <a:lnTo>
                      <a:pt x="2245" y="2222"/>
                    </a:lnTo>
                    <a:lnTo>
                      <a:pt x="2242" y="2221"/>
                    </a:lnTo>
                    <a:lnTo>
                      <a:pt x="2239" y="2218"/>
                    </a:lnTo>
                    <a:lnTo>
                      <a:pt x="2238" y="2217"/>
                    </a:lnTo>
                    <a:lnTo>
                      <a:pt x="2239" y="2212"/>
                    </a:lnTo>
                    <a:lnTo>
                      <a:pt x="2243" y="2205"/>
                    </a:lnTo>
                    <a:lnTo>
                      <a:pt x="2250" y="2196"/>
                    </a:lnTo>
                    <a:lnTo>
                      <a:pt x="2259" y="2184"/>
                    </a:lnTo>
                    <a:lnTo>
                      <a:pt x="2262" y="2182"/>
                    </a:lnTo>
                    <a:lnTo>
                      <a:pt x="2262" y="2178"/>
                    </a:lnTo>
                    <a:lnTo>
                      <a:pt x="2262" y="2175"/>
                    </a:lnTo>
                    <a:lnTo>
                      <a:pt x="2260" y="2171"/>
                    </a:lnTo>
                    <a:lnTo>
                      <a:pt x="2256" y="2165"/>
                    </a:lnTo>
                    <a:lnTo>
                      <a:pt x="2251" y="2159"/>
                    </a:lnTo>
                    <a:lnTo>
                      <a:pt x="2239" y="2146"/>
                    </a:lnTo>
                    <a:lnTo>
                      <a:pt x="2229" y="2138"/>
                    </a:lnTo>
                    <a:lnTo>
                      <a:pt x="2225" y="2133"/>
                    </a:lnTo>
                    <a:lnTo>
                      <a:pt x="2223" y="2129"/>
                    </a:lnTo>
                    <a:lnTo>
                      <a:pt x="2221" y="2125"/>
                    </a:lnTo>
                    <a:lnTo>
                      <a:pt x="2223" y="2124"/>
                    </a:lnTo>
                    <a:lnTo>
                      <a:pt x="2225" y="2122"/>
                    </a:lnTo>
                    <a:lnTo>
                      <a:pt x="2230" y="2121"/>
                    </a:lnTo>
                    <a:lnTo>
                      <a:pt x="2234" y="2121"/>
                    </a:lnTo>
                    <a:lnTo>
                      <a:pt x="2241" y="2121"/>
                    </a:lnTo>
                    <a:lnTo>
                      <a:pt x="2268" y="2124"/>
                    </a:lnTo>
                    <a:lnTo>
                      <a:pt x="2289" y="2125"/>
                    </a:lnTo>
                    <a:lnTo>
                      <a:pt x="2296" y="2124"/>
                    </a:lnTo>
                    <a:lnTo>
                      <a:pt x="2302" y="2122"/>
                    </a:lnTo>
                    <a:lnTo>
                      <a:pt x="2304" y="2121"/>
                    </a:lnTo>
                    <a:lnTo>
                      <a:pt x="2306" y="2120"/>
                    </a:lnTo>
                    <a:lnTo>
                      <a:pt x="2303" y="2114"/>
                    </a:lnTo>
                    <a:lnTo>
                      <a:pt x="2300" y="2103"/>
                    </a:lnTo>
                    <a:lnTo>
                      <a:pt x="2300" y="2096"/>
                    </a:lnTo>
                    <a:lnTo>
                      <a:pt x="2299" y="2092"/>
                    </a:lnTo>
                    <a:lnTo>
                      <a:pt x="2296" y="2090"/>
                    </a:lnTo>
                    <a:lnTo>
                      <a:pt x="2293" y="2087"/>
                    </a:lnTo>
                    <a:lnTo>
                      <a:pt x="2284" y="2086"/>
                    </a:lnTo>
                    <a:lnTo>
                      <a:pt x="2271" y="2079"/>
                    </a:lnTo>
                    <a:lnTo>
                      <a:pt x="2268" y="2077"/>
                    </a:lnTo>
                    <a:lnTo>
                      <a:pt x="2265" y="2073"/>
                    </a:lnTo>
                    <a:lnTo>
                      <a:pt x="2265" y="2070"/>
                    </a:lnTo>
                    <a:lnTo>
                      <a:pt x="2265" y="2069"/>
                    </a:lnTo>
                    <a:lnTo>
                      <a:pt x="2269" y="2064"/>
                    </a:lnTo>
                    <a:lnTo>
                      <a:pt x="2277" y="2061"/>
                    </a:lnTo>
                    <a:lnTo>
                      <a:pt x="2294" y="2056"/>
                    </a:lnTo>
                    <a:lnTo>
                      <a:pt x="2307" y="2054"/>
                    </a:lnTo>
                    <a:lnTo>
                      <a:pt x="2312" y="2052"/>
                    </a:lnTo>
                    <a:lnTo>
                      <a:pt x="2316" y="2050"/>
                    </a:lnTo>
                    <a:lnTo>
                      <a:pt x="2319" y="2048"/>
                    </a:lnTo>
                    <a:lnTo>
                      <a:pt x="2320" y="2045"/>
                    </a:lnTo>
                    <a:lnTo>
                      <a:pt x="2320" y="2042"/>
                    </a:lnTo>
                    <a:lnTo>
                      <a:pt x="2319" y="2039"/>
                    </a:lnTo>
                    <a:lnTo>
                      <a:pt x="2317" y="2035"/>
                    </a:lnTo>
                    <a:lnTo>
                      <a:pt x="2315" y="2032"/>
                    </a:lnTo>
                    <a:lnTo>
                      <a:pt x="2302" y="2017"/>
                    </a:lnTo>
                    <a:lnTo>
                      <a:pt x="2289" y="2002"/>
                    </a:lnTo>
                    <a:lnTo>
                      <a:pt x="2309" y="2002"/>
                    </a:lnTo>
                    <a:lnTo>
                      <a:pt x="2331" y="2000"/>
                    </a:lnTo>
                    <a:lnTo>
                      <a:pt x="2354" y="1999"/>
                    </a:lnTo>
                    <a:lnTo>
                      <a:pt x="2374" y="1998"/>
                    </a:lnTo>
                    <a:lnTo>
                      <a:pt x="2374" y="1998"/>
                    </a:lnTo>
                    <a:lnTo>
                      <a:pt x="2376" y="1998"/>
                    </a:lnTo>
                    <a:lnTo>
                      <a:pt x="2376" y="1994"/>
                    </a:lnTo>
                    <a:lnTo>
                      <a:pt x="2373" y="1991"/>
                    </a:lnTo>
                    <a:lnTo>
                      <a:pt x="2370" y="1988"/>
                    </a:lnTo>
                    <a:lnTo>
                      <a:pt x="2365" y="1984"/>
                    </a:lnTo>
                    <a:lnTo>
                      <a:pt x="2355" y="1976"/>
                    </a:lnTo>
                    <a:lnTo>
                      <a:pt x="2342" y="1967"/>
                    </a:lnTo>
                    <a:lnTo>
                      <a:pt x="2330" y="1956"/>
                    </a:lnTo>
                    <a:lnTo>
                      <a:pt x="2321" y="1945"/>
                    </a:lnTo>
                    <a:lnTo>
                      <a:pt x="2317" y="1940"/>
                    </a:lnTo>
                    <a:lnTo>
                      <a:pt x="2315" y="1933"/>
                    </a:lnTo>
                    <a:lnTo>
                      <a:pt x="2315" y="1928"/>
                    </a:lnTo>
                    <a:lnTo>
                      <a:pt x="2315" y="1921"/>
                    </a:lnTo>
                    <a:lnTo>
                      <a:pt x="2317" y="1919"/>
                    </a:lnTo>
                    <a:lnTo>
                      <a:pt x="2321" y="1919"/>
                    </a:lnTo>
                    <a:lnTo>
                      <a:pt x="2329" y="1919"/>
                    </a:lnTo>
                    <a:lnTo>
                      <a:pt x="2335" y="1919"/>
                    </a:lnTo>
                    <a:lnTo>
                      <a:pt x="2351" y="1921"/>
                    </a:lnTo>
                    <a:lnTo>
                      <a:pt x="2360" y="1921"/>
                    </a:lnTo>
                    <a:lnTo>
                      <a:pt x="2370" y="1920"/>
                    </a:lnTo>
                    <a:lnTo>
                      <a:pt x="2378" y="1918"/>
                    </a:lnTo>
                    <a:lnTo>
                      <a:pt x="2386" y="1912"/>
                    </a:lnTo>
                    <a:lnTo>
                      <a:pt x="2394" y="1907"/>
                    </a:lnTo>
                    <a:lnTo>
                      <a:pt x="2401" y="1903"/>
                    </a:lnTo>
                    <a:lnTo>
                      <a:pt x="2409" y="1898"/>
                    </a:lnTo>
                    <a:lnTo>
                      <a:pt x="2418" y="1896"/>
                    </a:lnTo>
                    <a:lnTo>
                      <a:pt x="2429" y="1894"/>
                    </a:lnTo>
                    <a:lnTo>
                      <a:pt x="2444" y="1897"/>
                    </a:lnTo>
                    <a:lnTo>
                      <a:pt x="2464" y="1899"/>
                    </a:lnTo>
                    <a:lnTo>
                      <a:pt x="2474" y="1901"/>
                    </a:lnTo>
                    <a:lnTo>
                      <a:pt x="2483" y="1902"/>
                    </a:lnTo>
                    <a:lnTo>
                      <a:pt x="2491" y="1901"/>
                    </a:lnTo>
                    <a:lnTo>
                      <a:pt x="2499" y="1898"/>
                    </a:lnTo>
                    <a:lnTo>
                      <a:pt x="2501" y="1896"/>
                    </a:lnTo>
                    <a:lnTo>
                      <a:pt x="2502" y="1894"/>
                    </a:lnTo>
                    <a:lnTo>
                      <a:pt x="2502" y="1892"/>
                    </a:lnTo>
                    <a:lnTo>
                      <a:pt x="2501" y="1888"/>
                    </a:lnTo>
                    <a:lnTo>
                      <a:pt x="2499" y="1883"/>
                    </a:lnTo>
                    <a:lnTo>
                      <a:pt x="2495" y="1875"/>
                    </a:lnTo>
                    <a:lnTo>
                      <a:pt x="2491" y="1868"/>
                    </a:lnTo>
                    <a:lnTo>
                      <a:pt x="2488" y="1862"/>
                    </a:lnTo>
                    <a:lnTo>
                      <a:pt x="2488" y="1859"/>
                    </a:lnTo>
                    <a:lnTo>
                      <a:pt x="2490" y="1857"/>
                    </a:lnTo>
                    <a:lnTo>
                      <a:pt x="2492" y="1854"/>
                    </a:lnTo>
                    <a:lnTo>
                      <a:pt x="2496" y="1852"/>
                    </a:lnTo>
                    <a:lnTo>
                      <a:pt x="2508" y="1848"/>
                    </a:lnTo>
                    <a:lnTo>
                      <a:pt x="2525" y="1842"/>
                    </a:lnTo>
                    <a:lnTo>
                      <a:pt x="2541" y="1839"/>
                    </a:lnTo>
                    <a:lnTo>
                      <a:pt x="2553" y="1836"/>
                    </a:lnTo>
                    <a:lnTo>
                      <a:pt x="2570" y="1845"/>
                    </a:lnTo>
                    <a:lnTo>
                      <a:pt x="2584" y="1855"/>
                    </a:lnTo>
                    <a:lnTo>
                      <a:pt x="2588" y="1854"/>
                    </a:lnTo>
                    <a:lnTo>
                      <a:pt x="2592" y="1853"/>
                    </a:lnTo>
                    <a:lnTo>
                      <a:pt x="2594" y="1850"/>
                    </a:lnTo>
                    <a:lnTo>
                      <a:pt x="2598" y="1848"/>
                    </a:lnTo>
                    <a:lnTo>
                      <a:pt x="2605" y="1841"/>
                    </a:lnTo>
                    <a:lnTo>
                      <a:pt x="2613" y="1836"/>
                    </a:lnTo>
                    <a:lnTo>
                      <a:pt x="2616" y="1835"/>
                    </a:lnTo>
                    <a:lnTo>
                      <a:pt x="2622" y="1833"/>
                    </a:lnTo>
                    <a:lnTo>
                      <a:pt x="2626" y="1833"/>
                    </a:lnTo>
                    <a:lnTo>
                      <a:pt x="2631" y="1835"/>
                    </a:lnTo>
                    <a:lnTo>
                      <a:pt x="2640" y="1837"/>
                    </a:lnTo>
                    <a:lnTo>
                      <a:pt x="2650" y="1840"/>
                    </a:lnTo>
                    <a:lnTo>
                      <a:pt x="2658" y="1842"/>
                    </a:lnTo>
                    <a:lnTo>
                      <a:pt x="2667" y="1844"/>
                    </a:lnTo>
                    <a:lnTo>
                      <a:pt x="2671" y="1844"/>
                    </a:lnTo>
                    <a:lnTo>
                      <a:pt x="2675" y="1842"/>
                    </a:lnTo>
                    <a:lnTo>
                      <a:pt x="2679" y="1840"/>
                    </a:lnTo>
                    <a:lnTo>
                      <a:pt x="2683" y="1837"/>
                    </a:lnTo>
                    <a:lnTo>
                      <a:pt x="2689" y="1828"/>
                    </a:lnTo>
                    <a:lnTo>
                      <a:pt x="2693" y="1822"/>
                    </a:lnTo>
                    <a:lnTo>
                      <a:pt x="2693" y="1818"/>
                    </a:lnTo>
                    <a:lnTo>
                      <a:pt x="2692" y="1815"/>
                    </a:lnTo>
                    <a:lnTo>
                      <a:pt x="2690" y="1813"/>
                    </a:lnTo>
                    <a:lnTo>
                      <a:pt x="2689" y="1811"/>
                    </a:lnTo>
                    <a:lnTo>
                      <a:pt x="2677" y="1804"/>
                    </a:lnTo>
                    <a:lnTo>
                      <a:pt x="2664" y="1795"/>
                    </a:lnTo>
                    <a:lnTo>
                      <a:pt x="2657" y="1787"/>
                    </a:lnTo>
                    <a:lnTo>
                      <a:pt x="2651" y="1778"/>
                    </a:lnTo>
                    <a:lnTo>
                      <a:pt x="2646" y="1767"/>
                    </a:lnTo>
                    <a:lnTo>
                      <a:pt x="2641" y="1758"/>
                    </a:lnTo>
                    <a:lnTo>
                      <a:pt x="2639" y="1754"/>
                    </a:lnTo>
                    <a:lnTo>
                      <a:pt x="2636" y="1752"/>
                    </a:lnTo>
                    <a:lnTo>
                      <a:pt x="2632" y="1749"/>
                    </a:lnTo>
                    <a:lnTo>
                      <a:pt x="2628" y="1748"/>
                    </a:lnTo>
                    <a:lnTo>
                      <a:pt x="2623" y="1748"/>
                    </a:lnTo>
                    <a:lnTo>
                      <a:pt x="2618" y="1748"/>
                    </a:lnTo>
                    <a:lnTo>
                      <a:pt x="2611" y="1750"/>
                    </a:lnTo>
                    <a:lnTo>
                      <a:pt x="2604" y="1756"/>
                    </a:lnTo>
                    <a:lnTo>
                      <a:pt x="2583" y="1770"/>
                    </a:lnTo>
                    <a:lnTo>
                      <a:pt x="2561" y="1783"/>
                    </a:lnTo>
                    <a:lnTo>
                      <a:pt x="2550" y="1787"/>
                    </a:lnTo>
                    <a:lnTo>
                      <a:pt x="2539" y="1791"/>
                    </a:lnTo>
                    <a:lnTo>
                      <a:pt x="2526" y="1792"/>
                    </a:lnTo>
                    <a:lnTo>
                      <a:pt x="2512" y="1791"/>
                    </a:lnTo>
                    <a:lnTo>
                      <a:pt x="2502" y="1791"/>
                    </a:lnTo>
                    <a:lnTo>
                      <a:pt x="2496" y="1791"/>
                    </a:lnTo>
                    <a:lnTo>
                      <a:pt x="2491" y="1789"/>
                    </a:lnTo>
                    <a:lnTo>
                      <a:pt x="2486" y="1788"/>
                    </a:lnTo>
                    <a:lnTo>
                      <a:pt x="2483" y="1785"/>
                    </a:lnTo>
                    <a:lnTo>
                      <a:pt x="2482" y="1783"/>
                    </a:lnTo>
                    <a:lnTo>
                      <a:pt x="2482" y="1780"/>
                    </a:lnTo>
                    <a:lnTo>
                      <a:pt x="2482" y="1776"/>
                    </a:lnTo>
                    <a:lnTo>
                      <a:pt x="2484" y="1769"/>
                    </a:lnTo>
                    <a:lnTo>
                      <a:pt x="2490" y="1761"/>
                    </a:lnTo>
                    <a:lnTo>
                      <a:pt x="2496" y="1753"/>
                    </a:lnTo>
                    <a:lnTo>
                      <a:pt x="2502" y="1745"/>
                    </a:lnTo>
                    <a:lnTo>
                      <a:pt x="2505" y="1741"/>
                    </a:lnTo>
                    <a:lnTo>
                      <a:pt x="2508" y="1739"/>
                    </a:lnTo>
                    <a:lnTo>
                      <a:pt x="2512" y="1738"/>
                    </a:lnTo>
                    <a:lnTo>
                      <a:pt x="2514" y="1736"/>
                    </a:lnTo>
                    <a:lnTo>
                      <a:pt x="2522" y="1735"/>
                    </a:lnTo>
                    <a:lnTo>
                      <a:pt x="2530" y="1736"/>
                    </a:lnTo>
                    <a:lnTo>
                      <a:pt x="2544" y="1740"/>
                    </a:lnTo>
                    <a:lnTo>
                      <a:pt x="2559" y="1741"/>
                    </a:lnTo>
                    <a:lnTo>
                      <a:pt x="2566" y="1740"/>
                    </a:lnTo>
                    <a:lnTo>
                      <a:pt x="2574" y="1739"/>
                    </a:lnTo>
                    <a:lnTo>
                      <a:pt x="2580" y="1738"/>
                    </a:lnTo>
                    <a:lnTo>
                      <a:pt x="2585" y="1735"/>
                    </a:lnTo>
                    <a:lnTo>
                      <a:pt x="2589" y="1731"/>
                    </a:lnTo>
                    <a:lnTo>
                      <a:pt x="2592" y="1726"/>
                    </a:lnTo>
                    <a:lnTo>
                      <a:pt x="2592" y="1723"/>
                    </a:lnTo>
                    <a:lnTo>
                      <a:pt x="2592" y="1719"/>
                    </a:lnTo>
                    <a:lnTo>
                      <a:pt x="2591" y="1715"/>
                    </a:lnTo>
                    <a:lnTo>
                      <a:pt x="2588" y="1712"/>
                    </a:lnTo>
                    <a:lnTo>
                      <a:pt x="2585" y="1710"/>
                    </a:lnTo>
                    <a:lnTo>
                      <a:pt x="2582" y="1708"/>
                    </a:lnTo>
                    <a:lnTo>
                      <a:pt x="2576" y="1706"/>
                    </a:lnTo>
                    <a:lnTo>
                      <a:pt x="2570" y="1706"/>
                    </a:lnTo>
                    <a:lnTo>
                      <a:pt x="2557" y="1704"/>
                    </a:lnTo>
                    <a:lnTo>
                      <a:pt x="2548" y="1700"/>
                    </a:lnTo>
                    <a:lnTo>
                      <a:pt x="2540" y="1695"/>
                    </a:lnTo>
                    <a:lnTo>
                      <a:pt x="2535" y="1691"/>
                    </a:lnTo>
                    <a:lnTo>
                      <a:pt x="2534" y="1688"/>
                    </a:lnTo>
                    <a:lnTo>
                      <a:pt x="2536" y="1686"/>
                    </a:lnTo>
                    <a:lnTo>
                      <a:pt x="2543" y="1682"/>
                    </a:lnTo>
                    <a:lnTo>
                      <a:pt x="2552" y="1675"/>
                    </a:lnTo>
                    <a:lnTo>
                      <a:pt x="2558" y="1669"/>
                    </a:lnTo>
                    <a:lnTo>
                      <a:pt x="2566" y="1660"/>
                    </a:lnTo>
                    <a:lnTo>
                      <a:pt x="2571" y="1656"/>
                    </a:lnTo>
                    <a:lnTo>
                      <a:pt x="2575" y="1652"/>
                    </a:lnTo>
                    <a:lnTo>
                      <a:pt x="2579" y="1651"/>
                    </a:lnTo>
                    <a:lnTo>
                      <a:pt x="2583" y="1651"/>
                    </a:lnTo>
                    <a:lnTo>
                      <a:pt x="2587" y="1652"/>
                    </a:lnTo>
                    <a:lnTo>
                      <a:pt x="2591" y="1655"/>
                    </a:lnTo>
                    <a:lnTo>
                      <a:pt x="2593" y="1657"/>
                    </a:lnTo>
                    <a:lnTo>
                      <a:pt x="2596" y="1661"/>
                    </a:lnTo>
                    <a:lnTo>
                      <a:pt x="2601" y="1669"/>
                    </a:lnTo>
                    <a:lnTo>
                      <a:pt x="2605" y="1674"/>
                    </a:lnTo>
                    <a:lnTo>
                      <a:pt x="2613" y="1679"/>
                    </a:lnTo>
                    <a:lnTo>
                      <a:pt x="2620" y="1682"/>
                    </a:lnTo>
                    <a:lnTo>
                      <a:pt x="2628" y="1683"/>
                    </a:lnTo>
                    <a:lnTo>
                      <a:pt x="2636" y="1684"/>
                    </a:lnTo>
                    <a:lnTo>
                      <a:pt x="2644" y="1687"/>
                    </a:lnTo>
                    <a:lnTo>
                      <a:pt x="2650" y="1690"/>
                    </a:lnTo>
                    <a:lnTo>
                      <a:pt x="2658" y="1695"/>
                    </a:lnTo>
                    <a:lnTo>
                      <a:pt x="2664" y="1704"/>
                    </a:lnTo>
                    <a:lnTo>
                      <a:pt x="2667" y="1712"/>
                    </a:lnTo>
                    <a:lnTo>
                      <a:pt x="2670" y="1723"/>
                    </a:lnTo>
                    <a:lnTo>
                      <a:pt x="2670" y="1730"/>
                    </a:lnTo>
                    <a:lnTo>
                      <a:pt x="2671" y="1734"/>
                    </a:lnTo>
                    <a:lnTo>
                      <a:pt x="2673" y="1738"/>
                    </a:lnTo>
                    <a:lnTo>
                      <a:pt x="2677" y="1740"/>
                    </a:lnTo>
                    <a:lnTo>
                      <a:pt x="2686" y="1743"/>
                    </a:lnTo>
                    <a:lnTo>
                      <a:pt x="2696" y="1744"/>
                    </a:lnTo>
                    <a:lnTo>
                      <a:pt x="2699" y="1743"/>
                    </a:lnTo>
                    <a:lnTo>
                      <a:pt x="2703" y="1740"/>
                    </a:lnTo>
                    <a:lnTo>
                      <a:pt x="2707" y="1736"/>
                    </a:lnTo>
                    <a:lnTo>
                      <a:pt x="2711" y="1732"/>
                    </a:lnTo>
                    <a:lnTo>
                      <a:pt x="2712" y="1726"/>
                    </a:lnTo>
                    <a:lnTo>
                      <a:pt x="2712" y="1719"/>
                    </a:lnTo>
                    <a:lnTo>
                      <a:pt x="2711" y="1714"/>
                    </a:lnTo>
                    <a:lnTo>
                      <a:pt x="2708" y="1710"/>
                    </a:lnTo>
                    <a:lnTo>
                      <a:pt x="2706" y="1705"/>
                    </a:lnTo>
                    <a:lnTo>
                      <a:pt x="2703" y="1701"/>
                    </a:lnTo>
                    <a:lnTo>
                      <a:pt x="2702" y="1696"/>
                    </a:lnTo>
                    <a:lnTo>
                      <a:pt x="2705" y="1691"/>
                    </a:lnTo>
                    <a:lnTo>
                      <a:pt x="2711" y="1682"/>
                    </a:lnTo>
                    <a:lnTo>
                      <a:pt x="2718" y="1674"/>
                    </a:lnTo>
                    <a:lnTo>
                      <a:pt x="2721" y="1670"/>
                    </a:lnTo>
                    <a:lnTo>
                      <a:pt x="2724" y="1665"/>
                    </a:lnTo>
                    <a:lnTo>
                      <a:pt x="2725" y="1660"/>
                    </a:lnTo>
                    <a:lnTo>
                      <a:pt x="2727" y="1653"/>
                    </a:lnTo>
                    <a:lnTo>
                      <a:pt x="2712" y="1655"/>
                    </a:lnTo>
                    <a:lnTo>
                      <a:pt x="2692" y="1658"/>
                    </a:lnTo>
                    <a:lnTo>
                      <a:pt x="2680" y="1658"/>
                    </a:lnTo>
                    <a:lnTo>
                      <a:pt x="2671" y="1658"/>
                    </a:lnTo>
                    <a:lnTo>
                      <a:pt x="2667" y="1657"/>
                    </a:lnTo>
                    <a:lnTo>
                      <a:pt x="2664" y="1655"/>
                    </a:lnTo>
                    <a:lnTo>
                      <a:pt x="2663" y="1652"/>
                    </a:lnTo>
                    <a:lnTo>
                      <a:pt x="2663" y="1648"/>
                    </a:lnTo>
                    <a:lnTo>
                      <a:pt x="2664" y="1644"/>
                    </a:lnTo>
                    <a:lnTo>
                      <a:pt x="2667" y="1640"/>
                    </a:lnTo>
                    <a:lnTo>
                      <a:pt x="2672" y="1636"/>
                    </a:lnTo>
                    <a:lnTo>
                      <a:pt x="2676" y="1633"/>
                    </a:lnTo>
                    <a:lnTo>
                      <a:pt x="2680" y="1629"/>
                    </a:lnTo>
                    <a:lnTo>
                      <a:pt x="2681" y="1625"/>
                    </a:lnTo>
                    <a:lnTo>
                      <a:pt x="2681" y="1624"/>
                    </a:lnTo>
                    <a:lnTo>
                      <a:pt x="2681" y="1622"/>
                    </a:lnTo>
                    <a:lnTo>
                      <a:pt x="2679" y="1621"/>
                    </a:lnTo>
                    <a:lnTo>
                      <a:pt x="2677" y="1620"/>
                    </a:lnTo>
                    <a:lnTo>
                      <a:pt x="2667" y="1616"/>
                    </a:lnTo>
                    <a:lnTo>
                      <a:pt x="2659" y="1611"/>
                    </a:lnTo>
                    <a:lnTo>
                      <a:pt x="2657" y="1608"/>
                    </a:lnTo>
                    <a:lnTo>
                      <a:pt x="2654" y="1605"/>
                    </a:lnTo>
                    <a:lnTo>
                      <a:pt x="2653" y="1601"/>
                    </a:lnTo>
                    <a:lnTo>
                      <a:pt x="2653" y="1599"/>
                    </a:lnTo>
                    <a:lnTo>
                      <a:pt x="2653" y="1596"/>
                    </a:lnTo>
                    <a:lnTo>
                      <a:pt x="2654" y="1594"/>
                    </a:lnTo>
                    <a:lnTo>
                      <a:pt x="2655" y="1591"/>
                    </a:lnTo>
                    <a:lnTo>
                      <a:pt x="2658" y="1590"/>
                    </a:lnTo>
                    <a:lnTo>
                      <a:pt x="2662" y="1587"/>
                    </a:lnTo>
                    <a:lnTo>
                      <a:pt x="2667" y="1587"/>
                    </a:lnTo>
                    <a:lnTo>
                      <a:pt x="2673" y="1587"/>
                    </a:lnTo>
                    <a:lnTo>
                      <a:pt x="2680" y="1587"/>
                    </a:lnTo>
                    <a:lnTo>
                      <a:pt x="2689" y="1589"/>
                    </a:lnTo>
                    <a:lnTo>
                      <a:pt x="2699" y="1591"/>
                    </a:lnTo>
                    <a:lnTo>
                      <a:pt x="2705" y="1591"/>
                    </a:lnTo>
                    <a:lnTo>
                      <a:pt x="2708" y="1591"/>
                    </a:lnTo>
                    <a:lnTo>
                      <a:pt x="2712" y="1589"/>
                    </a:lnTo>
                    <a:lnTo>
                      <a:pt x="2716" y="1586"/>
                    </a:lnTo>
                    <a:lnTo>
                      <a:pt x="2718" y="1582"/>
                    </a:lnTo>
                    <a:lnTo>
                      <a:pt x="2716" y="1577"/>
                    </a:lnTo>
                    <a:lnTo>
                      <a:pt x="2714" y="1573"/>
                    </a:lnTo>
                    <a:lnTo>
                      <a:pt x="2711" y="1569"/>
                    </a:lnTo>
                    <a:lnTo>
                      <a:pt x="2702" y="1563"/>
                    </a:lnTo>
                    <a:lnTo>
                      <a:pt x="2696" y="1556"/>
                    </a:lnTo>
                    <a:lnTo>
                      <a:pt x="2690" y="1551"/>
                    </a:lnTo>
                    <a:lnTo>
                      <a:pt x="2685" y="1546"/>
                    </a:lnTo>
                    <a:lnTo>
                      <a:pt x="2680" y="1543"/>
                    </a:lnTo>
                    <a:lnTo>
                      <a:pt x="2676" y="1541"/>
                    </a:lnTo>
                    <a:lnTo>
                      <a:pt x="2671" y="1539"/>
                    </a:lnTo>
                    <a:lnTo>
                      <a:pt x="2667" y="1539"/>
                    </a:lnTo>
                    <a:lnTo>
                      <a:pt x="2662" y="1539"/>
                    </a:lnTo>
                    <a:lnTo>
                      <a:pt x="2658" y="1541"/>
                    </a:lnTo>
                    <a:lnTo>
                      <a:pt x="2639" y="1550"/>
                    </a:lnTo>
                    <a:lnTo>
                      <a:pt x="2619" y="1561"/>
                    </a:lnTo>
                    <a:lnTo>
                      <a:pt x="2605" y="1568"/>
                    </a:lnTo>
                    <a:lnTo>
                      <a:pt x="2594" y="1570"/>
                    </a:lnTo>
                    <a:lnTo>
                      <a:pt x="2591" y="1572"/>
                    </a:lnTo>
                    <a:lnTo>
                      <a:pt x="2588" y="1572"/>
                    </a:lnTo>
                    <a:lnTo>
                      <a:pt x="2585" y="1570"/>
                    </a:lnTo>
                    <a:lnTo>
                      <a:pt x="2584" y="1569"/>
                    </a:lnTo>
                    <a:lnTo>
                      <a:pt x="2583" y="1565"/>
                    </a:lnTo>
                    <a:lnTo>
                      <a:pt x="2585" y="1560"/>
                    </a:lnTo>
                    <a:lnTo>
                      <a:pt x="2589" y="1554"/>
                    </a:lnTo>
                    <a:lnTo>
                      <a:pt x="2594" y="1546"/>
                    </a:lnTo>
                    <a:lnTo>
                      <a:pt x="2609" y="1529"/>
                    </a:lnTo>
                    <a:lnTo>
                      <a:pt x="2626" y="1512"/>
                    </a:lnTo>
                    <a:lnTo>
                      <a:pt x="2633" y="1504"/>
                    </a:lnTo>
                    <a:lnTo>
                      <a:pt x="2641" y="1499"/>
                    </a:lnTo>
                    <a:lnTo>
                      <a:pt x="2649" y="1494"/>
                    </a:lnTo>
                    <a:lnTo>
                      <a:pt x="2654" y="1491"/>
                    </a:lnTo>
                    <a:lnTo>
                      <a:pt x="2662" y="1490"/>
                    </a:lnTo>
                    <a:lnTo>
                      <a:pt x="2670" y="1490"/>
                    </a:lnTo>
                    <a:lnTo>
                      <a:pt x="2677" y="1491"/>
                    </a:lnTo>
                    <a:lnTo>
                      <a:pt x="2685" y="1493"/>
                    </a:lnTo>
                    <a:lnTo>
                      <a:pt x="2702" y="1498"/>
                    </a:lnTo>
                    <a:lnTo>
                      <a:pt x="2718" y="1502"/>
                    </a:lnTo>
                    <a:lnTo>
                      <a:pt x="2725" y="1502"/>
                    </a:lnTo>
                    <a:lnTo>
                      <a:pt x="2732" y="1502"/>
                    </a:lnTo>
                    <a:lnTo>
                      <a:pt x="2737" y="1499"/>
                    </a:lnTo>
                    <a:lnTo>
                      <a:pt x="2742" y="1497"/>
                    </a:lnTo>
                    <a:lnTo>
                      <a:pt x="2747" y="1490"/>
                    </a:lnTo>
                    <a:lnTo>
                      <a:pt x="2750" y="1482"/>
                    </a:lnTo>
                    <a:lnTo>
                      <a:pt x="2753" y="1472"/>
                    </a:lnTo>
                    <a:lnTo>
                      <a:pt x="2753" y="1459"/>
                    </a:lnTo>
                    <a:lnTo>
                      <a:pt x="2741" y="1456"/>
                    </a:lnTo>
                    <a:lnTo>
                      <a:pt x="2728" y="1451"/>
                    </a:lnTo>
                    <a:lnTo>
                      <a:pt x="2721" y="1449"/>
                    </a:lnTo>
                    <a:lnTo>
                      <a:pt x="2716" y="1446"/>
                    </a:lnTo>
                    <a:lnTo>
                      <a:pt x="2712" y="1442"/>
                    </a:lnTo>
                    <a:lnTo>
                      <a:pt x="2710" y="1437"/>
                    </a:lnTo>
                    <a:lnTo>
                      <a:pt x="2708" y="1434"/>
                    </a:lnTo>
                    <a:lnTo>
                      <a:pt x="2707" y="1432"/>
                    </a:lnTo>
                    <a:lnTo>
                      <a:pt x="2706" y="1430"/>
                    </a:lnTo>
                    <a:lnTo>
                      <a:pt x="2705" y="1430"/>
                    </a:lnTo>
                    <a:lnTo>
                      <a:pt x="2699" y="1430"/>
                    </a:lnTo>
                    <a:lnTo>
                      <a:pt x="2696" y="1432"/>
                    </a:lnTo>
                    <a:lnTo>
                      <a:pt x="2685" y="1438"/>
                    </a:lnTo>
                    <a:lnTo>
                      <a:pt x="2676" y="1441"/>
                    </a:lnTo>
                    <a:lnTo>
                      <a:pt x="2673" y="1440"/>
                    </a:lnTo>
                    <a:lnTo>
                      <a:pt x="2672" y="1438"/>
                    </a:lnTo>
                    <a:lnTo>
                      <a:pt x="2671" y="1437"/>
                    </a:lnTo>
                    <a:lnTo>
                      <a:pt x="2670" y="1434"/>
                    </a:lnTo>
                    <a:lnTo>
                      <a:pt x="2671" y="1429"/>
                    </a:lnTo>
                    <a:lnTo>
                      <a:pt x="2673" y="1423"/>
                    </a:lnTo>
                    <a:lnTo>
                      <a:pt x="2677" y="1416"/>
                    </a:lnTo>
                    <a:lnTo>
                      <a:pt x="2683" y="1411"/>
                    </a:lnTo>
                    <a:lnTo>
                      <a:pt x="2686" y="1408"/>
                    </a:lnTo>
                    <a:lnTo>
                      <a:pt x="2690" y="1407"/>
                    </a:lnTo>
                    <a:lnTo>
                      <a:pt x="2694" y="1406"/>
                    </a:lnTo>
                    <a:lnTo>
                      <a:pt x="2698" y="1406"/>
                    </a:lnTo>
                    <a:lnTo>
                      <a:pt x="2705" y="1405"/>
                    </a:lnTo>
                    <a:lnTo>
                      <a:pt x="2711" y="1403"/>
                    </a:lnTo>
                    <a:lnTo>
                      <a:pt x="2719" y="1402"/>
                    </a:lnTo>
                    <a:lnTo>
                      <a:pt x="2725" y="1398"/>
                    </a:lnTo>
                    <a:lnTo>
                      <a:pt x="2740" y="1392"/>
                    </a:lnTo>
                    <a:lnTo>
                      <a:pt x="2754" y="1385"/>
                    </a:lnTo>
                    <a:lnTo>
                      <a:pt x="2765" y="1380"/>
                    </a:lnTo>
                    <a:lnTo>
                      <a:pt x="2776" y="1377"/>
                    </a:lnTo>
                    <a:lnTo>
                      <a:pt x="2781" y="1377"/>
                    </a:lnTo>
                    <a:lnTo>
                      <a:pt x="2784" y="1379"/>
                    </a:lnTo>
                    <a:lnTo>
                      <a:pt x="2787" y="1381"/>
                    </a:lnTo>
                    <a:lnTo>
                      <a:pt x="2789" y="1385"/>
                    </a:lnTo>
                    <a:lnTo>
                      <a:pt x="2791" y="1397"/>
                    </a:lnTo>
                    <a:lnTo>
                      <a:pt x="2793" y="1410"/>
                    </a:lnTo>
                    <a:lnTo>
                      <a:pt x="2793" y="1423"/>
                    </a:lnTo>
                    <a:lnTo>
                      <a:pt x="2793" y="1436"/>
                    </a:lnTo>
                    <a:lnTo>
                      <a:pt x="2794" y="1447"/>
                    </a:lnTo>
                    <a:lnTo>
                      <a:pt x="2795" y="1459"/>
                    </a:lnTo>
                    <a:lnTo>
                      <a:pt x="2798" y="1464"/>
                    </a:lnTo>
                    <a:lnTo>
                      <a:pt x="2799" y="1469"/>
                    </a:lnTo>
                    <a:lnTo>
                      <a:pt x="2802" y="1473"/>
                    </a:lnTo>
                    <a:lnTo>
                      <a:pt x="2806" y="1477"/>
                    </a:lnTo>
                    <a:lnTo>
                      <a:pt x="2816" y="1489"/>
                    </a:lnTo>
                    <a:lnTo>
                      <a:pt x="2833" y="1508"/>
                    </a:lnTo>
                    <a:lnTo>
                      <a:pt x="2841" y="1516"/>
                    </a:lnTo>
                    <a:lnTo>
                      <a:pt x="2847" y="1519"/>
                    </a:lnTo>
                    <a:lnTo>
                      <a:pt x="2850" y="1519"/>
                    </a:lnTo>
                    <a:lnTo>
                      <a:pt x="2851" y="1517"/>
                    </a:lnTo>
                    <a:lnTo>
                      <a:pt x="2852" y="1513"/>
                    </a:lnTo>
                    <a:lnTo>
                      <a:pt x="2851" y="1507"/>
                    </a:lnTo>
                    <a:lnTo>
                      <a:pt x="2848" y="1498"/>
                    </a:lnTo>
                    <a:lnTo>
                      <a:pt x="2844" y="1487"/>
                    </a:lnTo>
                    <a:lnTo>
                      <a:pt x="2843" y="1484"/>
                    </a:lnTo>
                    <a:lnTo>
                      <a:pt x="2843" y="1478"/>
                    </a:lnTo>
                    <a:lnTo>
                      <a:pt x="2844" y="1475"/>
                    </a:lnTo>
                    <a:lnTo>
                      <a:pt x="2848" y="1469"/>
                    </a:lnTo>
                    <a:lnTo>
                      <a:pt x="2854" y="1464"/>
                    </a:lnTo>
                    <a:lnTo>
                      <a:pt x="2857" y="1459"/>
                    </a:lnTo>
                    <a:lnTo>
                      <a:pt x="2860" y="1454"/>
                    </a:lnTo>
                    <a:lnTo>
                      <a:pt x="2860" y="1450"/>
                    </a:lnTo>
                    <a:lnTo>
                      <a:pt x="2860" y="1447"/>
                    </a:lnTo>
                    <a:lnTo>
                      <a:pt x="2859" y="1445"/>
                    </a:lnTo>
                    <a:lnTo>
                      <a:pt x="2856" y="1442"/>
                    </a:lnTo>
                    <a:lnTo>
                      <a:pt x="2854" y="1440"/>
                    </a:lnTo>
                    <a:lnTo>
                      <a:pt x="2848" y="1436"/>
                    </a:lnTo>
                    <a:lnTo>
                      <a:pt x="2843" y="1430"/>
                    </a:lnTo>
                    <a:lnTo>
                      <a:pt x="2841" y="1429"/>
                    </a:lnTo>
                    <a:lnTo>
                      <a:pt x="2839" y="1427"/>
                    </a:lnTo>
                    <a:lnTo>
                      <a:pt x="2839" y="1423"/>
                    </a:lnTo>
                    <a:lnTo>
                      <a:pt x="2839" y="1420"/>
                    </a:lnTo>
                    <a:lnTo>
                      <a:pt x="2847" y="1396"/>
                    </a:lnTo>
                    <a:lnTo>
                      <a:pt x="2855" y="1368"/>
                    </a:lnTo>
                    <a:lnTo>
                      <a:pt x="2860" y="1355"/>
                    </a:lnTo>
                    <a:lnTo>
                      <a:pt x="2867" y="1344"/>
                    </a:lnTo>
                    <a:lnTo>
                      <a:pt x="2870" y="1340"/>
                    </a:lnTo>
                    <a:lnTo>
                      <a:pt x="2876" y="1335"/>
                    </a:lnTo>
                    <a:lnTo>
                      <a:pt x="2881" y="1331"/>
                    </a:lnTo>
                    <a:lnTo>
                      <a:pt x="2886" y="1328"/>
                    </a:lnTo>
                    <a:lnTo>
                      <a:pt x="2894" y="1326"/>
                    </a:lnTo>
                    <a:lnTo>
                      <a:pt x="2900" y="1326"/>
                    </a:lnTo>
                    <a:lnTo>
                      <a:pt x="2907" y="1327"/>
                    </a:lnTo>
                    <a:lnTo>
                      <a:pt x="2912" y="1329"/>
                    </a:lnTo>
                    <a:lnTo>
                      <a:pt x="2921" y="1335"/>
                    </a:lnTo>
                    <a:lnTo>
                      <a:pt x="2933" y="1340"/>
                    </a:lnTo>
                    <a:lnTo>
                      <a:pt x="2940" y="1341"/>
                    </a:lnTo>
                    <a:lnTo>
                      <a:pt x="2948" y="1340"/>
                    </a:lnTo>
                    <a:lnTo>
                      <a:pt x="2957" y="1337"/>
                    </a:lnTo>
                    <a:lnTo>
                      <a:pt x="2965" y="1335"/>
                    </a:lnTo>
                    <a:lnTo>
                      <a:pt x="2971" y="1332"/>
                    </a:lnTo>
                    <a:lnTo>
                      <a:pt x="2979" y="1332"/>
                    </a:lnTo>
                    <a:lnTo>
                      <a:pt x="2982" y="1332"/>
                    </a:lnTo>
                    <a:lnTo>
                      <a:pt x="2984" y="1333"/>
                    </a:lnTo>
                    <a:lnTo>
                      <a:pt x="2988" y="1336"/>
                    </a:lnTo>
                    <a:lnTo>
                      <a:pt x="2990" y="1340"/>
                    </a:lnTo>
                    <a:lnTo>
                      <a:pt x="2999" y="1350"/>
                    </a:lnTo>
                    <a:lnTo>
                      <a:pt x="3012" y="1364"/>
                    </a:lnTo>
                    <a:lnTo>
                      <a:pt x="3016" y="1367"/>
                    </a:lnTo>
                    <a:lnTo>
                      <a:pt x="3019" y="1368"/>
                    </a:lnTo>
                    <a:lnTo>
                      <a:pt x="3023" y="1370"/>
                    </a:lnTo>
                    <a:lnTo>
                      <a:pt x="3026" y="1371"/>
                    </a:lnTo>
                    <a:lnTo>
                      <a:pt x="3028" y="1370"/>
                    </a:lnTo>
                    <a:lnTo>
                      <a:pt x="3031" y="1368"/>
                    </a:lnTo>
                    <a:lnTo>
                      <a:pt x="3034" y="1364"/>
                    </a:lnTo>
                    <a:lnTo>
                      <a:pt x="3035" y="1359"/>
                    </a:lnTo>
                    <a:lnTo>
                      <a:pt x="3036" y="1351"/>
                    </a:lnTo>
                    <a:lnTo>
                      <a:pt x="3035" y="1345"/>
                    </a:lnTo>
                    <a:lnTo>
                      <a:pt x="3034" y="1339"/>
                    </a:lnTo>
                    <a:lnTo>
                      <a:pt x="3031" y="1333"/>
                    </a:lnTo>
                    <a:lnTo>
                      <a:pt x="3027" y="1324"/>
                    </a:lnTo>
                    <a:lnTo>
                      <a:pt x="3027" y="1319"/>
                    </a:lnTo>
                    <a:lnTo>
                      <a:pt x="3039" y="1311"/>
                    </a:lnTo>
                    <a:lnTo>
                      <a:pt x="3049" y="1306"/>
                    </a:lnTo>
                    <a:lnTo>
                      <a:pt x="3053" y="1304"/>
                    </a:lnTo>
                    <a:lnTo>
                      <a:pt x="3057" y="1298"/>
                    </a:lnTo>
                    <a:lnTo>
                      <a:pt x="3057" y="1292"/>
                    </a:lnTo>
                    <a:lnTo>
                      <a:pt x="3057" y="1284"/>
                    </a:lnTo>
                    <a:lnTo>
                      <a:pt x="3056" y="1274"/>
                    </a:lnTo>
                    <a:lnTo>
                      <a:pt x="3057" y="1267"/>
                    </a:lnTo>
                    <a:lnTo>
                      <a:pt x="3060" y="1261"/>
                    </a:lnTo>
                    <a:lnTo>
                      <a:pt x="3063" y="1257"/>
                    </a:lnTo>
                    <a:lnTo>
                      <a:pt x="3067" y="1252"/>
                    </a:lnTo>
                    <a:lnTo>
                      <a:pt x="3071" y="1247"/>
                    </a:lnTo>
                    <a:lnTo>
                      <a:pt x="3074" y="1241"/>
                    </a:lnTo>
                    <a:lnTo>
                      <a:pt x="3075" y="1234"/>
                    </a:lnTo>
                    <a:lnTo>
                      <a:pt x="3070" y="1235"/>
                    </a:lnTo>
                    <a:lnTo>
                      <a:pt x="3063" y="1237"/>
                    </a:lnTo>
                    <a:lnTo>
                      <a:pt x="3058" y="1243"/>
                    </a:lnTo>
                    <a:lnTo>
                      <a:pt x="3050" y="1248"/>
                    </a:lnTo>
                    <a:lnTo>
                      <a:pt x="3044" y="1254"/>
                    </a:lnTo>
                    <a:lnTo>
                      <a:pt x="3036" y="1259"/>
                    </a:lnTo>
                    <a:lnTo>
                      <a:pt x="3028" y="1263"/>
                    </a:lnTo>
                    <a:lnTo>
                      <a:pt x="3019" y="1266"/>
                    </a:lnTo>
                    <a:lnTo>
                      <a:pt x="3004" y="1266"/>
                    </a:lnTo>
                    <a:lnTo>
                      <a:pt x="2990" y="1266"/>
                    </a:lnTo>
                    <a:lnTo>
                      <a:pt x="2977" y="1262"/>
                    </a:lnTo>
                    <a:lnTo>
                      <a:pt x="2964" y="1258"/>
                    </a:lnTo>
                    <a:lnTo>
                      <a:pt x="2949" y="1261"/>
                    </a:lnTo>
                    <a:lnTo>
                      <a:pt x="2920" y="1267"/>
                    </a:lnTo>
                    <a:lnTo>
                      <a:pt x="2887" y="1274"/>
                    </a:lnTo>
                    <a:lnTo>
                      <a:pt x="2868" y="1278"/>
                    </a:lnTo>
                    <a:lnTo>
                      <a:pt x="2864" y="1276"/>
                    </a:lnTo>
                    <a:lnTo>
                      <a:pt x="2861" y="1275"/>
                    </a:lnTo>
                    <a:lnTo>
                      <a:pt x="2860" y="1274"/>
                    </a:lnTo>
                    <a:lnTo>
                      <a:pt x="2860" y="1272"/>
                    </a:lnTo>
                    <a:lnTo>
                      <a:pt x="2861" y="1269"/>
                    </a:lnTo>
                    <a:lnTo>
                      <a:pt x="2867" y="1263"/>
                    </a:lnTo>
                    <a:lnTo>
                      <a:pt x="2883" y="1250"/>
                    </a:lnTo>
                    <a:lnTo>
                      <a:pt x="2908" y="1235"/>
                    </a:lnTo>
                    <a:lnTo>
                      <a:pt x="2934" y="1221"/>
                    </a:lnTo>
                    <a:lnTo>
                      <a:pt x="2961" y="1206"/>
                    </a:lnTo>
                    <a:lnTo>
                      <a:pt x="2983" y="1196"/>
                    </a:lnTo>
                    <a:lnTo>
                      <a:pt x="2996" y="1192"/>
                    </a:lnTo>
                    <a:lnTo>
                      <a:pt x="3017" y="1186"/>
                    </a:lnTo>
                    <a:lnTo>
                      <a:pt x="3040" y="1175"/>
                    </a:lnTo>
                    <a:lnTo>
                      <a:pt x="3052" y="1169"/>
                    </a:lnTo>
                    <a:lnTo>
                      <a:pt x="3062" y="1162"/>
                    </a:lnTo>
                    <a:lnTo>
                      <a:pt x="3071" y="1155"/>
                    </a:lnTo>
                    <a:lnTo>
                      <a:pt x="3078" y="1147"/>
                    </a:lnTo>
                    <a:lnTo>
                      <a:pt x="3080" y="1140"/>
                    </a:lnTo>
                    <a:lnTo>
                      <a:pt x="3083" y="1134"/>
                    </a:lnTo>
                    <a:lnTo>
                      <a:pt x="3083" y="1127"/>
                    </a:lnTo>
                    <a:lnTo>
                      <a:pt x="3083" y="1122"/>
                    </a:lnTo>
                    <a:lnTo>
                      <a:pt x="3082" y="1109"/>
                    </a:lnTo>
                    <a:lnTo>
                      <a:pt x="3076" y="1098"/>
                    </a:lnTo>
                    <a:lnTo>
                      <a:pt x="3071" y="1086"/>
                    </a:lnTo>
                    <a:lnTo>
                      <a:pt x="3067" y="1074"/>
                    </a:lnTo>
                    <a:lnTo>
                      <a:pt x="3066" y="1068"/>
                    </a:lnTo>
                    <a:lnTo>
                      <a:pt x="3065" y="1063"/>
                    </a:lnTo>
                    <a:lnTo>
                      <a:pt x="3065" y="1056"/>
                    </a:lnTo>
                    <a:lnTo>
                      <a:pt x="3066" y="1050"/>
                    </a:lnTo>
                    <a:lnTo>
                      <a:pt x="3067" y="1026"/>
                    </a:lnTo>
                    <a:lnTo>
                      <a:pt x="3069" y="1000"/>
                    </a:lnTo>
                    <a:lnTo>
                      <a:pt x="3069" y="994"/>
                    </a:lnTo>
                    <a:lnTo>
                      <a:pt x="3070" y="989"/>
                    </a:lnTo>
                    <a:lnTo>
                      <a:pt x="3073" y="984"/>
                    </a:lnTo>
                    <a:lnTo>
                      <a:pt x="3075" y="978"/>
                    </a:lnTo>
                    <a:lnTo>
                      <a:pt x="3078" y="975"/>
                    </a:lnTo>
                    <a:lnTo>
                      <a:pt x="3083" y="972"/>
                    </a:lnTo>
                    <a:lnTo>
                      <a:pt x="3088" y="969"/>
                    </a:lnTo>
                    <a:lnTo>
                      <a:pt x="3095" y="968"/>
                    </a:lnTo>
                    <a:lnTo>
                      <a:pt x="3115" y="968"/>
                    </a:lnTo>
                    <a:lnTo>
                      <a:pt x="3139" y="969"/>
                    </a:lnTo>
                    <a:lnTo>
                      <a:pt x="3150" y="971"/>
                    </a:lnTo>
                    <a:lnTo>
                      <a:pt x="3162" y="971"/>
                    </a:lnTo>
                    <a:lnTo>
                      <a:pt x="3171" y="971"/>
                    </a:lnTo>
                    <a:lnTo>
                      <a:pt x="3180" y="969"/>
                    </a:lnTo>
                    <a:lnTo>
                      <a:pt x="3185" y="967"/>
                    </a:lnTo>
                    <a:lnTo>
                      <a:pt x="3188" y="964"/>
                    </a:lnTo>
                    <a:lnTo>
                      <a:pt x="3189" y="960"/>
                    </a:lnTo>
                    <a:lnTo>
                      <a:pt x="3190" y="956"/>
                    </a:lnTo>
                    <a:lnTo>
                      <a:pt x="3188" y="947"/>
                    </a:lnTo>
                    <a:lnTo>
                      <a:pt x="3183" y="937"/>
                    </a:lnTo>
                    <a:lnTo>
                      <a:pt x="3168" y="916"/>
                    </a:lnTo>
                    <a:lnTo>
                      <a:pt x="3159" y="901"/>
                    </a:lnTo>
                    <a:lnTo>
                      <a:pt x="3161" y="895"/>
                    </a:lnTo>
                    <a:lnTo>
                      <a:pt x="3162" y="889"/>
                    </a:lnTo>
                    <a:lnTo>
                      <a:pt x="3164" y="881"/>
                    </a:lnTo>
                    <a:lnTo>
                      <a:pt x="3168" y="872"/>
                    </a:lnTo>
                    <a:lnTo>
                      <a:pt x="3172" y="863"/>
                    </a:lnTo>
                    <a:lnTo>
                      <a:pt x="3176" y="854"/>
                    </a:lnTo>
                    <a:lnTo>
                      <a:pt x="3179" y="845"/>
                    </a:lnTo>
                    <a:lnTo>
                      <a:pt x="3180" y="836"/>
                    </a:lnTo>
                    <a:lnTo>
                      <a:pt x="3180" y="826"/>
                    </a:lnTo>
                    <a:lnTo>
                      <a:pt x="3181" y="819"/>
                    </a:lnTo>
                    <a:lnTo>
                      <a:pt x="3183" y="816"/>
                    </a:lnTo>
                    <a:lnTo>
                      <a:pt x="3184" y="815"/>
                    </a:lnTo>
                    <a:lnTo>
                      <a:pt x="3187" y="815"/>
                    </a:lnTo>
                    <a:lnTo>
                      <a:pt x="3188" y="815"/>
                    </a:lnTo>
                    <a:lnTo>
                      <a:pt x="3192" y="816"/>
                    </a:lnTo>
                    <a:lnTo>
                      <a:pt x="3197" y="820"/>
                    </a:lnTo>
                    <a:lnTo>
                      <a:pt x="3202" y="827"/>
                    </a:lnTo>
                    <a:lnTo>
                      <a:pt x="3207" y="833"/>
                    </a:lnTo>
                    <a:lnTo>
                      <a:pt x="3219" y="849"/>
                    </a:lnTo>
                    <a:lnTo>
                      <a:pt x="3231" y="866"/>
                    </a:lnTo>
                    <a:lnTo>
                      <a:pt x="3241" y="880"/>
                    </a:lnTo>
                    <a:lnTo>
                      <a:pt x="3249" y="888"/>
                    </a:lnTo>
                    <a:lnTo>
                      <a:pt x="3255" y="888"/>
                    </a:lnTo>
                    <a:lnTo>
                      <a:pt x="3266" y="888"/>
                    </a:lnTo>
                    <a:lnTo>
                      <a:pt x="3280" y="886"/>
                    </a:lnTo>
                    <a:lnTo>
                      <a:pt x="3294" y="884"/>
                    </a:lnTo>
                    <a:lnTo>
                      <a:pt x="3306" y="881"/>
                    </a:lnTo>
                    <a:lnTo>
                      <a:pt x="3315" y="877"/>
                    </a:lnTo>
                    <a:lnTo>
                      <a:pt x="3317" y="875"/>
                    </a:lnTo>
                    <a:lnTo>
                      <a:pt x="3319" y="872"/>
                    </a:lnTo>
                    <a:lnTo>
                      <a:pt x="3317" y="870"/>
                    </a:lnTo>
                    <a:lnTo>
                      <a:pt x="3313" y="866"/>
                    </a:lnTo>
                    <a:lnTo>
                      <a:pt x="3295" y="854"/>
                    </a:lnTo>
                    <a:lnTo>
                      <a:pt x="3276" y="841"/>
                    </a:lnTo>
                    <a:lnTo>
                      <a:pt x="3268" y="833"/>
                    </a:lnTo>
                    <a:lnTo>
                      <a:pt x="3262" y="824"/>
                    </a:lnTo>
                    <a:lnTo>
                      <a:pt x="3259" y="820"/>
                    </a:lnTo>
                    <a:lnTo>
                      <a:pt x="3256" y="815"/>
                    </a:lnTo>
                    <a:lnTo>
                      <a:pt x="3255" y="809"/>
                    </a:lnTo>
                    <a:lnTo>
                      <a:pt x="3255" y="804"/>
                    </a:lnTo>
                    <a:lnTo>
                      <a:pt x="3255" y="794"/>
                    </a:lnTo>
                    <a:lnTo>
                      <a:pt x="3258" y="788"/>
                    </a:lnTo>
                    <a:lnTo>
                      <a:pt x="3260" y="784"/>
                    </a:lnTo>
                    <a:lnTo>
                      <a:pt x="3263" y="783"/>
                    </a:lnTo>
                    <a:lnTo>
                      <a:pt x="3267" y="783"/>
                    </a:lnTo>
                    <a:lnTo>
                      <a:pt x="3272" y="783"/>
                    </a:lnTo>
                    <a:lnTo>
                      <a:pt x="3277" y="785"/>
                    </a:lnTo>
                    <a:lnTo>
                      <a:pt x="3282" y="789"/>
                    </a:lnTo>
                    <a:lnTo>
                      <a:pt x="3303" y="807"/>
                    </a:lnTo>
                    <a:lnTo>
                      <a:pt x="3317" y="823"/>
                    </a:lnTo>
                    <a:lnTo>
                      <a:pt x="3329" y="841"/>
                    </a:lnTo>
                    <a:lnTo>
                      <a:pt x="3338" y="859"/>
                    </a:lnTo>
                    <a:lnTo>
                      <a:pt x="3350" y="868"/>
                    </a:lnTo>
                    <a:lnTo>
                      <a:pt x="3363" y="876"/>
                    </a:lnTo>
                    <a:lnTo>
                      <a:pt x="3368" y="880"/>
                    </a:lnTo>
                    <a:lnTo>
                      <a:pt x="3373" y="885"/>
                    </a:lnTo>
                    <a:lnTo>
                      <a:pt x="3376" y="893"/>
                    </a:lnTo>
                    <a:lnTo>
                      <a:pt x="3377" y="901"/>
                    </a:lnTo>
                    <a:lnTo>
                      <a:pt x="3377" y="916"/>
                    </a:lnTo>
                    <a:lnTo>
                      <a:pt x="3380" y="928"/>
                    </a:lnTo>
                    <a:lnTo>
                      <a:pt x="3385" y="940"/>
                    </a:lnTo>
                    <a:lnTo>
                      <a:pt x="3391" y="952"/>
                    </a:lnTo>
                    <a:lnTo>
                      <a:pt x="3395" y="956"/>
                    </a:lnTo>
                    <a:lnTo>
                      <a:pt x="3398" y="960"/>
                    </a:lnTo>
                    <a:lnTo>
                      <a:pt x="3402" y="964"/>
                    </a:lnTo>
                    <a:lnTo>
                      <a:pt x="3405" y="965"/>
                    </a:lnTo>
                    <a:lnTo>
                      <a:pt x="3409" y="967"/>
                    </a:lnTo>
                    <a:lnTo>
                      <a:pt x="3415" y="967"/>
                    </a:lnTo>
                    <a:lnTo>
                      <a:pt x="3420" y="967"/>
                    </a:lnTo>
                    <a:lnTo>
                      <a:pt x="3425" y="964"/>
                    </a:lnTo>
                    <a:lnTo>
                      <a:pt x="3426" y="963"/>
                    </a:lnTo>
                    <a:lnTo>
                      <a:pt x="3427" y="962"/>
                    </a:lnTo>
                    <a:lnTo>
                      <a:pt x="3426" y="959"/>
                    </a:lnTo>
                    <a:lnTo>
                      <a:pt x="3425" y="958"/>
                    </a:lnTo>
                    <a:lnTo>
                      <a:pt x="3421" y="952"/>
                    </a:lnTo>
                    <a:lnTo>
                      <a:pt x="3418" y="950"/>
                    </a:lnTo>
                    <a:lnTo>
                      <a:pt x="3413" y="938"/>
                    </a:lnTo>
                    <a:lnTo>
                      <a:pt x="3411" y="928"/>
                    </a:lnTo>
                    <a:lnTo>
                      <a:pt x="3409" y="918"/>
                    </a:lnTo>
                    <a:lnTo>
                      <a:pt x="3408" y="907"/>
                    </a:lnTo>
                    <a:lnTo>
                      <a:pt x="3407" y="897"/>
                    </a:lnTo>
                    <a:lnTo>
                      <a:pt x="3403" y="888"/>
                    </a:lnTo>
                    <a:lnTo>
                      <a:pt x="3399" y="883"/>
                    </a:lnTo>
                    <a:lnTo>
                      <a:pt x="3395" y="879"/>
                    </a:lnTo>
                    <a:lnTo>
                      <a:pt x="3390" y="873"/>
                    </a:lnTo>
                    <a:lnTo>
                      <a:pt x="3385" y="870"/>
                    </a:lnTo>
                    <a:lnTo>
                      <a:pt x="3377" y="864"/>
                    </a:lnTo>
                    <a:lnTo>
                      <a:pt x="3370" y="858"/>
                    </a:lnTo>
                    <a:lnTo>
                      <a:pt x="3365" y="853"/>
                    </a:lnTo>
                    <a:lnTo>
                      <a:pt x="3361" y="846"/>
                    </a:lnTo>
                    <a:lnTo>
                      <a:pt x="3359" y="838"/>
                    </a:lnTo>
                    <a:lnTo>
                      <a:pt x="3358" y="831"/>
                    </a:lnTo>
                    <a:lnTo>
                      <a:pt x="3356" y="822"/>
                    </a:lnTo>
                    <a:lnTo>
                      <a:pt x="3356" y="813"/>
                    </a:lnTo>
                    <a:lnTo>
                      <a:pt x="3356" y="801"/>
                    </a:lnTo>
                    <a:lnTo>
                      <a:pt x="3358" y="791"/>
                    </a:lnTo>
                    <a:lnTo>
                      <a:pt x="3358" y="787"/>
                    </a:lnTo>
                    <a:lnTo>
                      <a:pt x="3360" y="781"/>
                    </a:lnTo>
                    <a:lnTo>
                      <a:pt x="3363" y="778"/>
                    </a:lnTo>
                    <a:lnTo>
                      <a:pt x="3367" y="772"/>
                    </a:lnTo>
                    <a:lnTo>
                      <a:pt x="3370" y="765"/>
                    </a:lnTo>
                    <a:lnTo>
                      <a:pt x="3373" y="757"/>
                    </a:lnTo>
                    <a:lnTo>
                      <a:pt x="3374" y="748"/>
                    </a:lnTo>
                    <a:lnTo>
                      <a:pt x="3374" y="740"/>
                    </a:lnTo>
                    <a:lnTo>
                      <a:pt x="3374" y="732"/>
                    </a:lnTo>
                    <a:lnTo>
                      <a:pt x="3376" y="723"/>
                    </a:lnTo>
                    <a:lnTo>
                      <a:pt x="3380" y="715"/>
                    </a:lnTo>
                    <a:lnTo>
                      <a:pt x="3386" y="708"/>
                    </a:lnTo>
                    <a:lnTo>
                      <a:pt x="3396" y="697"/>
                    </a:lnTo>
                    <a:lnTo>
                      <a:pt x="3412" y="683"/>
                    </a:lnTo>
                    <a:lnTo>
                      <a:pt x="3420" y="677"/>
                    </a:lnTo>
                    <a:lnTo>
                      <a:pt x="3427" y="671"/>
                    </a:lnTo>
                    <a:lnTo>
                      <a:pt x="3434" y="666"/>
                    </a:lnTo>
                    <a:lnTo>
                      <a:pt x="3439" y="665"/>
                    </a:lnTo>
                    <a:lnTo>
                      <a:pt x="3438" y="688"/>
                    </a:lnTo>
                    <a:lnTo>
                      <a:pt x="3437" y="709"/>
                    </a:lnTo>
                    <a:lnTo>
                      <a:pt x="3433" y="731"/>
                    </a:lnTo>
                    <a:lnTo>
                      <a:pt x="3429" y="753"/>
                    </a:lnTo>
                    <a:lnTo>
                      <a:pt x="3426" y="774"/>
                    </a:lnTo>
                    <a:lnTo>
                      <a:pt x="3425" y="791"/>
                    </a:lnTo>
                    <a:lnTo>
                      <a:pt x="3426" y="796"/>
                    </a:lnTo>
                    <a:lnTo>
                      <a:pt x="3427" y="800"/>
                    </a:lnTo>
                    <a:lnTo>
                      <a:pt x="3430" y="804"/>
                    </a:lnTo>
                    <a:lnTo>
                      <a:pt x="3433" y="805"/>
                    </a:lnTo>
                    <a:lnTo>
                      <a:pt x="3435" y="805"/>
                    </a:lnTo>
                    <a:lnTo>
                      <a:pt x="3438" y="802"/>
                    </a:lnTo>
                    <a:lnTo>
                      <a:pt x="3442" y="800"/>
                    </a:lnTo>
                    <a:lnTo>
                      <a:pt x="3444" y="794"/>
                    </a:lnTo>
                    <a:lnTo>
                      <a:pt x="3452" y="780"/>
                    </a:lnTo>
                    <a:lnTo>
                      <a:pt x="3460" y="759"/>
                    </a:lnTo>
                    <a:lnTo>
                      <a:pt x="3462" y="752"/>
                    </a:lnTo>
                    <a:lnTo>
                      <a:pt x="3464" y="743"/>
                    </a:lnTo>
                    <a:lnTo>
                      <a:pt x="3464" y="734"/>
                    </a:lnTo>
                    <a:lnTo>
                      <a:pt x="3464" y="726"/>
                    </a:lnTo>
                    <a:lnTo>
                      <a:pt x="3462" y="709"/>
                    </a:lnTo>
                    <a:lnTo>
                      <a:pt x="3464" y="692"/>
                    </a:lnTo>
                    <a:lnTo>
                      <a:pt x="3465" y="680"/>
                    </a:lnTo>
                    <a:lnTo>
                      <a:pt x="3466" y="671"/>
                    </a:lnTo>
                    <a:lnTo>
                      <a:pt x="3468" y="666"/>
                    </a:lnTo>
                    <a:lnTo>
                      <a:pt x="3470" y="662"/>
                    </a:lnTo>
                    <a:lnTo>
                      <a:pt x="3479" y="657"/>
                    </a:lnTo>
                    <a:lnTo>
                      <a:pt x="3499" y="649"/>
                    </a:lnTo>
                    <a:lnTo>
                      <a:pt x="3519" y="640"/>
                    </a:lnTo>
                    <a:lnTo>
                      <a:pt x="3536" y="633"/>
                    </a:lnTo>
                    <a:lnTo>
                      <a:pt x="3540" y="633"/>
                    </a:lnTo>
                    <a:lnTo>
                      <a:pt x="3544" y="633"/>
                    </a:lnTo>
                    <a:lnTo>
                      <a:pt x="3547" y="634"/>
                    </a:lnTo>
                    <a:lnTo>
                      <a:pt x="3548" y="635"/>
                    </a:lnTo>
                    <a:lnTo>
                      <a:pt x="3551" y="639"/>
                    </a:lnTo>
                    <a:lnTo>
                      <a:pt x="3552" y="643"/>
                    </a:lnTo>
                    <a:lnTo>
                      <a:pt x="3552" y="649"/>
                    </a:lnTo>
                    <a:lnTo>
                      <a:pt x="3552" y="656"/>
                    </a:lnTo>
                    <a:lnTo>
                      <a:pt x="3551" y="690"/>
                    </a:lnTo>
                    <a:lnTo>
                      <a:pt x="3548" y="726"/>
                    </a:lnTo>
                    <a:lnTo>
                      <a:pt x="3544" y="743"/>
                    </a:lnTo>
                    <a:lnTo>
                      <a:pt x="3540" y="759"/>
                    </a:lnTo>
                    <a:lnTo>
                      <a:pt x="3536" y="767"/>
                    </a:lnTo>
                    <a:lnTo>
                      <a:pt x="3534" y="775"/>
                    </a:lnTo>
                    <a:lnTo>
                      <a:pt x="3529" y="783"/>
                    </a:lnTo>
                    <a:lnTo>
                      <a:pt x="3525" y="789"/>
                    </a:lnTo>
                    <a:lnTo>
                      <a:pt x="3519" y="797"/>
                    </a:lnTo>
                    <a:lnTo>
                      <a:pt x="3512" y="810"/>
                    </a:lnTo>
                    <a:lnTo>
                      <a:pt x="3509" y="816"/>
                    </a:lnTo>
                    <a:lnTo>
                      <a:pt x="3506" y="823"/>
                    </a:lnTo>
                    <a:lnTo>
                      <a:pt x="3506" y="826"/>
                    </a:lnTo>
                    <a:lnTo>
                      <a:pt x="3506" y="827"/>
                    </a:lnTo>
                    <a:lnTo>
                      <a:pt x="3506" y="829"/>
                    </a:lnTo>
                    <a:lnTo>
                      <a:pt x="3508" y="831"/>
                    </a:lnTo>
                    <a:lnTo>
                      <a:pt x="3510" y="831"/>
                    </a:lnTo>
                    <a:lnTo>
                      <a:pt x="3513" y="829"/>
                    </a:lnTo>
                    <a:lnTo>
                      <a:pt x="3514" y="828"/>
                    </a:lnTo>
                    <a:lnTo>
                      <a:pt x="3517" y="826"/>
                    </a:lnTo>
                    <a:lnTo>
                      <a:pt x="3523" y="819"/>
                    </a:lnTo>
                    <a:lnTo>
                      <a:pt x="3529" y="811"/>
                    </a:lnTo>
                    <a:lnTo>
                      <a:pt x="3538" y="794"/>
                    </a:lnTo>
                    <a:lnTo>
                      <a:pt x="3544" y="784"/>
                    </a:lnTo>
                    <a:lnTo>
                      <a:pt x="3553" y="771"/>
                    </a:lnTo>
                    <a:lnTo>
                      <a:pt x="3565" y="761"/>
                    </a:lnTo>
                    <a:lnTo>
                      <a:pt x="3575" y="749"/>
                    </a:lnTo>
                    <a:lnTo>
                      <a:pt x="3584" y="737"/>
                    </a:lnTo>
                    <a:lnTo>
                      <a:pt x="3587" y="732"/>
                    </a:lnTo>
                    <a:lnTo>
                      <a:pt x="3589" y="726"/>
                    </a:lnTo>
                    <a:lnTo>
                      <a:pt x="3591" y="721"/>
                    </a:lnTo>
                    <a:lnTo>
                      <a:pt x="3592" y="715"/>
                    </a:lnTo>
                    <a:lnTo>
                      <a:pt x="3592" y="704"/>
                    </a:lnTo>
                    <a:lnTo>
                      <a:pt x="3593" y="692"/>
                    </a:lnTo>
                    <a:lnTo>
                      <a:pt x="3595" y="680"/>
                    </a:lnTo>
                    <a:lnTo>
                      <a:pt x="3600" y="669"/>
                    </a:lnTo>
                    <a:lnTo>
                      <a:pt x="3604" y="662"/>
                    </a:lnTo>
                    <a:lnTo>
                      <a:pt x="3608" y="656"/>
                    </a:lnTo>
                    <a:lnTo>
                      <a:pt x="3614" y="651"/>
                    </a:lnTo>
                    <a:lnTo>
                      <a:pt x="3622" y="644"/>
                    </a:lnTo>
                    <a:lnTo>
                      <a:pt x="3630" y="636"/>
                    </a:lnTo>
                    <a:lnTo>
                      <a:pt x="3636" y="626"/>
                    </a:lnTo>
                    <a:lnTo>
                      <a:pt x="3641" y="614"/>
                    </a:lnTo>
                    <a:lnTo>
                      <a:pt x="3646" y="603"/>
                    </a:lnTo>
                    <a:lnTo>
                      <a:pt x="3650" y="592"/>
                    </a:lnTo>
                    <a:lnTo>
                      <a:pt x="3654" y="583"/>
                    </a:lnTo>
                    <a:lnTo>
                      <a:pt x="3657" y="576"/>
                    </a:lnTo>
                    <a:lnTo>
                      <a:pt x="3662" y="570"/>
                    </a:lnTo>
                    <a:lnTo>
                      <a:pt x="3671" y="566"/>
                    </a:lnTo>
                    <a:lnTo>
                      <a:pt x="3680" y="564"/>
                    </a:lnTo>
                    <a:lnTo>
                      <a:pt x="3689" y="564"/>
                    </a:lnTo>
                    <a:lnTo>
                      <a:pt x="3696" y="566"/>
                    </a:lnTo>
                    <a:lnTo>
                      <a:pt x="3703" y="570"/>
                    </a:lnTo>
                    <a:lnTo>
                      <a:pt x="3709" y="577"/>
                    </a:lnTo>
                    <a:lnTo>
                      <a:pt x="3714" y="583"/>
                    </a:lnTo>
                    <a:lnTo>
                      <a:pt x="3719" y="592"/>
                    </a:lnTo>
                    <a:lnTo>
                      <a:pt x="3735" y="629"/>
                    </a:lnTo>
                    <a:lnTo>
                      <a:pt x="3746" y="660"/>
                    </a:lnTo>
                    <a:lnTo>
                      <a:pt x="3750" y="666"/>
                    </a:lnTo>
                    <a:lnTo>
                      <a:pt x="3759" y="675"/>
                    </a:lnTo>
                    <a:lnTo>
                      <a:pt x="3769" y="684"/>
                    </a:lnTo>
                    <a:lnTo>
                      <a:pt x="3781" y="695"/>
                    </a:lnTo>
                    <a:lnTo>
                      <a:pt x="3793" y="702"/>
                    </a:lnTo>
                    <a:lnTo>
                      <a:pt x="3804" y="706"/>
                    </a:lnTo>
                    <a:lnTo>
                      <a:pt x="3810" y="706"/>
                    </a:lnTo>
                    <a:lnTo>
                      <a:pt x="3814" y="706"/>
                    </a:lnTo>
                    <a:lnTo>
                      <a:pt x="3817" y="704"/>
                    </a:lnTo>
                    <a:lnTo>
                      <a:pt x="3820" y="700"/>
                    </a:lnTo>
                    <a:lnTo>
                      <a:pt x="3819" y="696"/>
                    </a:lnTo>
                    <a:lnTo>
                      <a:pt x="3815" y="688"/>
                    </a:lnTo>
                    <a:lnTo>
                      <a:pt x="3808" y="678"/>
                    </a:lnTo>
                    <a:lnTo>
                      <a:pt x="3801" y="666"/>
                    </a:lnTo>
                    <a:lnTo>
                      <a:pt x="3785" y="644"/>
                    </a:lnTo>
                    <a:lnTo>
                      <a:pt x="3775" y="630"/>
                    </a:lnTo>
                    <a:lnTo>
                      <a:pt x="3772" y="625"/>
                    </a:lnTo>
                    <a:lnTo>
                      <a:pt x="3771" y="620"/>
                    </a:lnTo>
                    <a:lnTo>
                      <a:pt x="3771" y="612"/>
                    </a:lnTo>
                    <a:lnTo>
                      <a:pt x="3772" y="605"/>
                    </a:lnTo>
                    <a:lnTo>
                      <a:pt x="3775" y="591"/>
                    </a:lnTo>
                    <a:lnTo>
                      <a:pt x="3780" y="576"/>
                    </a:lnTo>
                    <a:lnTo>
                      <a:pt x="3781" y="568"/>
                    </a:lnTo>
                    <a:lnTo>
                      <a:pt x="3782" y="560"/>
                    </a:lnTo>
                    <a:lnTo>
                      <a:pt x="3782" y="552"/>
                    </a:lnTo>
                    <a:lnTo>
                      <a:pt x="3781" y="546"/>
                    </a:lnTo>
                    <a:lnTo>
                      <a:pt x="3780" y="539"/>
                    </a:lnTo>
                    <a:lnTo>
                      <a:pt x="3776" y="534"/>
                    </a:lnTo>
                    <a:lnTo>
                      <a:pt x="3769" y="528"/>
                    </a:lnTo>
                    <a:lnTo>
                      <a:pt x="3763" y="524"/>
                    </a:lnTo>
                    <a:lnTo>
                      <a:pt x="3749" y="517"/>
                    </a:lnTo>
                    <a:lnTo>
                      <a:pt x="3733" y="509"/>
                    </a:lnTo>
                    <a:lnTo>
                      <a:pt x="3719" y="502"/>
                    </a:lnTo>
                    <a:lnTo>
                      <a:pt x="3705" y="491"/>
                    </a:lnTo>
                    <a:lnTo>
                      <a:pt x="3698" y="486"/>
                    </a:lnTo>
                    <a:lnTo>
                      <a:pt x="3692" y="480"/>
                    </a:lnTo>
                    <a:lnTo>
                      <a:pt x="3687" y="474"/>
                    </a:lnTo>
                    <a:lnTo>
                      <a:pt x="3681" y="468"/>
                    </a:lnTo>
                    <a:lnTo>
                      <a:pt x="3678" y="460"/>
                    </a:lnTo>
                    <a:lnTo>
                      <a:pt x="3675" y="452"/>
                    </a:lnTo>
                    <a:lnTo>
                      <a:pt x="3672" y="445"/>
                    </a:lnTo>
                    <a:lnTo>
                      <a:pt x="3672" y="437"/>
                    </a:lnTo>
                    <a:lnTo>
                      <a:pt x="3674" y="436"/>
                    </a:lnTo>
                    <a:lnTo>
                      <a:pt x="3685" y="441"/>
                    </a:lnTo>
                    <a:lnTo>
                      <a:pt x="3694" y="445"/>
                    </a:lnTo>
                    <a:lnTo>
                      <a:pt x="3702" y="446"/>
                    </a:lnTo>
                    <a:lnTo>
                      <a:pt x="3707" y="446"/>
                    </a:lnTo>
                    <a:lnTo>
                      <a:pt x="3720" y="445"/>
                    </a:lnTo>
                    <a:lnTo>
                      <a:pt x="3740" y="439"/>
                    </a:lnTo>
                    <a:lnTo>
                      <a:pt x="3747" y="439"/>
                    </a:lnTo>
                    <a:lnTo>
                      <a:pt x="3753" y="441"/>
                    </a:lnTo>
                    <a:lnTo>
                      <a:pt x="3758" y="443"/>
                    </a:lnTo>
                    <a:lnTo>
                      <a:pt x="3762" y="447"/>
                    </a:lnTo>
                    <a:lnTo>
                      <a:pt x="3766" y="450"/>
                    </a:lnTo>
                    <a:lnTo>
                      <a:pt x="3769" y="452"/>
                    </a:lnTo>
                    <a:lnTo>
                      <a:pt x="3773" y="455"/>
                    </a:lnTo>
                    <a:lnTo>
                      <a:pt x="3779" y="455"/>
                    </a:lnTo>
                    <a:lnTo>
                      <a:pt x="3788" y="454"/>
                    </a:lnTo>
                    <a:lnTo>
                      <a:pt x="3798" y="450"/>
                    </a:lnTo>
                    <a:lnTo>
                      <a:pt x="3803" y="449"/>
                    </a:lnTo>
                    <a:lnTo>
                      <a:pt x="3808" y="449"/>
                    </a:lnTo>
                    <a:lnTo>
                      <a:pt x="3812" y="450"/>
                    </a:lnTo>
                    <a:lnTo>
                      <a:pt x="3815" y="452"/>
                    </a:lnTo>
                    <a:lnTo>
                      <a:pt x="3820" y="468"/>
                    </a:lnTo>
                    <a:lnTo>
                      <a:pt x="3826" y="489"/>
                    </a:lnTo>
                    <a:lnTo>
                      <a:pt x="3828" y="493"/>
                    </a:lnTo>
                    <a:lnTo>
                      <a:pt x="3830" y="495"/>
                    </a:lnTo>
                    <a:lnTo>
                      <a:pt x="3833" y="498"/>
                    </a:lnTo>
                    <a:lnTo>
                      <a:pt x="3836" y="498"/>
                    </a:lnTo>
                    <a:lnTo>
                      <a:pt x="3838" y="496"/>
                    </a:lnTo>
                    <a:lnTo>
                      <a:pt x="3842" y="494"/>
                    </a:lnTo>
                    <a:lnTo>
                      <a:pt x="3846" y="489"/>
                    </a:lnTo>
                    <a:lnTo>
                      <a:pt x="3850" y="481"/>
                    </a:lnTo>
                    <a:lnTo>
                      <a:pt x="3854" y="474"/>
                    </a:lnTo>
                    <a:lnTo>
                      <a:pt x="3859" y="471"/>
                    </a:lnTo>
                    <a:lnTo>
                      <a:pt x="3865" y="467"/>
                    </a:lnTo>
                    <a:lnTo>
                      <a:pt x="3872" y="464"/>
                    </a:lnTo>
                    <a:lnTo>
                      <a:pt x="3878" y="464"/>
                    </a:lnTo>
                    <a:lnTo>
                      <a:pt x="3886" y="463"/>
                    </a:lnTo>
                    <a:lnTo>
                      <a:pt x="3894" y="464"/>
                    </a:lnTo>
                    <a:lnTo>
                      <a:pt x="3900" y="465"/>
                    </a:lnTo>
                    <a:lnTo>
                      <a:pt x="3913" y="469"/>
                    </a:lnTo>
                    <a:lnTo>
                      <a:pt x="3922" y="474"/>
                    </a:lnTo>
                    <a:lnTo>
                      <a:pt x="3925" y="477"/>
                    </a:lnTo>
                    <a:lnTo>
                      <a:pt x="3926" y="480"/>
                    </a:lnTo>
                    <a:lnTo>
                      <a:pt x="3926" y="482"/>
                    </a:lnTo>
                    <a:lnTo>
                      <a:pt x="3922" y="484"/>
                    </a:lnTo>
                    <a:lnTo>
                      <a:pt x="3908" y="493"/>
                    </a:lnTo>
                    <a:lnTo>
                      <a:pt x="3886" y="508"/>
                    </a:lnTo>
                    <a:lnTo>
                      <a:pt x="3877" y="516"/>
                    </a:lnTo>
                    <a:lnTo>
                      <a:pt x="3871" y="524"/>
                    </a:lnTo>
                    <a:lnTo>
                      <a:pt x="3869" y="526"/>
                    </a:lnTo>
                    <a:lnTo>
                      <a:pt x="3869" y="529"/>
                    </a:lnTo>
                    <a:lnTo>
                      <a:pt x="3869" y="530"/>
                    </a:lnTo>
                    <a:lnTo>
                      <a:pt x="3872" y="531"/>
                    </a:lnTo>
                    <a:lnTo>
                      <a:pt x="3887" y="530"/>
                    </a:lnTo>
                    <a:lnTo>
                      <a:pt x="3908" y="526"/>
                    </a:lnTo>
                    <a:lnTo>
                      <a:pt x="3918" y="524"/>
                    </a:lnTo>
                    <a:lnTo>
                      <a:pt x="3928" y="524"/>
                    </a:lnTo>
                    <a:lnTo>
                      <a:pt x="3931" y="524"/>
                    </a:lnTo>
                    <a:lnTo>
                      <a:pt x="3934" y="524"/>
                    </a:lnTo>
                    <a:lnTo>
                      <a:pt x="3937" y="525"/>
                    </a:lnTo>
                    <a:lnTo>
                      <a:pt x="3938" y="528"/>
                    </a:lnTo>
                    <a:lnTo>
                      <a:pt x="3940" y="530"/>
                    </a:lnTo>
                    <a:lnTo>
                      <a:pt x="3943" y="534"/>
                    </a:lnTo>
                    <a:lnTo>
                      <a:pt x="3943" y="539"/>
                    </a:lnTo>
                    <a:lnTo>
                      <a:pt x="3943" y="544"/>
                    </a:lnTo>
                    <a:lnTo>
                      <a:pt x="3940" y="560"/>
                    </a:lnTo>
                    <a:lnTo>
                      <a:pt x="3937" y="577"/>
                    </a:lnTo>
                    <a:lnTo>
                      <a:pt x="3933" y="592"/>
                    </a:lnTo>
                    <a:lnTo>
                      <a:pt x="3933" y="604"/>
                    </a:lnTo>
                    <a:lnTo>
                      <a:pt x="3933" y="609"/>
                    </a:lnTo>
                    <a:lnTo>
                      <a:pt x="3935" y="612"/>
                    </a:lnTo>
                    <a:lnTo>
                      <a:pt x="3939" y="613"/>
                    </a:lnTo>
                    <a:lnTo>
                      <a:pt x="3944" y="612"/>
                    </a:lnTo>
                    <a:lnTo>
                      <a:pt x="3961" y="598"/>
                    </a:lnTo>
                    <a:lnTo>
                      <a:pt x="3979" y="585"/>
                    </a:lnTo>
                    <a:lnTo>
                      <a:pt x="3997" y="583"/>
                    </a:lnTo>
                    <a:lnTo>
                      <a:pt x="4018" y="583"/>
                    </a:lnTo>
                    <a:lnTo>
                      <a:pt x="4029" y="582"/>
                    </a:lnTo>
                    <a:lnTo>
                      <a:pt x="4036" y="579"/>
                    </a:lnTo>
                    <a:lnTo>
                      <a:pt x="4040" y="577"/>
                    </a:lnTo>
                    <a:lnTo>
                      <a:pt x="4043" y="573"/>
                    </a:lnTo>
                    <a:lnTo>
                      <a:pt x="4044" y="569"/>
                    </a:lnTo>
                    <a:lnTo>
                      <a:pt x="4045" y="564"/>
                    </a:lnTo>
                    <a:lnTo>
                      <a:pt x="4045" y="560"/>
                    </a:lnTo>
                    <a:lnTo>
                      <a:pt x="4044" y="557"/>
                    </a:lnTo>
                    <a:lnTo>
                      <a:pt x="4043" y="555"/>
                    </a:lnTo>
                    <a:lnTo>
                      <a:pt x="4042" y="552"/>
                    </a:lnTo>
                    <a:lnTo>
                      <a:pt x="4035" y="548"/>
                    </a:lnTo>
                    <a:lnTo>
                      <a:pt x="4029" y="543"/>
                    </a:lnTo>
                    <a:lnTo>
                      <a:pt x="4013" y="537"/>
                    </a:lnTo>
                    <a:lnTo>
                      <a:pt x="4001" y="529"/>
                    </a:lnTo>
                    <a:lnTo>
                      <a:pt x="3994" y="522"/>
                    </a:lnTo>
                    <a:lnTo>
                      <a:pt x="3988" y="516"/>
                    </a:lnTo>
                    <a:lnTo>
                      <a:pt x="3986" y="511"/>
                    </a:lnTo>
                    <a:lnTo>
                      <a:pt x="3986" y="507"/>
                    </a:lnTo>
                    <a:lnTo>
                      <a:pt x="3987" y="503"/>
                    </a:lnTo>
                    <a:lnTo>
                      <a:pt x="3991" y="499"/>
                    </a:lnTo>
                    <a:lnTo>
                      <a:pt x="3996" y="496"/>
                    </a:lnTo>
                    <a:lnTo>
                      <a:pt x="4001" y="493"/>
                    </a:lnTo>
                    <a:lnTo>
                      <a:pt x="4012" y="489"/>
                    </a:lnTo>
                    <a:lnTo>
                      <a:pt x="4021" y="484"/>
                    </a:lnTo>
                    <a:lnTo>
                      <a:pt x="4023" y="482"/>
                    </a:lnTo>
                    <a:lnTo>
                      <a:pt x="4023" y="480"/>
                    </a:lnTo>
                    <a:lnTo>
                      <a:pt x="4022" y="476"/>
                    </a:lnTo>
                    <a:lnTo>
                      <a:pt x="4018" y="473"/>
                    </a:lnTo>
                    <a:lnTo>
                      <a:pt x="4012" y="469"/>
                    </a:lnTo>
                    <a:lnTo>
                      <a:pt x="4007" y="464"/>
                    </a:lnTo>
                    <a:lnTo>
                      <a:pt x="4003" y="459"/>
                    </a:lnTo>
                    <a:lnTo>
                      <a:pt x="3999" y="454"/>
                    </a:lnTo>
                    <a:lnTo>
                      <a:pt x="3997" y="449"/>
                    </a:lnTo>
                    <a:lnTo>
                      <a:pt x="3996" y="442"/>
                    </a:lnTo>
                    <a:lnTo>
                      <a:pt x="3995" y="437"/>
                    </a:lnTo>
                    <a:lnTo>
                      <a:pt x="3995" y="430"/>
                    </a:lnTo>
                    <a:lnTo>
                      <a:pt x="3997" y="419"/>
                    </a:lnTo>
                    <a:lnTo>
                      <a:pt x="4003" y="406"/>
                    </a:lnTo>
                    <a:lnTo>
                      <a:pt x="4010" y="394"/>
                    </a:lnTo>
                    <a:lnTo>
                      <a:pt x="4021" y="383"/>
                    </a:lnTo>
                    <a:lnTo>
                      <a:pt x="4030" y="373"/>
                    </a:lnTo>
                    <a:lnTo>
                      <a:pt x="4039" y="363"/>
                    </a:lnTo>
                    <a:lnTo>
                      <a:pt x="4044" y="358"/>
                    </a:lnTo>
                    <a:lnTo>
                      <a:pt x="4049" y="355"/>
                    </a:lnTo>
                    <a:lnTo>
                      <a:pt x="4054" y="353"/>
                    </a:lnTo>
                    <a:lnTo>
                      <a:pt x="4062" y="353"/>
                    </a:lnTo>
                    <a:lnTo>
                      <a:pt x="4083" y="354"/>
                    </a:lnTo>
                    <a:lnTo>
                      <a:pt x="4114" y="353"/>
                    </a:lnTo>
                    <a:lnTo>
                      <a:pt x="4128" y="351"/>
                    </a:lnTo>
                    <a:lnTo>
                      <a:pt x="4143" y="348"/>
                    </a:lnTo>
                    <a:lnTo>
                      <a:pt x="4148" y="346"/>
                    </a:lnTo>
                    <a:lnTo>
                      <a:pt x="4153" y="344"/>
                    </a:lnTo>
                    <a:lnTo>
                      <a:pt x="4157" y="341"/>
                    </a:lnTo>
                    <a:lnTo>
                      <a:pt x="4159" y="338"/>
                    </a:lnTo>
                    <a:lnTo>
                      <a:pt x="4154" y="332"/>
                    </a:lnTo>
                    <a:lnTo>
                      <a:pt x="4144" y="318"/>
                    </a:lnTo>
                    <a:lnTo>
                      <a:pt x="4134" y="301"/>
                    </a:lnTo>
                    <a:lnTo>
                      <a:pt x="4124" y="285"/>
                    </a:lnTo>
                    <a:lnTo>
                      <a:pt x="4119" y="274"/>
                    </a:lnTo>
                    <a:lnTo>
                      <a:pt x="4114" y="254"/>
                    </a:lnTo>
                    <a:lnTo>
                      <a:pt x="4114" y="250"/>
                    </a:lnTo>
                    <a:lnTo>
                      <a:pt x="4114" y="246"/>
                    </a:lnTo>
                    <a:lnTo>
                      <a:pt x="4114" y="243"/>
                    </a:lnTo>
                    <a:lnTo>
                      <a:pt x="4115" y="240"/>
                    </a:lnTo>
                    <a:lnTo>
                      <a:pt x="4118" y="239"/>
                    </a:lnTo>
                    <a:lnTo>
                      <a:pt x="4122" y="237"/>
                    </a:lnTo>
                    <a:lnTo>
                      <a:pt x="4127" y="239"/>
                    </a:lnTo>
                    <a:lnTo>
                      <a:pt x="4134" y="240"/>
                    </a:lnTo>
                    <a:lnTo>
                      <a:pt x="4148" y="246"/>
                    </a:lnTo>
                    <a:lnTo>
                      <a:pt x="4161" y="252"/>
                    </a:lnTo>
                    <a:lnTo>
                      <a:pt x="4171" y="256"/>
                    </a:lnTo>
                    <a:lnTo>
                      <a:pt x="4180" y="257"/>
                    </a:lnTo>
                    <a:lnTo>
                      <a:pt x="4184" y="256"/>
                    </a:lnTo>
                    <a:lnTo>
                      <a:pt x="4185" y="254"/>
                    </a:lnTo>
                    <a:lnTo>
                      <a:pt x="4188" y="250"/>
                    </a:lnTo>
                    <a:lnTo>
                      <a:pt x="4188" y="246"/>
                    </a:lnTo>
                    <a:lnTo>
                      <a:pt x="4187" y="241"/>
                    </a:lnTo>
                    <a:lnTo>
                      <a:pt x="4185" y="234"/>
                    </a:lnTo>
                    <a:lnTo>
                      <a:pt x="4183" y="224"/>
                    </a:lnTo>
                    <a:lnTo>
                      <a:pt x="4179" y="214"/>
                    </a:lnTo>
                    <a:lnTo>
                      <a:pt x="4175" y="208"/>
                    </a:lnTo>
                    <a:lnTo>
                      <a:pt x="4168" y="202"/>
                    </a:lnTo>
                    <a:lnTo>
                      <a:pt x="4162" y="200"/>
                    </a:lnTo>
                    <a:lnTo>
                      <a:pt x="4154" y="197"/>
                    </a:lnTo>
                    <a:lnTo>
                      <a:pt x="4146" y="195"/>
                    </a:lnTo>
                    <a:lnTo>
                      <a:pt x="4139" y="192"/>
                    </a:lnTo>
                    <a:lnTo>
                      <a:pt x="4131" y="187"/>
                    </a:lnTo>
                    <a:lnTo>
                      <a:pt x="4124" y="180"/>
                    </a:lnTo>
                    <a:lnTo>
                      <a:pt x="4119" y="173"/>
                    </a:lnTo>
                    <a:lnTo>
                      <a:pt x="4117" y="165"/>
                    </a:lnTo>
                    <a:lnTo>
                      <a:pt x="4117" y="157"/>
                    </a:lnTo>
                    <a:lnTo>
                      <a:pt x="4118" y="151"/>
                    </a:lnTo>
                    <a:lnTo>
                      <a:pt x="4121" y="144"/>
                    </a:lnTo>
                    <a:lnTo>
                      <a:pt x="4126" y="139"/>
                    </a:lnTo>
                    <a:lnTo>
                      <a:pt x="4131" y="135"/>
                    </a:lnTo>
                    <a:lnTo>
                      <a:pt x="4139" y="131"/>
                    </a:lnTo>
                    <a:lnTo>
                      <a:pt x="4146" y="129"/>
                    </a:lnTo>
                    <a:lnTo>
                      <a:pt x="4154" y="127"/>
                    </a:lnTo>
                    <a:lnTo>
                      <a:pt x="4163" y="126"/>
                    </a:lnTo>
                    <a:lnTo>
                      <a:pt x="4171" y="127"/>
                    </a:lnTo>
                    <a:lnTo>
                      <a:pt x="4180" y="129"/>
                    </a:lnTo>
                    <a:lnTo>
                      <a:pt x="4188" y="132"/>
                    </a:lnTo>
                    <a:lnTo>
                      <a:pt x="4194" y="136"/>
                    </a:lnTo>
                    <a:lnTo>
                      <a:pt x="4201" y="143"/>
                    </a:lnTo>
                    <a:lnTo>
                      <a:pt x="4213" y="156"/>
                    </a:lnTo>
                    <a:lnTo>
                      <a:pt x="4229" y="169"/>
                    </a:lnTo>
                    <a:lnTo>
                      <a:pt x="4237" y="175"/>
                    </a:lnTo>
                    <a:lnTo>
                      <a:pt x="4246" y="180"/>
                    </a:lnTo>
                    <a:lnTo>
                      <a:pt x="4254" y="184"/>
                    </a:lnTo>
                    <a:lnTo>
                      <a:pt x="4262" y="187"/>
                    </a:lnTo>
                    <a:lnTo>
                      <a:pt x="4268" y="188"/>
                    </a:lnTo>
                    <a:lnTo>
                      <a:pt x="4273" y="189"/>
                    </a:lnTo>
                    <a:lnTo>
                      <a:pt x="4277" y="188"/>
                    </a:lnTo>
                    <a:lnTo>
                      <a:pt x="4281" y="187"/>
                    </a:lnTo>
                    <a:lnTo>
                      <a:pt x="4284" y="184"/>
                    </a:lnTo>
                    <a:lnTo>
                      <a:pt x="4285" y="180"/>
                    </a:lnTo>
                    <a:lnTo>
                      <a:pt x="4285" y="177"/>
                    </a:lnTo>
                    <a:lnTo>
                      <a:pt x="4285" y="173"/>
                    </a:lnTo>
                    <a:lnTo>
                      <a:pt x="4281" y="156"/>
                    </a:lnTo>
                    <a:lnTo>
                      <a:pt x="4279" y="143"/>
                    </a:lnTo>
                    <a:lnTo>
                      <a:pt x="4298" y="144"/>
                    </a:lnTo>
                    <a:lnTo>
                      <a:pt x="4314" y="144"/>
                    </a:lnTo>
                    <a:lnTo>
                      <a:pt x="4320" y="145"/>
                    </a:lnTo>
                    <a:lnTo>
                      <a:pt x="4324" y="147"/>
                    </a:lnTo>
                    <a:lnTo>
                      <a:pt x="4328" y="149"/>
                    </a:lnTo>
                    <a:lnTo>
                      <a:pt x="4332" y="152"/>
                    </a:lnTo>
                    <a:lnTo>
                      <a:pt x="4333" y="155"/>
                    </a:lnTo>
                    <a:lnTo>
                      <a:pt x="4334" y="158"/>
                    </a:lnTo>
                    <a:lnTo>
                      <a:pt x="4334" y="162"/>
                    </a:lnTo>
                    <a:lnTo>
                      <a:pt x="4334" y="167"/>
                    </a:lnTo>
                    <a:lnTo>
                      <a:pt x="4332" y="179"/>
                    </a:lnTo>
                    <a:lnTo>
                      <a:pt x="4325" y="195"/>
                    </a:lnTo>
                    <a:lnTo>
                      <a:pt x="4314" y="223"/>
                    </a:lnTo>
                    <a:lnTo>
                      <a:pt x="4302" y="252"/>
                    </a:lnTo>
                    <a:lnTo>
                      <a:pt x="4292" y="283"/>
                    </a:lnTo>
                    <a:lnTo>
                      <a:pt x="4283" y="314"/>
                    </a:lnTo>
                    <a:lnTo>
                      <a:pt x="4273" y="345"/>
                    </a:lnTo>
                    <a:lnTo>
                      <a:pt x="4267" y="377"/>
                    </a:lnTo>
                    <a:lnTo>
                      <a:pt x="4264" y="393"/>
                    </a:lnTo>
                    <a:lnTo>
                      <a:pt x="4263" y="408"/>
                    </a:lnTo>
                    <a:lnTo>
                      <a:pt x="4262" y="424"/>
                    </a:lnTo>
                    <a:lnTo>
                      <a:pt x="4262" y="439"/>
                    </a:lnTo>
                    <a:lnTo>
                      <a:pt x="4260" y="458"/>
                    </a:lnTo>
                    <a:lnTo>
                      <a:pt x="4258" y="480"/>
                    </a:lnTo>
                    <a:lnTo>
                      <a:pt x="4258" y="490"/>
                    </a:lnTo>
                    <a:lnTo>
                      <a:pt x="4259" y="498"/>
                    </a:lnTo>
                    <a:lnTo>
                      <a:pt x="4260" y="500"/>
                    </a:lnTo>
                    <a:lnTo>
                      <a:pt x="4263" y="503"/>
                    </a:lnTo>
                    <a:lnTo>
                      <a:pt x="4264" y="504"/>
                    </a:lnTo>
                    <a:lnTo>
                      <a:pt x="4268" y="504"/>
                    </a:lnTo>
                    <a:lnTo>
                      <a:pt x="4286" y="502"/>
                    </a:lnTo>
                    <a:lnTo>
                      <a:pt x="4306" y="500"/>
                    </a:lnTo>
                    <a:lnTo>
                      <a:pt x="4314" y="498"/>
                    </a:lnTo>
                    <a:lnTo>
                      <a:pt x="4321" y="494"/>
                    </a:lnTo>
                    <a:lnTo>
                      <a:pt x="4324" y="490"/>
                    </a:lnTo>
                    <a:lnTo>
                      <a:pt x="4325" y="487"/>
                    </a:lnTo>
                    <a:lnTo>
                      <a:pt x="4327" y="482"/>
                    </a:lnTo>
                    <a:lnTo>
                      <a:pt x="4328" y="477"/>
                    </a:lnTo>
                    <a:lnTo>
                      <a:pt x="4328" y="465"/>
                    </a:lnTo>
                    <a:lnTo>
                      <a:pt x="4327" y="454"/>
                    </a:lnTo>
                    <a:lnTo>
                      <a:pt x="4325" y="443"/>
                    </a:lnTo>
                    <a:lnTo>
                      <a:pt x="4323" y="432"/>
                    </a:lnTo>
                    <a:lnTo>
                      <a:pt x="4319" y="412"/>
                    </a:lnTo>
                    <a:lnTo>
                      <a:pt x="4317" y="393"/>
                    </a:lnTo>
                    <a:lnTo>
                      <a:pt x="4319" y="384"/>
                    </a:lnTo>
                    <a:lnTo>
                      <a:pt x="4321" y="376"/>
                    </a:lnTo>
                    <a:lnTo>
                      <a:pt x="4327" y="367"/>
                    </a:lnTo>
                    <a:lnTo>
                      <a:pt x="4332" y="359"/>
                    </a:lnTo>
                    <a:lnTo>
                      <a:pt x="4337" y="350"/>
                    </a:lnTo>
                    <a:lnTo>
                      <a:pt x="4341" y="341"/>
                    </a:lnTo>
                    <a:lnTo>
                      <a:pt x="4345" y="332"/>
                    </a:lnTo>
                    <a:lnTo>
                      <a:pt x="4347" y="323"/>
                    </a:lnTo>
                    <a:lnTo>
                      <a:pt x="4351" y="302"/>
                    </a:lnTo>
                    <a:lnTo>
                      <a:pt x="4356" y="284"/>
                    </a:lnTo>
                    <a:lnTo>
                      <a:pt x="4362" y="266"/>
                    </a:lnTo>
                    <a:lnTo>
                      <a:pt x="4369" y="248"/>
                    </a:lnTo>
                    <a:lnTo>
                      <a:pt x="4385" y="213"/>
                    </a:lnTo>
                    <a:lnTo>
                      <a:pt x="4404" y="178"/>
                    </a:lnTo>
                    <a:lnTo>
                      <a:pt x="4407" y="171"/>
                    </a:lnTo>
                    <a:lnTo>
                      <a:pt x="4412" y="166"/>
                    </a:lnTo>
                    <a:lnTo>
                      <a:pt x="4417" y="161"/>
                    </a:lnTo>
                    <a:lnTo>
                      <a:pt x="4422" y="156"/>
                    </a:lnTo>
                    <a:lnTo>
                      <a:pt x="4428" y="152"/>
                    </a:lnTo>
                    <a:lnTo>
                      <a:pt x="4434" y="148"/>
                    </a:lnTo>
                    <a:lnTo>
                      <a:pt x="4439" y="145"/>
                    </a:lnTo>
                    <a:lnTo>
                      <a:pt x="4446" y="144"/>
                    </a:lnTo>
                    <a:lnTo>
                      <a:pt x="4451" y="144"/>
                    </a:lnTo>
                    <a:lnTo>
                      <a:pt x="4457" y="145"/>
                    </a:lnTo>
                    <a:lnTo>
                      <a:pt x="4461" y="147"/>
                    </a:lnTo>
                    <a:lnTo>
                      <a:pt x="4466" y="151"/>
                    </a:lnTo>
                    <a:lnTo>
                      <a:pt x="4470" y="155"/>
                    </a:lnTo>
                    <a:lnTo>
                      <a:pt x="4473" y="161"/>
                    </a:lnTo>
                    <a:lnTo>
                      <a:pt x="4474" y="169"/>
                    </a:lnTo>
                    <a:lnTo>
                      <a:pt x="4476" y="179"/>
                    </a:lnTo>
                    <a:lnTo>
                      <a:pt x="4474" y="188"/>
                    </a:lnTo>
                    <a:lnTo>
                      <a:pt x="4474" y="195"/>
                    </a:lnTo>
                    <a:lnTo>
                      <a:pt x="4472" y="200"/>
                    </a:lnTo>
                    <a:lnTo>
                      <a:pt x="4470" y="204"/>
                    </a:lnTo>
                    <a:lnTo>
                      <a:pt x="4464" y="210"/>
                    </a:lnTo>
                    <a:lnTo>
                      <a:pt x="4456" y="223"/>
                    </a:lnTo>
                    <a:lnTo>
                      <a:pt x="4460" y="235"/>
                    </a:lnTo>
                    <a:lnTo>
                      <a:pt x="4472" y="259"/>
                    </a:lnTo>
                    <a:lnTo>
                      <a:pt x="4478" y="274"/>
                    </a:lnTo>
                    <a:lnTo>
                      <a:pt x="4483" y="288"/>
                    </a:lnTo>
                    <a:lnTo>
                      <a:pt x="4487" y="300"/>
                    </a:lnTo>
                    <a:lnTo>
                      <a:pt x="4488" y="311"/>
                    </a:lnTo>
                    <a:lnTo>
                      <a:pt x="4490" y="326"/>
                    </a:lnTo>
                    <a:lnTo>
                      <a:pt x="4491" y="337"/>
                    </a:lnTo>
                    <a:lnTo>
                      <a:pt x="4492" y="342"/>
                    </a:lnTo>
                    <a:lnTo>
                      <a:pt x="4494" y="346"/>
                    </a:lnTo>
                    <a:lnTo>
                      <a:pt x="4496" y="349"/>
                    </a:lnTo>
                    <a:lnTo>
                      <a:pt x="4499" y="351"/>
                    </a:lnTo>
                    <a:lnTo>
                      <a:pt x="4501" y="353"/>
                    </a:lnTo>
                    <a:lnTo>
                      <a:pt x="4504" y="353"/>
                    </a:lnTo>
                    <a:lnTo>
                      <a:pt x="4508" y="353"/>
                    </a:lnTo>
                    <a:lnTo>
                      <a:pt x="4512" y="351"/>
                    </a:lnTo>
                    <a:lnTo>
                      <a:pt x="4523" y="345"/>
                    </a:lnTo>
                    <a:lnTo>
                      <a:pt x="4536" y="336"/>
                    </a:lnTo>
                    <a:lnTo>
                      <a:pt x="4555" y="327"/>
                    </a:lnTo>
                    <a:lnTo>
                      <a:pt x="4575" y="315"/>
                    </a:lnTo>
                    <a:lnTo>
                      <a:pt x="4580" y="313"/>
                    </a:lnTo>
                    <a:lnTo>
                      <a:pt x="4583" y="309"/>
                    </a:lnTo>
                    <a:lnTo>
                      <a:pt x="4586" y="305"/>
                    </a:lnTo>
                    <a:lnTo>
                      <a:pt x="4588" y="301"/>
                    </a:lnTo>
                    <a:lnTo>
                      <a:pt x="4588" y="297"/>
                    </a:lnTo>
                    <a:lnTo>
                      <a:pt x="4586" y="292"/>
                    </a:lnTo>
                    <a:lnTo>
                      <a:pt x="4583" y="287"/>
                    </a:lnTo>
                    <a:lnTo>
                      <a:pt x="4578" y="281"/>
                    </a:lnTo>
                    <a:lnTo>
                      <a:pt x="4575" y="279"/>
                    </a:lnTo>
                    <a:lnTo>
                      <a:pt x="4573" y="275"/>
                    </a:lnTo>
                    <a:lnTo>
                      <a:pt x="4573" y="272"/>
                    </a:lnTo>
                    <a:lnTo>
                      <a:pt x="4571" y="270"/>
                    </a:lnTo>
                    <a:lnTo>
                      <a:pt x="4573" y="263"/>
                    </a:lnTo>
                    <a:lnTo>
                      <a:pt x="4575" y="256"/>
                    </a:lnTo>
                    <a:lnTo>
                      <a:pt x="4578" y="249"/>
                    </a:lnTo>
                    <a:lnTo>
                      <a:pt x="4579" y="243"/>
                    </a:lnTo>
                    <a:lnTo>
                      <a:pt x="4579" y="239"/>
                    </a:lnTo>
                    <a:lnTo>
                      <a:pt x="4578" y="235"/>
                    </a:lnTo>
                    <a:lnTo>
                      <a:pt x="4577" y="232"/>
                    </a:lnTo>
                    <a:lnTo>
                      <a:pt x="4575" y="228"/>
                    </a:lnTo>
                    <a:lnTo>
                      <a:pt x="4570" y="221"/>
                    </a:lnTo>
                    <a:lnTo>
                      <a:pt x="4566" y="214"/>
                    </a:lnTo>
                    <a:lnTo>
                      <a:pt x="4565" y="209"/>
                    </a:lnTo>
                    <a:lnTo>
                      <a:pt x="4565" y="204"/>
                    </a:lnTo>
                    <a:lnTo>
                      <a:pt x="4565" y="200"/>
                    </a:lnTo>
                    <a:lnTo>
                      <a:pt x="4568" y="196"/>
                    </a:lnTo>
                    <a:lnTo>
                      <a:pt x="4570" y="193"/>
                    </a:lnTo>
                    <a:lnTo>
                      <a:pt x="4574" y="189"/>
                    </a:lnTo>
                    <a:lnTo>
                      <a:pt x="4583" y="184"/>
                    </a:lnTo>
                    <a:lnTo>
                      <a:pt x="4595" y="177"/>
                    </a:lnTo>
                    <a:lnTo>
                      <a:pt x="4600" y="173"/>
                    </a:lnTo>
                    <a:lnTo>
                      <a:pt x="4605" y="167"/>
                    </a:lnTo>
                    <a:lnTo>
                      <a:pt x="4610" y="161"/>
                    </a:lnTo>
                    <a:lnTo>
                      <a:pt x="4615" y="155"/>
                    </a:lnTo>
                    <a:lnTo>
                      <a:pt x="4615" y="152"/>
                    </a:lnTo>
                    <a:lnTo>
                      <a:pt x="4613" y="149"/>
                    </a:lnTo>
                    <a:lnTo>
                      <a:pt x="4609" y="145"/>
                    </a:lnTo>
                    <a:lnTo>
                      <a:pt x="4604" y="143"/>
                    </a:lnTo>
                    <a:lnTo>
                      <a:pt x="4588" y="136"/>
                    </a:lnTo>
                    <a:lnTo>
                      <a:pt x="4570" y="129"/>
                    </a:lnTo>
                    <a:lnTo>
                      <a:pt x="4561" y="125"/>
                    </a:lnTo>
                    <a:lnTo>
                      <a:pt x="4552" y="120"/>
                    </a:lnTo>
                    <a:lnTo>
                      <a:pt x="4543" y="114"/>
                    </a:lnTo>
                    <a:lnTo>
                      <a:pt x="4535" y="109"/>
                    </a:lnTo>
                    <a:lnTo>
                      <a:pt x="4530" y="103"/>
                    </a:lnTo>
                    <a:lnTo>
                      <a:pt x="4525" y="95"/>
                    </a:lnTo>
                    <a:lnTo>
                      <a:pt x="4523" y="87"/>
                    </a:lnTo>
                    <a:lnTo>
                      <a:pt x="4523" y="78"/>
                    </a:lnTo>
                    <a:lnTo>
                      <a:pt x="4525" y="70"/>
                    </a:lnTo>
                    <a:lnTo>
                      <a:pt x="4527" y="64"/>
                    </a:lnTo>
                    <a:lnTo>
                      <a:pt x="4531" y="60"/>
                    </a:lnTo>
                    <a:lnTo>
                      <a:pt x="4535" y="59"/>
                    </a:lnTo>
                    <a:lnTo>
                      <a:pt x="4540" y="57"/>
                    </a:lnTo>
                    <a:lnTo>
                      <a:pt x="4545" y="59"/>
                    </a:lnTo>
                    <a:lnTo>
                      <a:pt x="4552" y="61"/>
                    </a:lnTo>
                    <a:lnTo>
                      <a:pt x="4557" y="64"/>
                    </a:lnTo>
                    <a:lnTo>
                      <a:pt x="4583" y="82"/>
                    </a:lnTo>
                    <a:lnTo>
                      <a:pt x="4602" y="98"/>
                    </a:lnTo>
                    <a:lnTo>
                      <a:pt x="4608" y="100"/>
                    </a:lnTo>
                    <a:lnTo>
                      <a:pt x="4612" y="101"/>
                    </a:lnTo>
                    <a:lnTo>
                      <a:pt x="4615" y="101"/>
                    </a:lnTo>
                    <a:lnTo>
                      <a:pt x="4619" y="100"/>
                    </a:lnTo>
                    <a:lnTo>
                      <a:pt x="4622" y="98"/>
                    </a:lnTo>
                    <a:lnTo>
                      <a:pt x="4623" y="94"/>
                    </a:lnTo>
                    <a:lnTo>
                      <a:pt x="4623" y="90"/>
                    </a:lnTo>
                    <a:lnTo>
                      <a:pt x="4622" y="83"/>
                    </a:lnTo>
                    <a:lnTo>
                      <a:pt x="4619" y="78"/>
                    </a:lnTo>
                    <a:lnTo>
                      <a:pt x="4615" y="73"/>
                    </a:lnTo>
                    <a:lnTo>
                      <a:pt x="4610" y="69"/>
                    </a:lnTo>
                    <a:lnTo>
                      <a:pt x="4606" y="64"/>
                    </a:lnTo>
                    <a:lnTo>
                      <a:pt x="4602" y="60"/>
                    </a:lnTo>
                    <a:lnTo>
                      <a:pt x="4599" y="55"/>
                    </a:lnTo>
                    <a:lnTo>
                      <a:pt x="4596" y="50"/>
                    </a:lnTo>
                    <a:lnTo>
                      <a:pt x="4596" y="43"/>
                    </a:lnTo>
                    <a:lnTo>
                      <a:pt x="4592" y="26"/>
                    </a:lnTo>
                    <a:lnTo>
                      <a:pt x="4591" y="12"/>
                    </a:lnTo>
                    <a:lnTo>
                      <a:pt x="4591" y="8"/>
                    </a:lnTo>
                    <a:lnTo>
                      <a:pt x="4592" y="6"/>
                    </a:lnTo>
                    <a:lnTo>
                      <a:pt x="4593" y="3"/>
                    </a:lnTo>
                    <a:lnTo>
                      <a:pt x="4596" y="2"/>
                    </a:lnTo>
                    <a:lnTo>
                      <a:pt x="4599" y="0"/>
                    </a:lnTo>
                    <a:lnTo>
                      <a:pt x="4601" y="0"/>
                    </a:lnTo>
                    <a:lnTo>
                      <a:pt x="4605" y="0"/>
                    </a:lnTo>
                    <a:lnTo>
                      <a:pt x="4610" y="2"/>
                    </a:lnTo>
                    <a:lnTo>
                      <a:pt x="4621" y="4"/>
                    </a:lnTo>
                    <a:lnTo>
                      <a:pt x="4628" y="8"/>
                    </a:lnTo>
                    <a:lnTo>
                      <a:pt x="4635" y="11"/>
                    </a:lnTo>
                    <a:lnTo>
                      <a:pt x="4640" y="15"/>
                    </a:lnTo>
                    <a:lnTo>
                      <a:pt x="4649" y="21"/>
                    </a:lnTo>
                    <a:lnTo>
                      <a:pt x="4657" y="28"/>
                    </a:lnTo>
                    <a:lnTo>
                      <a:pt x="4662" y="30"/>
                    </a:lnTo>
                    <a:lnTo>
                      <a:pt x="4666" y="31"/>
                    </a:lnTo>
                    <a:lnTo>
                      <a:pt x="4672" y="33"/>
                    </a:lnTo>
                    <a:lnTo>
                      <a:pt x="4679" y="33"/>
                    </a:lnTo>
                    <a:lnTo>
                      <a:pt x="4687" y="33"/>
                    </a:lnTo>
                    <a:lnTo>
                      <a:pt x="4696" y="30"/>
                    </a:lnTo>
                    <a:lnTo>
                      <a:pt x="4706" y="28"/>
                    </a:lnTo>
                    <a:lnTo>
                      <a:pt x="4719" y="22"/>
                    </a:lnTo>
                    <a:lnTo>
                      <a:pt x="4724" y="21"/>
                    </a:lnTo>
                    <a:lnTo>
                      <a:pt x="4728" y="21"/>
                    </a:lnTo>
                    <a:lnTo>
                      <a:pt x="4731" y="24"/>
                    </a:lnTo>
                    <a:lnTo>
                      <a:pt x="4731" y="26"/>
                    </a:lnTo>
                    <a:lnTo>
                      <a:pt x="4729" y="34"/>
                    </a:lnTo>
                    <a:lnTo>
                      <a:pt x="4724" y="46"/>
                    </a:lnTo>
                    <a:lnTo>
                      <a:pt x="4710" y="69"/>
                    </a:lnTo>
                    <a:lnTo>
                      <a:pt x="4702" y="83"/>
                    </a:lnTo>
                    <a:lnTo>
                      <a:pt x="4704" y="85"/>
                    </a:lnTo>
                    <a:lnTo>
                      <a:pt x="4707" y="86"/>
                    </a:lnTo>
                    <a:lnTo>
                      <a:pt x="4714" y="85"/>
                    </a:lnTo>
                    <a:lnTo>
                      <a:pt x="4720" y="83"/>
                    </a:lnTo>
                    <a:lnTo>
                      <a:pt x="4733" y="81"/>
                    </a:lnTo>
                    <a:lnTo>
                      <a:pt x="4741" y="79"/>
                    </a:lnTo>
                    <a:lnTo>
                      <a:pt x="4746" y="79"/>
                    </a:lnTo>
                    <a:lnTo>
                      <a:pt x="4751" y="81"/>
                    </a:lnTo>
                    <a:lnTo>
                      <a:pt x="4755" y="83"/>
                    </a:lnTo>
                    <a:lnTo>
                      <a:pt x="4758" y="86"/>
                    </a:lnTo>
                    <a:lnTo>
                      <a:pt x="4761" y="90"/>
                    </a:lnTo>
                    <a:lnTo>
                      <a:pt x="4762" y="94"/>
                    </a:lnTo>
                    <a:lnTo>
                      <a:pt x="4763" y="98"/>
                    </a:lnTo>
                    <a:lnTo>
                      <a:pt x="4764" y="101"/>
                    </a:lnTo>
                    <a:lnTo>
                      <a:pt x="4764" y="112"/>
                    </a:lnTo>
                    <a:lnTo>
                      <a:pt x="4763" y="121"/>
                    </a:lnTo>
                    <a:lnTo>
                      <a:pt x="4761" y="130"/>
                    </a:lnTo>
                    <a:lnTo>
                      <a:pt x="4757" y="138"/>
                    </a:lnTo>
                    <a:lnTo>
                      <a:pt x="4753" y="142"/>
                    </a:lnTo>
                    <a:lnTo>
                      <a:pt x="4749" y="145"/>
                    </a:lnTo>
                    <a:lnTo>
                      <a:pt x="4745" y="148"/>
                    </a:lnTo>
                    <a:lnTo>
                      <a:pt x="4741" y="149"/>
                    </a:lnTo>
                    <a:lnTo>
                      <a:pt x="4732" y="152"/>
                    </a:lnTo>
                    <a:lnTo>
                      <a:pt x="4722" y="151"/>
                    </a:lnTo>
                    <a:lnTo>
                      <a:pt x="4711" y="148"/>
                    </a:lnTo>
                    <a:lnTo>
                      <a:pt x="4702" y="144"/>
                    </a:lnTo>
                    <a:lnTo>
                      <a:pt x="4693" y="139"/>
                    </a:lnTo>
                    <a:lnTo>
                      <a:pt x="4684" y="134"/>
                    </a:lnTo>
                    <a:lnTo>
                      <a:pt x="4674" y="127"/>
                    </a:lnTo>
                    <a:lnTo>
                      <a:pt x="4659" y="121"/>
                    </a:lnTo>
                    <a:lnTo>
                      <a:pt x="4652" y="121"/>
                    </a:lnTo>
                    <a:lnTo>
                      <a:pt x="4647" y="122"/>
                    </a:lnTo>
                    <a:lnTo>
                      <a:pt x="4644" y="123"/>
                    </a:lnTo>
                    <a:lnTo>
                      <a:pt x="4643" y="126"/>
                    </a:lnTo>
                    <a:lnTo>
                      <a:pt x="4641" y="130"/>
                    </a:lnTo>
                    <a:lnTo>
                      <a:pt x="4641" y="135"/>
                    </a:lnTo>
                    <a:lnTo>
                      <a:pt x="4643" y="139"/>
                    </a:lnTo>
                    <a:lnTo>
                      <a:pt x="4647" y="144"/>
                    </a:lnTo>
                    <a:lnTo>
                      <a:pt x="4650" y="148"/>
                    </a:lnTo>
                    <a:lnTo>
                      <a:pt x="4657" y="153"/>
                    </a:lnTo>
                    <a:lnTo>
                      <a:pt x="4670" y="162"/>
                    </a:lnTo>
                    <a:lnTo>
                      <a:pt x="4682" y="171"/>
                    </a:lnTo>
                    <a:lnTo>
                      <a:pt x="4687" y="177"/>
                    </a:lnTo>
                    <a:lnTo>
                      <a:pt x="4691" y="182"/>
                    </a:lnTo>
                    <a:lnTo>
                      <a:pt x="4693" y="186"/>
                    </a:lnTo>
                    <a:lnTo>
                      <a:pt x="4693" y="191"/>
                    </a:lnTo>
                    <a:lnTo>
                      <a:pt x="4689" y="196"/>
                    </a:lnTo>
                    <a:lnTo>
                      <a:pt x="4684" y="200"/>
                    </a:lnTo>
                    <a:lnTo>
                      <a:pt x="4675" y="205"/>
                    </a:lnTo>
                    <a:lnTo>
                      <a:pt x="4662" y="209"/>
                    </a:lnTo>
                    <a:lnTo>
                      <a:pt x="4654" y="214"/>
                    </a:lnTo>
                    <a:lnTo>
                      <a:pt x="4647" y="221"/>
                    </a:lnTo>
                    <a:lnTo>
                      <a:pt x="4640" y="228"/>
                    </a:lnTo>
                    <a:lnTo>
                      <a:pt x="4635" y="237"/>
                    </a:lnTo>
                    <a:lnTo>
                      <a:pt x="4634" y="241"/>
                    </a:lnTo>
                    <a:lnTo>
                      <a:pt x="4634" y="245"/>
                    </a:lnTo>
                    <a:lnTo>
                      <a:pt x="4634" y="250"/>
                    </a:lnTo>
                    <a:lnTo>
                      <a:pt x="4634" y="254"/>
                    </a:lnTo>
                    <a:lnTo>
                      <a:pt x="4636" y="257"/>
                    </a:lnTo>
                    <a:lnTo>
                      <a:pt x="4639" y="259"/>
                    </a:lnTo>
                    <a:lnTo>
                      <a:pt x="4643" y="262"/>
                    </a:lnTo>
                    <a:lnTo>
                      <a:pt x="4647" y="263"/>
                    </a:lnTo>
                    <a:lnTo>
                      <a:pt x="4654" y="262"/>
                    </a:lnTo>
                    <a:lnTo>
                      <a:pt x="4662" y="259"/>
                    </a:lnTo>
                    <a:lnTo>
                      <a:pt x="4672" y="253"/>
                    </a:lnTo>
                    <a:lnTo>
                      <a:pt x="4683" y="245"/>
                    </a:lnTo>
                    <a:lnTo>
                      <a:pt x="4701" y="230"/>
                    </a:lnTo>
                    <a:lnTo>
                      <a:pt x="4714" y="218"/>
                    </a:lnTo>
                    <a:lnTo>
                      <a:pt x="4719" y="212"/>
                    </a:lnTo>
                    <a:lnTo>
                      <a:pt x="4724" y="206"/>
                    </a:lnTo>
                    <a:lnTo>
                      <a:pt x="4728" y="202"/>
                    </a:lnTo>
                    <a:lnTo>
                      <a:pt x="4733" y="200"/>
                    </a:lnTo>
                    <a:lnTo>
                      <a:pt x="4736" y="200"/>
                    </a:lnTo>
                    <a:lnTo>
                      <a:pt x="4739" y="200"/>
                    </a:lnTo>
                    <a:lnTo>
                      <a:pt x="4741" y="201"/>
                    </a:lnTo>
                    <a:lnTo>
                      <a:pt x="4742" y="204"/>
                    </a:lnTo>
                    <a:lnTo>
                      <a:pt x="4744" y="208"/>
                    </a:lnTo>
                    <a:lnTo>
                      <a:pt x="4744" y="212"/>
                    </a:lnTo>
                    <a:lnTo>
                      <a:pt x="4742" y="215"/>
                    </a:lnTo>
                    <a:lnTo>
                      <a:pt x="4741" y="221"/>
                    </a:lnTo>
                    <a:lnTo>
                      <a:pt x="4739" y="227"/>
                    </a:lnTo>
                    <a:lnTo>
                      <a:pt x="4735" y="232"/>
                    </a:lnTo>
                    <a:lnTo>
                      <a:pt x="4729" y="239"/>
                    </a:lnTo>
                    <a:lnTo>
                      <a:pt x="4724" y="244"/>
                    </a:lnTo>
                    <a:lnTo>
                      <a:pt x="4716" y="253"/>
                    </a:lnTo>
                    <a:lnTo>
                      <a:pt x="4710" y="259"/>
                    </a:lnTo>
                    <a:lnTo>
                      <a:pt x="4706" y="266"/>
                    </a:lnTo>
                    <a:lnTo>
                      <a:pt x="4704" y="270"/>
                    </a:lnTo>
                    <a:lnTo>
                      <a:pt x="4704" y="275"/>
                    </a:lnTo>
                    <a:lnTo>
                      <a:pt x="4704" y="278"/>
                    </a:lnTo>
                    <a:lnTo>
                      <a:pt x="4706" y="280"/>
                    </a:lnTo>
                    <a:lnTo>
                      <a:pt x="4710" y="283"/>
                    </a:lnTo>
                    <a:lnTo>
                      <a:pt x="4729" y="287"/>
                    </a:lnTo>
                    <a:lnTo>
                      <a:pt x="4750" y="291"/>
                    </a:lnTo>
                    <a:lnTo>
                      <a:pt x="4753" y="313"/>
                    </a:lnTo>
                    <a:lnTo>
                      <a:pt x="4753" y="338"/>
                    </a:lnTo>
                    <a:lnTo>
                      <a:pt x="4754" y="350"/>
                    </a:lnTo>
                    <a:lnTo>
                      <a:pt x="4757" y="362"/>
                    </a:lnTo>
                    <a:lnTo>
                      <a:pt x="4759" y="367"/>
                    </a:lnTo>
                    <a:lnTo>
                      <a:pt x="4762" y="371"/>
                    </a:lnTo>
                    <a:lnTo>
                      <a:pt x="4764" y="375"/>
                    </a:lnTo>
                    <a:lnTo>
                      <a:pt x="4768" y="379"/>
                    </a:lnTo>
                    <a:lnTo>
                      <a:pt x="4772" y="373"/>
                    </a:lnTo>
                    <a:lnTo>
                      <a:pt x="4776" y="364"/>
                    </a:lnTo>
                    <a:lnTo>
                      <a:pt x="4779" y="354"/>
                    </a:lnTo>
                    <a:lnTo>
                      <a:pt x="4781" y="342"/>
                    </a:lnTo>
                    <a:lnTo>
                      <a:pt x="4784" y="331"/>
                    </a:lnTo>
                    <a:lnTo>
                      <a:pt x="4788" y="319"/>
                    </a:lnTo>
                    <a:lnTo>
                      <a:pt x="4790" y="315"/>
                    </a:lnTo>
                    <a:lnTo>
                      <a:pt x="4792" y="310"/>
                    </a:lnTo>
                    <a:lnTo>
                      <a:pt x="4796" y="306"/>
                    </a:lnTo>
                    <a:lnTo>
                      <a:pt x="4798" y="303"/>
                    </a:lnTo>
                    <a:lnTo>
                      <a:pt x="4807" y="301"/>
                    </a:lnTo>
                    <a:lnTo>
                      <a:pt x="4820" y="300"/>
                    </a:lnTo>
                    <a:lnTo>
                      <a:pt x="4825" y="298"/>
                    </a:lnTo>
                    <a:lnTo>
                      <a:pt x="4830" y="296"/>
                    </a:lnTo>
                    <a:lnTo>
                      <a:pt x="4830" y="294"/>
                    </a:lnTo>
                    <a:lnTo>
                      <a:pt x="4832" y="293"/>
                    </a:lnTo>
                    <a:lnTo>
                      <a:pt x="4830" y="292"/>
                    </a:lnTo>
                    <a:lnTo>
                      <a:pt x="4828" y="291"/>
                    </a:lnTo>
                    <a:lnTo>
                      <a:pt x="4821" y="284"/>
                    </a:lnTo>
                    <a:lnTo>
                      <a:pt x="4816" y="276"/>
                    </a:lnTo>
                    <a:lnTo>
                      <a:pt x="4812" y="269"/>
                    </a:lnTo>
                    <a:lnTo>
                      <a:pt x="4811" y="261"/>
                    </a:lnTo>
                    <a:lnTo>
                      <a:pt x="4811" y="252"/>
                    </a:lnTo>
                    <a:lnTo>
                      <a:pt x="4812" y="244"/>
                    </a:lnTo>
                    <a:lnTo>
                      <a:pt x="4815" y="235"/>
                    </a:lnTo>
                    <a:lnTo>
                      <a:pt x="4819" y="227"/>
                    </a:lnTo>
                    <a:lnTo>
                      <a:pt x="4825" y="219"/>
                    </a:lnTo>
                    <a:lnTo>
                      <a:pt x="4833" y="213"/>
                    </a:lnTo>
                    <a:lnTo>
                      <a:pt x="4836" y="210"/>
                    </a:lnTo>
                    <a:lnTo>
                      <a:pt x="4840" y="206"/>
                    </a:lnTo>
                    <a:lnTo>
                      <a:pt x="4841" y="202"/>
                    </a:lnTo>
                    <a:lnTo>
                      <a:pt x="4843" y="199"/>
                    </a:lnTo>
                    <a:lnTo>
                      <a:pt x="4842" y="180"/>
                    </a:lnTo>
                    <a:lnTo>
                      <a:pt x="4841" y="161"/>
                    </a:lnTo>
                    <a:lnTo>
                      <a:pt x="4853" y="160"/>
                    </a:lnTo>
                    <a:lnTo>
                      <a:pt x="4864" y="158"/>
                    </a:lnTo>
                    <a:lnTo>
                      <a:pt x="4876" y="156"/>
                    </a:lnTo>
                    <a:lnTo>
                      <a:pt x="4887" y="156"/>
                    </a:lnTo>
                    <a:lnTo>
                      <a:pt x="4894" y="157"/>
                    </a:lnTo>
                    <a:lnTo>
                      <a:pt x="4898" y="160"/>
                    </a:lnTo>
                    <a:lnTo>
                      <a:pt x="4899" y="164"/>
                    </a:lnTo>
                    <a:lnTo>
                      <a:pt x="4900" y="167"/>
                    </a:lnTo>
                    <a:lnTo>
                      <a:pt x="4902" y="171"/>
                    </a:lnTo>
                    <a:lnTo>
                      <a:pt x="4902" y="177"/>
                    </a:lnTo>
                    <a:lnTo>
                      <a:pt x="4903" y="182"/>
                    </a:lnTo>
                    <a:lnTo>
                      <a:pt x="4906" y="186"/>
                    </a:lnTo>
                    <a:lnTo>
                      <a:pt x="4910" y="188"/>
                    </a:lnTo>
                    <a:lnTo>
                      <a:pt x="4912" y="189"/>
                    </a:lnTo>
                    <a:lnTo>
                      <a:pt x="4916" y="191"/>
                    </a:lnTo>
                    <a:lnTo>
                      <a:pt x="4919" y="189"/>
                    </a:lnTo>
                    <a:lnTo>
                      <a:pt x="4926" y="188"/>
                    </a:lnTo>
                    <a:lnTo>
                      <a:pt x="4934" y="184"/>
                    </a:lnTo>
                    <a:lnTo>
                      <a:pt x="4942" y="182"/>
                    </a:lnTo>
                    <a:lnTo>
                      <a:pt x="4951" y="180"/>
                    </a:lnTo>
                    <a:lnTo>
                      <a:pt x="4956" y="180"/>
                    </a:lnTo>
                    <a:lnTo>
                      <a:pt x="4960" y="182"/>
                    </a:lnTo>
                    <a:lnTo>
                      <a:pt x="4967" y="184"/>
                    </a:lnTo>
                    <a:lnTo>
                      <a:pt x="4972" y="188"/>
                    </a:lnTo>
                    <a:lnTo>
                      <a:pt x="4978" y="192"/>
                    </a:lnTo>
                    <a:lnTo>
                      <a:pt x="4986" y="193"/>
                    </a:lnTo>
                    <a:lnTo>
                      <a:pt x="4994" y="195"/>
                    </a:lnTo>
                    <a:lnTo>
                      <a:pt x="5000" y="195"/>
                    </a:lnTo>
                    <a:lnTo>
                      <a:pt x="5008" y="195"/>
                    </a:lnTo>
                    <a:lnTo>
                      <a:pt x="5016" y="196"/>
                    </a:lnTo>
                    <a:lnTo>
                      <a:pt x="5024" y="200"/>
                    </a:lnTo>
                    <a:lnTo>
                      <a:pt x="5031" y="206"/>
                    </a:lnTo>
                    <a:lnTo>
                      <a:pt x="5046" y="221"/>
                    </a:lnTo>
                    <a:lnTo>
                      <a:pt x="5055" y="230"/>
                    </a:lnTo>
                    <a:lnTo>
                      <a:pt x="5060" y="235"/>
                    </a:lnTo>
                    <a:lnTo>
                      <a:pt x="5066" y="237"/>
                    </a:lnTo>
                    <a:lnTo>
                      <a:pt x="5074" y="237"/>
                    </a:lnTo>
                    <a:lnTo>
                      <a:pt x="5086" y="239"/>
                    </a:lnTo>
                    <a:lnTo>
                      <a:pt x="5103" y="241"/>
                    </a:lnTo>
                    <a:lnTo>
                      <a:pt x="5128" y="246"/>
                    </a:lnTo>
                    <a:lnTo>
                      <a:pt x="5192" y="265"/>
                    </a:lnTo>
                    <a:lnTo>
                      <a:pt x="5195" y="272"/>
                    </a:lnTo>
                    <a:lnTo>
                      <a:pt x="5200" y="289"/>
                    </a:lnTo>
                    <a:lnTo>
                      <a:pt x="5201" y="298"/>
                    </a:lnTo>
                    <a:lnTo>
                      <a:pt x="5202" y="306"/>
                    </a:lnTo>
                    <a:lnTo>
                      <a:pt x="5202" y="313"/>
                    </a:lnTo>
                    <a:lnTo>
                      <a:pt x="5201" y="315"/>
                    </a:lnTo>
                    <a:lnTo>
                      <a:pt x="5171" y="333"/>
                    </a:lnTo>
                    <a:lnTo>
                      <a:pt x="5153" y="348"/>
                    </a:lnTo>
                    <a:lnTo>
                      <a:pt x="5145" y="354"/>
                    </a:lnTo>
                    <a:lnTo>
                      <a:pt x="5139" y="364"/>
                    </a:lnTo>
                    <a:lnTo>
                      <a:pt x="5131" y="376"/>
                    </a:lnTo>
                    <a:lnTo>
                      <a:pt x="5121" y="393"/>
                    </a:lnTo>
                    <a:lnTo>
                      <a:pt x="5113" y="403"/>
                    </a:lnTo>
                    <a:lnTo>
                      <a:pt x="5105" y="412"/>
                    </a:lnTo>
                    <a:lnTo>
                      <a:pt x="5096" y="420"/>
                    </a:lnTo>
                    <a:lnTo>
                      <a:pt x="5086" y="427"/>
                    </a:lnTo>
                    <a:lnTo>
                      <a:pt x="5074" y="432"/>
                    </a:lnTo>
                    <a:lnTo>
                      <a:pt x="5062" y="437"/>
                    </a:lnTo>
                    <a:lnTo>
                      <a:pt x="5049" y="439"/>
                    </a:lnTo>
                    <a:lnTo>
                      <a:pt x="5036" y="443"/>
                    </a:lnTo>
                    <a:lnTo>
                      <a:pt x="5011" y="447"/>
                    </a:lnTo>
                    <a:lnTo>
                      <a:pt x="4983" y="449"/>
                    </a:lnTo>
                    <a:lnTo>
                      <a:pt x="4957" y="449"/>
                    </a:lnTo>
                    <a:lnTo>
                      <a:pt x="4934" y="449"/>
                    </a:lnTo>
                    <a:lnTo>
                      <a:pt x="4922" y="449"/>
                    </a:lnTo>
                    <a:lnTo>
                      <a:pt x="4911" y="447"/>
                    </a:lnTo>
                    <a:lnTo>
                      <a:pt x="4900" y="446"/>
                    </a:lnTo>
                    <a:lnTo>
                      <a:pt x="4889" y="445"/>
                    </a:lnTo>
                    <a:lnTo>
                      <a:pt x="4875" y="443"/>
                    </a:lnTo>
                    <a:lnTo>
                      <a:pt x="4863" y="443"/>
                    </a:lnTo>
                    <a:lnTo>
                      <a:pt x="4855" y="445"/>
                    </a:lnTo>
                    <a:lnTo>
                      <a:pt x="4850" y="446"/>
                    </a:lnTo>
                    <a:lnTo>
                      <a:pt x="4850" y="447"/>
                    </a:lnTo>
                    <a:lnTo>
                      <a:pt x="4850" y="450"/>
                    </a:lnTo>
                    <a:lnTo>
                      <a:pt x="4853" y="452"/>
                    </a:lnTo>
                    <a:lnTo>
                      <a:pt x="4855" y="455"/>
                    </a:lnTo>
                    <a:lnTo>
                      <a:pt x="4864" y="463"/>
                    </a:lnTo>
                    <a:lnTo>
                      <a:pt x="4880" y="472"/>
                    </a:lnTo>
                    <a:lnTo>
                      <a:pt x="4890" y="478"/>
                    </a:lnTo>
                    <a:lnTo>
                      <a:pt x="4900" y="484"/>
                    </a:lnTo>
                    <a:lnTo>
                      <a:pt x="4908" y="487"/>
                    </a:lnTo>
                    <a:lnTo>
                      <a:pt x="4917" y="490"/>
                    </a:lnTo>
                    <a:lnTo>
                      <a:pt x="4934" y="494"/>
                    </a:lnTo>
                    <a:lnTo>
                      <a:pt x="4959" y="499"/>
                    </a:lnTo>
                    <a:lnTo>
                      <a:pt x="4977" y="502"/>
                    </a:lnTo>
                    <a:lnTo>
                      <a:pt x="4985" y="503"/>
                    </a:lnTo>
                    <a:lnTo>
                      <a:pt x="4985" y="504"/>
                    </a:lnTo>
                    <a:lnTo>
                      <a:pt x="4983" y="508"/>
                    </a:lnTo>
                    <a:lnTo>
                      <a:pt x="4978" y="513"/>
                    </a:lnTo>
                    <a:lnTo>
                      <a:pt x="4972" y="522"/>
                    </a:lnTo>
                    <a:lnTo>
                      <a:pt x="4965" y="531"/>
                    </a:lnTo>
                    <a:lnTo>
                      <a:pt x="4954" y="547"/>
                    </a:lnTo>
                    <a:lnTo>
                      <a:pt x="4950" y="555"/>
                    </a:lnTo>
                    <a:lnTo>
                      <a:pt x="4947" y="561"/>
                    </a:lnTo>
                    <a:lnTo>
                      <a:pt x="4947" y="564"/>
                    </a:lnTo>
                    <a:lnTo>
                      <a:pt x="4948" y="565"/>
                    </a:lnTo>
                    <a:lnTo>
                      <a:pt x="4951" y="566"/>
                    </a:lnTo>
                    <a:lnTo>
                      <a:pt x="4954" y="566"/>
                    </a:lnTo>
                    <a:lnTo>
                      <a:pt x="4965" y="563"/>
                    </a:lnTo>
                    <a:lnTo>
                      <a:pt x="4979" y="555"/>
                    </a:lnTo>
                    <a:lnTo>
                      <a:pt x="4987" y="551"/>
                    </a:lnTo>
                    <a:lnTo>
                      <a:pt x="4995" y="546"/>
                    </a:lnTo>
                    <a:lnTo>
                      <a:pt x="5004" y="543"/>
                    </a:lnTo>
                    <a:lnTo>
                      <a:pt x="5012" y="541"/>
                    </a:lnTo>
                    <a:lnTo>
                      <a:pt x="5020" y="541"/>
                    </a:lnTo>
                    <a:lnTo>
                      <a:pt x="5026" y="542"/>
                    </a:lnTo>
                    <a:lnTo>
                      <a:pt x="5030" y="543"/>
                    </a:lnTo>
                    <a:lnTo>
                      <a:pt x="5034" y="547"/>
                    </a:lnTo>
                    <a:lnTo>
                      <a:pt x="5035" y="551"/>
                    </a:lnTo>
                    <a:lnTo>
                      <a:pt x="5035" y="556"/>
                    </a:lnTo>
                    <a:lnTo>
                      <a:pt x="5035" y="563"/>
                    </a:lnTo>
                    <a:lnTo>
                      <a:pt x="5034" y="569"/>
                    </a:lnTo>
                    <a:lnTo>
                      <a:pt x="5024" y="595"/>
                    </a:lnTo>
                    <a:lnTo>
                      <a:pt x="5016" y="613"/>
                    </a:lnTo>
                    <a:lnTo>
                      <a:pt x="5009" y="633"/>
                    </a:lnTo>
                    <a:lnTo>
                      <a:pt x="5007" y="644"/>
                    </a:lnTo>
                    <a:lnTo>
                      <a:pt x="5007" y="648"/>
                    </a:lnTo>
                    <a:lnTo>
                      <a:pt x="5007" y="649"/>
                    </a:lnTo>
                    <a:lnTo>
                      <a:pt x="5008" y="651"/>
                    </a:lnTo>
                    <a:lnTo>
                      <a:pt x="5009" y="649"/>
                    </a:lnTo>
                    <a:lnTo>
                      <a:pt x="5016" y="647"/>
                    </a:lnTo>
                    <a:lnTo>
                      <a:pt x="5025" y="640"/>
                    </a:lnTo>
                    <a:lnTo>
                      <a:pt x="5036" y="635"/>
                    </a:lnTo>
                    <a:lnTo>
                      <a:pt x="5052" y="629"/>
                    </a:lnTo>
                    <a:lnTo>
                      <a:pt x="5056" y="629"/>
                    </a:lnTo>
                    <a:lnTo>
                      <a:pt x="5060" y="629"/>
                    </a:lnTo>
                    <a:lnTo>
                      <a:pt x="5065" y="629"/>
                    </a:lnTo>
                    <a:lnTo>
                      <a:pt x="5069" y="630"/>
                    </a:lnTo>
                    <a:lnTo>
                      <a:pt x="5078" y="634"/>
                    </a:lnTo>
                    <a:lnTo>
                      <a:pt x="5086" y="639"/>
                    </a:lnTo>
                    <a:lnTo>
                      <a:pt x="5095" y="643"/>
                    </a:lnTo>
                    <a:lnTo>
                      <a:pt x="5105" y="648"/>
                    </a:lnTo>
                    <a:lnTo>
                      <a:pt x="5110" y="649"/>
                    </a:lnTo>
                    <a:lnTo>
                      <a:pt x="5116" y="649"/>
                    </a:lnTo>
                    <a:lnTo>
                      <a:pt x="5121" y="651"/>
                    </a:lnTo>
                    <a:lnTo>
                      <a:pt x="5126" y="649"/>
                    </a:lnTo>
                    <a:lnTo>
                      <a:pt x="5135" y="647"/>
                    </a:lnTo>
                    <a:lnTo>
                      <a:pt x="5141" y="643"/>
                    </a:lnTo>
                    <a:lnTo>
                      <a:pt x="5144" y="638"/>
                    </a:lnTo>
                    <a:lnTo>
                      <a:pt x="5145" y="633"/>
                    </a:lnTo>
                    <a:lnTo>
                      <a:pt x="5144" y="626"/>
                    </a:lnTo>
                    <a:lnTo>
                      <a:pt x="5143" y="618"/>
                    </a:lnTo>
                    <a:lnTo>
                      <a:pt x="5139" y="610"/>
                    </a:lnTo>
                    <a:lnTo>
                      <a:pt x="5135" y="601"/>
                    </a:lnTo>
                    <a:lnTo>
                      <a:pt x="5128" y="586"/>
                    </a:lnTo>
                    <a:lnTo>
                      <a:pt x="5123" y="570"/>
                    </a:lnTo>
                    <a:lnTo>
                      <a:pt x="5123" y="565"/>
                    </a:lnTo>
                    <a:lnTo>
                      <a:pt x="5125" y="559"/>
                    </a:lnTo>
                    <a:lnTo>
                      <a:pt x="5126" y="557"/>
                    </a:lnTo>
                    <a:lnTo>
                      <a:pt x="5128" y="555"/>
                    </a:lnTo>
                    <a:lnTo>
                      <a:pt x="5131" y="553"/>
                    </a:lnTo>
                    <a:lnTo>
                      <a:pt x="5135" y="552"/>
                    </a:lnTo>
                    <a:lnTo>
                      <a:pt x="5145" y="550"/>
                    </a:lnTo>
                    <a:lnTo>
                      <a:pt x="5153" y="550"/>
                    </a:lnTo>
                    <a:lnTo>
                      <a:pt x="5160" y="551"/>
                    </a:lnTo>
                    <a:lnTo>
                      <a:pt x="5163" y="553"/>
                    </a:lnTo>
                    <a:lnTo>
                      <a:pt x="5166" y="557"/>
                    </a:lnTo>
                    <a:lnTo>
                      <a:pt x="5167" y="563"/>
                    </a:lnTo>
                    <a:lnTo>
                      <a:pt x="5169" y="568"/>
                    </a:lnTo>
                    <a:lnTo>
                      <a:pt x="5169" y="574"/>
                    </a:lnTo>
                    <a:lnTo>
                      <a:pt x="5169" y="588"/>
                    </a:lnTo>
                    <a:lnTo>
                      <a:pt x="5169" y="604"/>
                    </a:lnTo>
                    <a:lnTo>
                      <a:pt x="5171" y="610"/>
                    </a:lnTo>
                    <a:lnTo>
                      <a:pt x="5174" y="616"/>
                    </a:lnTo>
                    <a:lnTo>
                      <a:pt x="5178" y="621"/>
                    </a:lnTo>
                    <a:lnTo>
                      <a:pt x="5184" y="626"/>
                    </a:lnTo>
                    <a:lnTo>
                      <a:pt x="5188" y="627"/>
                    </a:lnTo>
                    <a:lnTo>
                      <a:pt x="5191" y="626"/>
                    </a:lnTo>
                    <a:lnTo>
                      <a:pt x="5193" y="625"/>
                    </a:lnTo>
                    <a:lnTo>
                      <a:pt x="5196" y="621"/>
                    </a:lnTo>
                    <a:lnTo>
                      <a:pt x="5197" y="612"/>
                    </a:lnTo>
                    <a:lnTo>
                      <a:pt x="5200" y="600"/>
                    </a:lnTo>
                    <a:lnTo>
                      <a:pt x="5201" y="587"/>
                    </a:lnTo>
                    <a:lnTo>
                      <a:pt x="5204" y="576"/>
                    </a:lnTo>
                    <a:lnTo>
                      <a:pt x="5205" y="572"/>
                    </a:lnTo>
                    <a:lnTo>
                      <a:pt x="5207" y="568"/>
                    </a:lnTo>
                    <a:lnTo>
                      <a:pt x="5211" y="565"/>
                    </a:lnTo>
                    <a:lnTo>
                      <a:pt x="5215" y="564"/>
                    </a:lnTo>
                    <a:lnTo>
                      <a:pt x="5226" y="563"/>
                    </a:lnTo>
                    <a:lnTo>
                      <a:pt x="5239" y="561"/>
                    </a:lnTo>
                    <a:lnTo>
                      <a:pt x="5231" y="644"/>
                    </a:lnTo>
                    <a:lnTo>
                      <a:pt x="5185" y="697"/>
                    </a:lnTo>
                    <a:lnTo>
                      <a:pt x="5173" y="710"/>
                    </a:lnTo>
                    <a:lnTo>
                      <a:pt x="5165" y="718"/>
                    </a:lnTo>
                    <a:lnTo>
                      <a:pt x="5160" y="727"/>
                    </a:lnTo>
                    <a:lnTo>
                      <a:pt x="5156" y="744"/>
                    </a:lnTo>
                    <a:lnTo>
                      <a:pt x="5153" y="750"/>
                    </a:lnTo>
                    <a:lnTo>
                      <a:pt x="5149" y="756"/>
                    </a:lnTo>
                    <a:lnTo>
                      <a:pt x="5145" y="762"/>
                    </a:lnTo>
                    <a:lnTo>
                      <a:pt x="5141" y="767"/>
                    </a:lnTo>
                    <a:lnTo>
                      <a:pt x="5138" y="772"/>
                    </a:lnTo>
                    <a:lnTo>
                      <a:pt x="5134" y="778"/>
                    </a:lnTo>
                    <a:lnTo>
                      <a:pt x="5131" y="784"/>
                    </a:lnTo>
                    <a:lnTo>
                      <a:pt x="5130" y="791"/>
                    </a:lnTo>
                    <a:lnTo>
                      <a:pt x="5130" y="810"/>
                    </a:lnTo>
                    <a:lnTo>
                      <a:pt x="5128" y="826"/>
                    </a:lnTo>
                    <a:lnTo>
                      <a:pt x="5126" y="841"/>
                    </a:lnTo>
                    <a:lnTo>
                      <a:pt x="5122" y="854"/>
                    </a:lnTo>
                    <a:lnTo>
                      <a:pt x="5119" y="859"/>
                    </a:lnTo>
                    <a:lnTo>
                      <a:pt x="5116" y="866"/>
                    </a:lnTo>
                    <a:lnTo>
                      <a:pt x="5112" y="871"/>
                    </a:lnTo>
                    <a:lnTo>
                      <a:pt x="5105" y="876"/>
                    </a:lnTo>
                    <a:lnTo>
                      <a:pt x="5100" y="881"/>
                    </a:lnTo>
                    <a:lnTo>
                      <a:pt x="5092" y="885"/>
                    </a:lnTo>
                    <a:lnTo>
                      <a:pt x="5083" y="890"/>
                    </a:lnTo>
                    <a:lnTo>
                      <a:pt x="5073" y="895"/>
                    </a:lnTo>
                    <a:lnTo>
                      <a:pt x="5059" y="898"/>
                    </a:lnTo>
                    <a:lnTo>
                      <a:pt x="5040" y="899"/>
                    </a:lnTo>
                    <a:lnTo>
                      <a:pt x="5033" y="902"/>
                    </a:lnTo>
                    <a:lnTo>
                      <a:pt x="5025" y="903"/>
                    </a:lnTo>
                    <a:lnTo>
                      <a:pt x="5022" y="906"/>
                    </a:lnTo>
                    <a:lnTo>
                      <a:pt x="5020" y="908"/>
                    </a:lnTo>
                    <a:lnTo>
                      <a:pt x="5017" y="911"/>
                    </a:lnTo>
                    <a:lnTo>
                      <a:pt x="5016" y="914"/>
                    </a:lnTo>
                    <a:lnTo>
                      <a:pt x="5013" y="923"/>
                    </a:lnTo>
                    <a:lnTo>
                      <a:pt x="5011" y="929"/>
                    </a:lnTo>
                    <a:lnTo>
                      <a:pt x="5007" y="934"/>
                    </a:lnTo>
                    <a:lnTo>
                      <a:pt x="5003" y="938"/>
                    </a:lnTo>
                    <a:lnTo>
                      <a:pt x="4995" y="945"/>
                    </a:lnTo>
                    <a:lnTo>
                      <a:pt x="4987" y="949"/>
                    </a:lnTo>
                    <a:lnTo>
                      <a:pt x="4977" y="952"/>
                    </a:lnTo>
                    <a:lnTo>
                      <a:pt x="4968" y="956"/>
                    </a:lnTo>
                    <a:lnTo>
                      <a:pt x="4963" y="959"/>
                    </a:lnTo>
                    <a:lnTo>
                      <a:pt x="4957" y="963"/>
                    </a:lnTo>
                    <a:lnTo>
                      <a:pt x="4952" y="967"/>
                    </a:lnTo>
                    <a:lnTo>
                      <a:pt x="4947" y="972"/>
                    </a:lnTo>
                    <a:lnTo>
                      <a:pt x="4939" y="980"/>
                    </a:lnTo>
                    <a:lnTo>
                      <a:pt x="4932" y="986"/>
                    </a:lnTo>
                    <a:lnTo>
                      <a:pt x="4922" y="991"/>
                    </a:lnTo>
                    <a:lnTo>
                      <a:pt x="4913" y="997"/>
                    </a:lnTo>
                    <a:lnTo>
                      <a:pt x="4903" y="1000"/>
                    </a:lnTo>
                    <a:lnTo>
                      <a:pt x="4894" y="1004"/>
                    </a:lnTo>
                    <a:lnTo>
                      <a:pt x="4884" y="1007"/>
                    </a:lnTo>
                    <a:lnTo>
                      <a:pt x="4873" y="1008"/>
                    </a:lnTo>
                    <a:lnTo>
                      <a:pt x="4875" y="993"/>
                    </a:lnTo>
                    <a:lnTo>
                      <a:pt x="4876" y="978"/>
                    </a:lnTo>
                    <a:lnTo>
                      <a:pt x="4877" y="963"/>
                    </a:lnTo>
                    <a:lnTo>
                      <a:pt x="4881" y="949"/>
                    </a:lnTo>
                    <a:lnTo>
                      <a:pt x="4882" y="937"/>
                    </a:lnTo>
                    <a:lnTo>
                      <a:pt x="4884" y="925"/>
                    </a:lnTo>
                    <a:lnTo>
                      <a:pt x="4885" y="914"/>
                    </a:lnTo>
                    <a:lnTo>
                      <a:pt x="4885" y="902"/>
                    </a:lnTo>
                    <a:lnTo>
                      <a:pt x="4887" y="892"/>
                    </a:lnTo>
                    <a:lnTo>
                      <a:pt x="4890" y="883"/>
                    </a:lnTo>
                    <a:lnTo>
                      <a:pt x="4891" y="872"/>
                    </a:lnTo>
                    <a:lnTo>
                      <a:pt x="4893" y="861"/>
                    </a:lnTo>
                    <a:lnTo>
                      <a:pt x="4891" y="845"/>
                    </a:lnTo>
                    <a:lnTo>
                      <a:pt x="4890" y="829"/>
                    </a:lnTo>
                    <a:lnTo>
                      <a:pt x="4889" y="814"/>
                    </a:lnTo>
                    <a:lnTo>
                      <a:pt x="4887" y="798"/>
                    </a:lnTo>
                    <a:lnTo>
                      <a:pt x="4887" y="758"/>
                    </a:lnTo>
                    <a:lnTo>
                      <a:pt x="4885" y="714"/>
                    </a:lnTo>
                    <a:lnTo>
                      <a:pt x="4882" y="692"/>
                    </a:lnTo>
                    <a:lnTo>
                      <a:pt x="4880" y="671"/>
                    </a:lnTo>
                    <a:lnTo>
                      <a:pt x="4875" y="651"/>
                    </a:lnTo>
                    <a:lnTo>
                      <a:pt x="4868" y="633"/>
                    </a:lnTo>
                    <a:lnTo>
                      <a:pt x="4863" y="625"/>
                    </a:lnTo>
                    <a:lnTo>
                      <a:pt x="4858" y="617"/>
                    </a:lnTo>
                    <a:lnTo>
                      <a:pt x="4850" y="610"/>
                    </a:lnTo>
                    <a:lnTo>
                      <a:pt x="4842" y="604"/>
                    </a:lnTo>
                    <a:lnTo>
                      <a:pt x="4824" y="595"/>
                    </a:lnTo>
                    <a:lnTo>
                      <a:pt x="4803" y="586"/>
                    </a:lnTo>
                    <a:lnTo>
                      <a:pt x="4781" y="579"/>
                    </a:lnTo>
                    <a:lnTo>
                      <a:pt x="4759" y="573"/>
                    </a:lnTo>
                    <a:lnTo>
                      <a:pt x="4740" y="565"/>
                    </a:lnTo>
                    <a:lnTo>
                      <a:pt x="4722" y="557"/>
                    </a:lnTo>
                    <a:lnTo>
                      <a:pt x="4707" y="547"/>
                    </a:lnTo>
                    <a:lnTo>
                      <a:pt x="4691" y="534"/>
                    </a:lnTo>
                    <a:lnTo>
                      <a:pt x="4683" y="528"/>
                    </a:lnTo>
                    <a:lnTo>
                      <a:pt x="4674" y="524"/>
                    </a:lnTo>
                    <a:lnTo>
                      <a:pt x="4667" y="520"/>
                    </a:lnTo>
                    <a:lnTo>
                      <a:pt x="4661" y="519"/>
                    </a:lnTo>
                    <a:lnTo>
                      <a:pt x="4653" y="520"/>
                    </a:lnTo>
                    <a:lnTo>
                      <a:pt x="4648" y="521"/>
                    </a:lnTo>
                    <a:lnTo>
                      <a:pt x="4643" y="524"/>
                    </a:lnTo>
                    <a:lnTo>
                      <a:pt x="4639" y="528"/>
                    </a:lnTo>
                    <a:lnTo>
                      <a:pt x="4635" y="535"/>
                    </a:lnTo>
                    <a:lnTo>
                      <a:pt x="4632" y="546"/>
                    </a:lnTo>
                    <a:lnTo>
                      <a:pt x="4631" y="556"/>
                    </a:lnTo>
                    <a:lnTo>
                      <a:pt x="4628" y="566"/>
                    </a:lnTo>
                    <a:lnTo>
                      <a:pt x="4627" y="570"/>
                    </a:lnTo>
                    <a:lnTo>
                      <a:pt x="4625" y="576"/>
                    </a:lnTo>
                    <a:lnTo>
                      <a:pt x="4622" y="578"/>
                    </a:lnTo>
                    <a:lnTo>
                      <a:pt x="4617" y="582"/>
                    </a:lnTo>
                    <a:lnTo>
                      <a:pt x="4612" y="585"/>
                    </a:lnTo>
                    <a:lnTo>
                      <a:pt x="4605" y="586"/>
                    </a:lnTo>
                    <a:lnTo>
                      <a:pt x="4600" y="586"/>
                    </a:lnTo>
                    <a:lnTo>
                      <a:pt x="4593" y="586"/>
                    </a:lnTo>
                    <a:lnTo>
                      <a:pt x="4580" y="586"/>
                    </a:lnTo>
                    <a:lnTo>
                      <a:pt x="4569" y="587"/>
                    </a:lnTo>
                    <a:lnTo>
                      <a:pt x="4558" y="592"/>
                    </a:lnTo>
                    <a:lnTo>
                      <a:pt x="4551" y="599"/>
                    </a:lnTo>
                    <a:lnTo>
                      <a:pt x="4544" y="605"/>
                    </a:lnTo>
                    <a:lnTo>
                      <a:pt x="4538" y="613"/>
                    </a:lnTo>
                    <a:lnTo>
                      <a:pt x="4529" y="631"/>
                    </a:lnTo>
                    <a:lnTo>
                      <a:pt x="4517" y="649"/>
                    </a:lnTo>
                    <a:lnTo>
                      <a:pt x="4513" y="660"/>
                    </a:lnTo>
                    <a:lnTo>
                      <a:pt x="4505" y="673"/>
                    </a:lnTo>
                    <a:lnTo>
                      <a:pt x="4498" y="684"/>
                    </a:lnTo>
                    <a:lnTo>
                      <a:pt x="4490" y="697"/>
                    </a:lnTo>
                    <a:lnTo>
                      <a:pt x="4482" y="709"/>
                    </a:lnTo>
                    <a:lnTo>
                      <a:pt x="4477" y="721"/>
                    </a:lnTo>
                    <a:lnTo>
                      <a:pt x="4476" y="727"/>
                    </a:lnTo>
                    <a:lnTo>
                      <a:pt x="4474" y="732"/>
                    </a:lnTo>
                    <a:lnTo>
                      <a:pt x="4476" y="737"/>
                    </a:lnTo>
                    <a:lnTo>
                      <a:pt x="4477" y="744"/>
                    </a:lnTo>
                    <a:lnTo>
                      <a:pt x="4482" y="752"/>
                    </a:lnTo>
                    <a:lnTo>
                      <a:pt x="4485" y="761"/>
                    </a:lnTo>
                    <a:lnTo>
                      <a:pt x="4486" y="769"/>
                    </a:lnTo>
                    <a:lnTo>
                      <a:pt x="4487" y="776"/>
                    </a:lnTo>
                    <a:lnTo>
                      <a:pt x="4488" y="792"/>
                    </a:lnTo>
                    <a:lnTo>
                      <a:pt x="4488" y="811"/>
                    </a:lnTo>
                    <a:lnTo>
                      <a:pt x="4490" y="835"/>
                    </a:lnTo>
                    <a:lnTo>
                      <a:pt x="4492" y="861"/>
                    </a:lnTo>
                    <a:lnTo>
                      <a:pt x="4494" y="886"/>
                    </a:lnTo>
                    <a:lnTo>
                      <a:pt x="4495" y="914"/>
                    </a:lnTo>
                    <a:lnTo>
                      <a:pt x="4494" y="941"/>
                    </a:lnTo>
                    <a:lnTo>
                      <a:pt x="4492" y="967"/>
                    </a:lnTo>
                    <a:lnTo>
                      <a:pt x="4491" y="978"/>
                    </a:lnTo>
                    <a:lnTo>
                      <a:pt x="4490" y="991"/>
                    </a:lnTo>
                    <a:lnTo>
                      <a:pt x="4486" y="1003"/>
                    </a:lnTo>
                    <a:lnTo>
                      <a:pt x="4483" y="1015"/>
                    </a:lnTo>
                    <a:lnTo>
                      <a:pt x="4481" y="1021"/>
                    </a:lnTo>
                    <a:lnTo>
                      <a:pt x="4477" y="1028"/>
                    </a:lnTo>
                    <a:lnTo>
                      <a:pt x="4473" y="1033"/>
                    </a:lnTo>
                    <a:lnTo>
                      <a:pt x="4468" y="1038"/>
                    </a:lnTo>
                    <a:lnTo>
                      <a:pt x="4457" y="1047"/>
                    </a:lnTo>
                    <a:lnTo>
                      <a:pt x="4446" y="1056"/>
                    </a:lnTo>
                    <a:lnTo>
                      <a:pt x="4435" y="1065"/>
                    </a:lnTo>
                    <a:lnTo>
                      <a:pt x="4426" y="1076"/>
                    </a:lnTo>
                    <a:lnTo>
                      <a:pt x="4422" y="1081"/>
                    </a:lnTo>
                    <a:lnTo>
                      <a:pt x="4420" y="1087"/>
                    </a:lnTo>
                    <a:lnTo>
                      <a:pt x="4417" y="1094"/>
                    </a:lnTo>
                    <a:lnTo>
                      <a:pt x="4416" y="1103"/>
                    </a:lnTo>
                    <a:lnTo>
                      <a:pt x="4415" y="1114"/>
                    </a:lnTo>
                    <a:lnTo>
                      <a:pt x="4412" y="1126"/>
                    </a:lnTo>
                    <a:lnTo>
                      <a:pt x="4408" y="1135"/>
                    </a:lnTo>
                    <a:lnTo>
                      <a:pt x="4404" y="1144"/>
                    </a:lnTo>
                    <a:lnTo>
                      <a:pt x="4399" y="1153"/>
                    </a:lnTo>
                    <a:lnTo>
                      <a:pt x="4393" y="1160"/>
                    </a:lnTo>
                    <a:lnTo>
                      <a:pt x="4386" y="1166"/>
                    </a:lnTo>
                    <a:lnTo>
                      <a:pt x="4378" y="1173"/>
                    </a:lnTo>
                    <a:lnTo>
                      <a:pt x="4360" y="1182"/>
                    </a:lnTo>
                    <a:lnTo>
                      <a:pt x="4342" y="1190"/>
                    </a:lnTo>
                    <a:lnTo>
                      <a:pt x="4321" y="1196"/>
                    </a:lnTo>
                    <a:lnTo>
                      <a:pt x="4301" y="1201"/>
                    </a:lnTo>
                    <a:lnTo>
                      <a:pt x="4280" y="1196"/>
                    </a:lnTo>
                    <a:lnTo>
                      <a:pt x="4262" y="1191"/>
                    </a:lnTo>
                    <a:lnTo>
                      <a:pt x="4246" y="1184"/>
                    </a:lnTo>
                    <a:lnTo>
                      <a:pt x="4233" y="1178"/>
                    </a:lnTo>
                    <a:lnTo>
                      <a:pt x="4220" y="1169"/>
                    </a:lnTo>
                    <a:lnTo>
                      <a:pt x="4209" y="1157"/>
                    </a:lnTo>
                    <a:lnTo>
                      <a:pt x="4197" y="1144"/>
                    </a:lnTo>
                    <a:lnTo>
                      <a:pt x="4184" y="1127"/>
                    </a:lnTo>
                    <a:lnTo>
                      <a:pt x="4180" y="1122"/>
                    </a:lnTo>
                    <a:lnTo>
                      <a:pt x="4175" y="1120"/>
                    </a:lnTo>
                    <a:lnTo>
                      <a:pt x="4168" y="1118"/>
                    </a:lnTo>
                    <a:lnTo>
                      <a:pt x="4162" y="1118"/>
                    </a:lnTo>
                    <a:lnTo>
                      <a:pt x="4156" y="1121"/>
                    </a:lnTo>
                    <a:lnTo>
                      <a:pt x="4148" y="1123"/>
                    </a:lnTo>
                    <a:lnTo>
                      <a:pt x="4140" y="1127"/>
                    </a:lnTo>
                    <a:lnTo>
                      <a:pt x="4134" y="1133"/>
                    </a:lnTo>
                    <a:lnTo>
                      <a:pt x="4104" y="1153"/>
                    </a:lnTo>
                    <a:lnTo>
                      <a:pt x="4080" y="1169"/>
                    </a:lnTo>
                    <a:lnTo>
                      <a:pt x="4070" y="1174"/>
                    </a:lnTo>
                    <a:lnTo>
                      <a:pt x="4060" y="1177"/>
                    </a:lnTo>
                    <a:lnTo>
                      <a:pt x="4049" y="1179"/>
                    </a:lnTo>
                    <a:lnTo>
                      <a:pt x="4039" y="1179"/>
                    </a:lnTo>
                    <a:lnTo>
                      <a:pt x="4029" y="1179"/>
                    </a:lnTo>
                    <a:lnTo>
                      <a:pt x="4018" y="1179"/>
                    </a:lnTo>
                    <a:lnTo>
                      <a:pt x="4009" y="1177"/>
                    </a:lnTo>
                    <a:lnTo>
                      <a:pt x="3999" y="1174"/>
                    </a:lnTo>
                    <a:lnTo>
                      <a:pt x="3990" y="1171"/>
                    </a:lnTo>
                    <a:lnTo>
                      <a:pt x="3981" y="1166"/>
                    </a:lnTo>
                    <a:lnTo>
                      <a:pt x="3972" y="1161"/>
                    </a:lnTo>
                    <a:lnTo>
                      <a:pt x="3964" y="1156"/>
                    </a:lnTo>
                    <a:lnTo>
                      <a:pt x="3947" y="1143"/>
                    </a:lnTo>
                    <a:lnTo>
                      <a:pt x="3930" y="1129"/>
                    </a:lnTo>
                    <a:lnTo>
                      <a:pt x="3915" y="1113"/>
                    </a:lnTo>
                    <a:lnTo>
                      <a:pt x="3900" y="1096"/>
                    </a:lnTo>
                    <a:lnTo>
                      <a:pt x="3886" y="1078"/>
                    </a:lnTo>
                    <a:lnTo>
                      <a:pt x="3872" y="1060"/>
                    </a:lnTo>
                    <a:lnTo>
                      <a:pt x="3847" y="1026"/>
                    </a:lnTo>
                    <a:lnTo>
                      <a:pt x="3824" y="997"/>
                    </a:lnTo>
                    <a:lnTo>
                      <a:pt x="3799" y="965"/>
                    </a:lnTo>
                    <a:lnTo>
                      <a:pt x="3759" y="919"/>
                    </a:lnTo>
                    <a:lnTo>
                      <a:pt x="3740" y="897"/>
                    </a:lnTo>
                    <a:lnTo>
                      <a:pt x="3720" y="881"/>
                    </a:lnTo>
                    <a:lnTo>
                      <a:pt x="3712" y="876"/>
                    </a:lnTo>
                    <a:lnTo>
                      <a:pt x="3706" y="873"/>
                    </a:lnTo>
                    <a:lnTo>
                      <a:pt x="3703" y="873"/>
                    </a:lnTo>
                    <a:lnTo>
                      <a:pt x="3701" y="873"/>
                    </a:lnTo>
                    <a:lnTo>
                      <a:pt x="3698" y="875"/>
                    </a:lnTo>
                    <a:lnTo>
                      <a:pt x="3697" y="877"/>
                    </a:lnTo>
                    <a:lnTo>
                      <a:pt x="3689" y="898"/>
                    </a:lnTo>
                    <a:lnTo>
                      <a:pt x="3681" y="925"/>
                    </a:lnTo>
                    <a:lnTo>
                      <a:pt x="3674" y="954"/>
                    </a:lnTo>
                    <a:lnTo>
                      <a:pt x="3670" y="977"/>
                    </a:lnTo>
                    <a:lnTo>
                      <a:pt x="3595" y="997"/>
                    </a:lnTo>
                    <a:lnTo>
                      <a:pt x="3569" y="1017"/>
                    </a:lnTo>
                    <a:lnTo>
                      <a:pt x="3569" y="1025"/>
                    </a:lnTo>
                    <a:lnTo>
                      <a:pt x="3570" y="1032"/>
                    </a:lnTo>
                    <a:lnTo>
                      <a:pt x="3573" y="1038"/>
                    </a:lnTo>
                    <a:lnTo>
                      <a:pt x="3574" y="1046"/>
                    </a:lnTo>
                    <a:lnTo>
                      <a:pt x="3580" y="1057"/>
                    </a:lnTo>
                    <a:lnTo>
                      <a:pt x="3587" y="1070"/>
                    </a:lnTo>
                    <a:lnTo>
                      <a:pt x="3592" y="1082"/>
                    </a:lnTo>
                    <a:lnTo>
                      <a:pt x="3597" y="1095"/>
                    </a:lnTo>
                    <a:lnTo>
                      <a:pt x="3598" y="1101"/>
                    </a:lnTo>
                    <a:lnTo>
                      <a:pt x="3598" y="1108"/>
                    </a:lnTo>
                    <a:lnTo>
                      <a:pt x="3598" y="1116"/>
                    </a:lnTo>
                    <a:lnTo>
                      <a:pt x="3597" y="1123"/>
                    </a:lnTo>
                    <a:lnTo>
                      <a:pt x="3567" y="1254"/>
                    </a:lnTo>
                    <a:lnTo>
                      <a:pt x="3561" y="1282"/>
                    </a:lnTo>
                    <a:lnTo>
                      <a:pt x="3553" y="1302"/>
                    </a:lnTo>
                    <a:lnTo>
                      <a:pt x="3549" y="1311"/>
                    </a:lnTo>
                    <a:lnTo>
                      <a:pt x="3545" y="1318"/>
                    </a:lnTo>
                    <a:lnTo>
                      <a:pt x="3541" y="1324"/>
                    </a:lnTo>
                    <a:lnTo>
                      <a:pt x="3538" y="1329"/>
                    </a:lnTo>
                    <a:lnTo>
                      <a:pt x="3534" y="1333"/>
                    </a:lnTo>
                    <a:lnTo>
                      <a:pt x="3529" y="1336"/>
                    </a:lnTo>
                    <a:lnTo>
                      <a:pt x="3525" y="1339"/>
                    </a:lnTo>
                    <a:lnTo>
                      <a:pt x="3519" y="1340"/>
                    </a:lnTo>
                    <a:lnTo>
                      <a:pt x="3510" y="1340"/>
                    </a:lnTo>
                    <a:lnTo>
                      <a:pt x="3500" y="1337"/>
                    </a:lnTo>
                    <a:lnTo>
                      <a:pt x="3478" y="1327"/>
                    </a:lnTo>
                    <a:lnTo>
                      <a:pt x="3455" y="1311"/>
                    </a:lnTo>
                    <a:lnTo>
                      <a:pt x="3442" y="1304"/>
                    </a:lnTo>
                    <a:lnTo>
                      <a:pt x="3429" y="1297"/>
                    </a:lnTo>
                    <a:lnTo>
                      <a:pt x="3415" y="1291"/>
                    </a:lnTo>
                    <a:lnTo>
                      <a:pt x="3400" y="1287"/>
                    </a:lnTo>
                    <a:lnTo>
                      <a:pt x="3358" y="1276"/>
                    </a:lnTo>
                    <a:lnTo>
                      <a:pt x="3302" y="1265"/>
                    </a:lnTo>
                    <a:lnTo>
                      <a:pt x="3275" y="1259"/>
                    </a:lnTo>
                    <a:lnTo>
                      <a:pt x="3249" y="1258"/>
                    </a:lnTo>
                    <a:lnTo>
                      <a:pt x="3237" y="1259"/>
                    </a:lnTo>
                    <a:lnTo>
                      <a:pt x="3228" y="1261"/>
                    </a:lnTo>
                    <a:lnTo>
                      <a:pt x="3219" y="1263"/>
                    </a:lnTo>
                    <a:lnTo>
                      <a:pt x="3212" y="1267"/>
                    </a:lnTo>
                    <a:lnTo>
                      <a:pt x="3207" y="1271"/>
                    </a:lnTo>
                    <a:lnTo>
                      <a:pt x="3203" y="1276"/>
                    </a:lnTo>
                    <a:lnTo>
                      <a:pt x="3199" y="1282"/>
                    </a:lnTo>
                    <a:lnTo>
                      <a:pt x="3196" y="1288"/>
                    </a:lnTo>
                    <a:lnTo>
                      <a:pt x="3189" y="1304"/>
                    </a:lnTo>
                    <a:lnTo>
                      <a:pt x="3181" y="1320"/>
                    </a:lnTo>
                    <a:lnTo>
                      <a:pt x="3170" y="1359"/>
                    </a:lnTo>
                    <a:lnTo>
                      <a:pt x="3158" y="1402"/>
                    </a:lnTo>
                    <a:lnTo>
                      <a:pt x="3153" y="1421"/>
                    </a:lnTo>
                    <a:lnTo>
                      <a:pt x="3146" y="1441"/>
                    </a:lnTo>
                    <a:lnTo>
                      <a:pt x="3140" y="1459"/>
                    </a:lnTo>
                    <a:lnTo>
                      <a:pt x="3133" y="1475"/>
                    </a:lnTo>
                    <a:lnTo>
                      <a:pt x="3127" y="1487"/>
                    </a:lnTo>
                    <a:lnTo>
                      <a:pt x="3119" y="1498"/>
                    </a:lnTo>
                    <a:lnTo>
                      <a:pt x="3115" y="1500"/>
                    </a:lnTo>
                    <a:lnTo>
                      <a:pt x="3111" y="1503"/>
                    </a:lnTo>
                    <a:lnTo>
                      <a:pt x="3106" y="1504"/>
                    </a:lnTo>
                    <a:lnTo>
                      <a:pt x="3102" y="1506"/>
                    </a:lnTo>
                    <a:lnTo>
                      <a:pt x="3095" y="1504"/>
                    </a:lnTo>
                    <a:lnTo>
                      <a:pt x="3088" y="1502"/>
                    </a:lnTo>
                    <a:lnTo>
                      <a:pt x="3082" y="1499"/>
                    </a:lnTo>
                    <a:lnTo>
                      <a:pt x="3076" y="1495"/>
                    </a:lnTo>
                    <a:lnTo>
                      <a:pt x="3065" y="1487"/>
                    </a:lnTo>
                    <a:lnTo>
                      <a:pt x="3053" y="1478"/>
                    </a:lnTo>
                    <a:lnTo>
                      <a:pt x="3041" y="1469"/>
                    </a:lnTo>
                    <a:lnTo>
                      <a:pt x="3030" y="1464"/>
                    </a:lnTo>
                    <a:lnTo>
                      <a:pt x="3023" y="1462"/>
                    </a:lnTo>
                    <a:lnTo>
                      <a:pt x="3017" y="1462"/>
                    </a:lnTo>
                    <a:lnTo>
                      <a:pt x="3010" y="1462"/>
                    </a:lnTo>
                    <a:lnTo>
                      <a:pt x="3003" y="1464"/>
                    </a:lnTo>
                    <a:lnTo>
                      <a:pt x="2995" y="1467"/>
                    </a:lnTo>
                    <a:lnTo>
                      <a:pt x="2987" y="1472"/>
                    </a:lnTo>
                    <a:lnTo>
                      <a:pt x="2979" y="1478"/>
                    </a:lnTo>
                    <a:lnTo>
                      <a:pt x="2973" y="1486"/>
                    </a:lnTo>
                    <a:lnTo>
                      <a:pt x="2960" y="1503"/>
                    </a:lnTo>
                    <a:lnTo>
                      <a:pt x="2947" y="1521"/>
                    </a:lnTo>
                    <a:lnTo>
                      <a:pt x="2935" y="1541"/>
                    </a:lnTo>
                    <a:lnTo>
                      <a:pt x="2924" y="1559"/>
                    </a:lnTo>
                    <a:lnTo>
                      <a:pt x="2917" y="1568"/>
                    </a:lnTo>
                    <a:lnTo>
                      <a:pt x="2911" y="1574"/>
                    </a:lnTo>
                    <a:lnTo>
                      <a:pt x="2903" y="1581"/>
                    </a:lnTo>
                    <a:lnTo>
                      <a:pt x="2895" y="1586"/>
                    </a:lnTo>
                    <a:lnTo>
                      <a:pt x="2868" y="1614"/>
                    </a:lnTo>
                    <a:lnTo>
                      <a:pt x="2846" y="1638"/>
                    </a:lnTo>
                    <a:lnTo>
                      <a:pt x="2837" y="1649"/>
                    </a:lnTo>
                    <a:lnTo>
                      <a:pt x="2829" y="1661"/>
                    </a:lnTo>
                    <a:lnTo>
                      <a:pt x="2821" y="1673"/>
                    </a:lnTo>
                    <a:lnTo>
                      <a:pt x="2816" y="1683"/>
                    </a:lnTo>
                    <a:lnTo>
                      <a:pt x="2811" y="1695"/>
                    </a:lnTo>
                    <a:lnTo>
                      <a:pt x="2807" y="1708"/>
                    </a:lnTo>
                    <a:lnTo>
                      <a:pt x="2803" y="1721"/>
                    </a:lnTo>
                    <a:lnTo>
                      <a:pt x="2800" y="1735"/>
                    </a:lnTo>
                    <a:lnTo>
                      <a:pt x="2799" y="1750"/>
                    </a:lnTo>
                    <a:lnTo>
                      <a:pt x="2798" y="1767"/>
                    </a:lnTo>
                    <a:lnTo>
                      <a:pt x="2797" y="1785"/>
                    </a:lnTo>
                    <a:lnTo>
                      <a:pt x="2797" y="1805"/>
                    </a:lnTo>
                    <a:lnTo>
                      <a:pt x="2797" y="1822"/>
                    </a:lnTo>
                    <a:lnTo>
                      <a:pt x="2795" y="1839"/>
                    </a:lnTo>
                    <a:lnTo>
                      <a:pt x="2794" y="1854"/>
                    </a:lnTo>
                    <a:lnTo>
                      <a:pt x="2791" y="1870"/>
                    </a:lnTo>
                    <a:lnTo>
                      <a:pt x="2787" y="1884"/>
                    </a:lnTo>
                    <a:lnTo>
                      <a:pt x="2784" y="1898"/>
                    </a:lnTo>
                    <a:lnTo>
                      <a:pt x="2780" y="1912"/>
                    </a:lnTo>
                    <a:lnTo>
                      <a:pt x="2775" y="1927"/>
                    </a:lnTo>
                    <a:lnTo>
                      <a:pt x="2763" y="1953"/>
                    </a:lnTo>
                    <a:lnTo>
                      <a:pt x="2749" y="1980"/>
                    </a:lnTo>
                    <a:lnTo>
                      <a:pt x="2733" y="2007"/>
                    </a:lnTo>
                    <a:lnTo>
                      <a:pt x="2715" y="2034"/>
                    </a:lnTo>
                    <a:lnTo>
                      <a:pt x="2707" y="2045"/>
                    </a:lnTo>
                    <a:lnTo>
                      <a:pt x="2698" y="2052"/>
                    </a:lnTo>
                    <a:lnTo>
                      <a:pt x="2690" y="2060"/>
                    </a:lnTo>
                    <a:lnTo>
                      <a:pt x="2681" y="2068"/>
                    </a:lnTo>
                    <a:lnTo>
                      <a:pt x="2664" y="2079"/>
                    </a:lnTo>
                    <a:lnTo>
                      <a:pt x="2648" y="2091"/>
                    </a:lnTo>
                    <a:lnTo>
                      <a:pt x="2640" y="2096"/>
                    </a:lnTo>
                    <a:lnTo>
                      <a:pt x="2632" y="2103"/>
                    </a:lnTo>
                    <a:lnTo>
                      <a:pt x="2626" y="2111"/>
                    </a:lnTo>
                    <a:lnTo>
                      <a:pt x="2619" y="2120"/>
                    </a:lnTo>
                    <a:lnTo>
                      <a:pt x="2615" y="2129"/>
                    </a:lnTo>
                    <a:lnTo>
                      <a:pt x="2611" y="2140"/>
                    </a:lnTo>
                    <a:lnTo>
                      <a:pt x="2607" y="2153"/>
                    </a:lnTo>
                    <a:lnTo>
                      <a:pt x="2606" y="2169"/>
                    </a:lnTo>
                    <a:lnTo>
                      <a:pt x="2605" y="2186"/>
                    </a:lnTo>
                    <a:lnTo>
                      <a:pt x="2601" y="2200"/>
                    </a:lnTo>
                    <a:lnTo>
                      <a:pt x="2596" y="2212"/>
                    </a:lnTo>
                    <a:lnTo>
                      <a:pt x="2589" y="2222"/>
                    </a:lnTo>
                    <a:lnTo>
                      <a:pt x="2583" y="2231"/>
                    </a:lnTo>
                    <a:lnTo>
                      <a:pt x="2574" y="2238"/>
                    </a:lnTo>
                    <a:lnTo>
                      <a:pt x="2565" y="2244"/>
                    </a:lnTo>
                    <a:lnTo>
                      <a:pt x="2554" y="2249"/>
                    </a:lnTo>
                    <a:lnTo>
                      <a:pt x="2505" y="2265"/>
                    </a:lnTo>
                    <a:lnTo>
                      <a:pt x="2451" y="2280"/>
                    </a:lnTo>
                    <a:lnTo>
                      <a:pt x="2445" y="2306"/>
                    </a:lnTo>
                    <a:lnTo>
                      <a:pt x="2439" y="2331"/>
                    </a:lnTo>
                    <a:lnTo>
                      <a:pt x="2431" y="2355"/>
                    </a:lnTo>
                    <a:lnTo>
                      <a:pt x="2425" y="2380"/>
                    </a:lnTo>
                    <a:lnTo>
                      <a:pt x="2417" y="2403"/>
                    </a:lnTo>
                    <a:lnTo>
                      <a:pt x="2411" y="2429"/>
                    </a:lnTo>
                    <a:lnTo>
                      <a:pt x="2404" y="2454"/>
                    </a:lnTo>
                    <a:lnTo>
                      <a:pt x="2399" y="2478"/>
                    </a:lnTo>
                    <a:lnTo>
                      <a:pt x="2396" y="2501"/>
                    </a:lnTo>
                    <a:lnTo>
                      <a:pt x="2394" y="2521"/>
                    </a:lnTo>
                    <a:lnTo>
                      <a:pt x="2391" y="2542"/>
                    </a:lnTo>
                    <a:lnTo>
                      <a:pt x="2390" y="2563"/>
                    </a:lnTo>
                    <a:lnTo>
                      <a:pt x="2390" y="2605"/>
                    </a:lnTo>
                    <a:lnTo>
                      <a:pt x="2388" y="2648"/>
                    </a:lnTo>
                    <a:lnTo>
                      <a:pt x="2387" y="2669"/>
                    </a:lnTo>
                    <a:lnTo>
                      <a:pt x="2385" y="2690"/>
                    </a:lnTo>
                    <a:lnTo>
                      <a:pt x="2381" y="2710"/>
                    </a:lnTo>
                    <a:lnTo>
                      <a:pt x="2376" y="2730"/>
                    </a:lnTo>
                    <a:lnTo>
                      <a:pt x="2369" y="2748"/>
                    </a:lnTo>
                    <a:lnTo>
                      <a:pt x="2363" y="2767"/>
                    </a:lnTo>
                    <a:lnTo>
                      <a:pt x="2355" y="2785"/>
                    </a:lnTo>
                    <a:lnTo>
                      <a:pt x="2346" y="2804"/>
                    </a:lnTo>
                    <a:lnTo>
                      <a:pt x="2326" y="2839"/>
                    </a:lnTo>
                    <a:lnTo>
                      <a:pt x="2306" y="2874"/>
                    </a:lnTo>
                    <a:lnTo>
                      <a:pt x="2284" y="2909"/>
                    </a:lnTo>
                    <a:lnTo>
                      <a:pt x="2262" y="2944"/>
                    </a:lnTo>
                    <a:lnTo>
                      <a:pt x="2256" y="2956"/>
                    </a:lnTo>
                    <a:lnTo>
                      <a:pt x="2252" y="2971"/>
                    </a:lnTo>
                    <a:lnTo>
                      <a:pt x="2251" y="2985"/>
                    </a:lnTo>
                    <a:lnTo>
                      <a:pt x="2250" y="2999"/>
                    </a:lnTo>
                    <a:lnTo>
                      <a:pt x="2250" y="3015"/>
                    </a:lnTo>
                    <a:lnTo>
                      <a:pt x="2251" y="3030"/>
                    </a:lnTo>
                    <a:lnTo>
                      <a:pt x="2252" y="3046"/>
                    </a:lnTo>
                    <a:lnTo>
                      <a:pt x="2254" y="3061"/>
                    </a:lnTo>
                    <a:lnTo>
                      <a:pt x="2265" y="3125"/>
                    </a:lnTo>
                    <a:lnTo>
                      <a:pt x="2274" y="3184"/>
                    </a:lnTo>
                    <a:lnTo>
                      <a:pt x="2276" y="3197"/>
                    </a:lnTo>
                    <a:lnTo>
                      <a:pt x="2277" y="3210"/>
                    </a:lnTo>
                    <a:lnTo>
                      <a:pt x="2276" y="3222"/>
                    </a:lnTo>
                    <a:lnTo>
                      <a:pt x="2274" y="3234"/>
                    </a:lnTo>
                    <a:lnTo>
                      <a:pt x="2272" y="3244"/>
                    </a:lnTo>
                    <a:lnTo>
                      <a:pt x="2268" y="3253"/>
                    </a:lnTo>
                    <a:lnTo>
                      <a:pt x="2263" y="3262"/>
                    </a:lnTo>
                    <a:lnTo>
                      <a:pt x="2255" y="3269"/>
                    </a:lnTo>
                    <a:lnTo>
                      <a:pt x="2247" y="3274"/>
                    </a:lnTo>
                    <a:lnTo>
                      <a:pt x="2237" y="3279"/>
                    </a:lnTo>
                    <a:lnTo>
                      <a:pt x="2224" y="3282"/>
                    </a:lnTo>
                    <a:lnTo>
                      <a:pt x="2210" y="3283"/>
                    </a:lnTo>
                    <a:lnTo>
                      <a:pt x="2193" y="3283"/>
                    </a:lnTo>
                    <a:lnTo>
                      <a:pt x="2173" y="3280"/>
                    </a:lnTo>
                    <a:lnTo>
                      <a:pt x="2151" y="3276"/>
                    </a:lnTo>
                    <a:lnTo>
                      <a:pt x="2128" y="3271"/>
                    </a:lnTo>
                    <a:lnTo>
                      <a:pt x="2111" y="3267"/>
                    </a:lnTo>
                    <a:lnTo>
                      <a:pt x="2096" y="3266"/>
                    </a:lnTo>
                    <a:lnTo>
                      <a:pt x="2080" y="3266"/>
                    </a:lnTo>
                    <a:lnTo>
                      <a:pt x="2065" y="3267"/>
                    </a:lnTo>
                    <a:lnTo>
                      <a:pt x="2052" y="3270"/>
                    </a:lnTo>
                    <a:lnTo>
                      <a:pt x="2037" y="3275"/>
                    </a:lnTo>
                    <a:lnTo>
                      <a:pt x="2024" y="3280"/>
                    </a:lnTo>
                    <a:lnTo>
                      <a:pt x="2013" y="3288"/>
                    </a:lnTo>
                    <a:lnTo>
                      <a:pt x="2000" y="3296"/>
                    </a:lnTo>
                    <a:lnTo>
                      <a:pt x="1989" y="3305"/>
                    </a:lnTo>
                    <a:lnTo>
                      <a:pt x="1978" y="3315"/>
                    </a:lnTo>
                    <a:lnTo>
                      <a:pt x="1967" y="3327"/>
                    </a:lnTo>
                    <a:lnTo>
                      <a:pt x="1957" y="3339"/>
                    </a:lnTo>
                    <a:lnTo>
                      <a:pt x="1948" y="3352"/>
                    </a:lnTo>
                    <a:lnTo>
                      <a:pt x="1939" y="3366"/>
                    </a:lnTo>
                    <a:lnTo>
                      <a:pt x="1930" y="3379"/>
                    </a:lnTo>
                    <a:lnTo>
                      <a:pt x="1912" y="3409"/>
                    </a:lnTo>
                    <a:lnTo>
                      <a:pt x="1896" y="3440"/>
                    </a:lnTo>
                    <a:lnTo>
                      <a:pt x="1881" y="3471"/>
                    </a:lnTo>
                    <a:lnTo>
                      <a:pt x="1866" y="3502"/>
                    </a:lnTo>
                    <a:lnTo>
                      <a:pt x="1852" y="3532"/>
                    </a:lnTo>
                    <a:lnTo>
                      <a:pt x="1838" y="3561"/>
                    </a:lnTo>
                    <a:lnTo>
                      <a:pt x="1824" y="3587"/>
                    </a:lnTo>
                    <a:lnTo>
                      <a:pt x="1809" y="3612"/>
                    </a:lnTo>
                    <a:lnTo>
                      <a:pt x="1807" y="3630"/>
                    </a:lnTo>
                    <a:lnTo>
                      <a:pt x="1806" y="3647"/>
                    </a:lnTo>
                    <a:lnTo>
                      <a:pt x="1806" y="3665"/>
                    </a:lnTo>
                    <a:lnTo>
                      <a:pt x="1806" y="3682"/>
                    </a:lnTo>
                    <a:lnTo>
                      <a:pt x="1809" y="3717"/>
                    </a:lnTo>
                    <a:lnTo>
                      <a:pt x="1809" y="3752"/>
                    </a:lnTo>
                    <a:lnTo>
                      <a:pt x="1808" y="3782"/>
                    </a:lnTo>
                    <a:lnTo>
                      <a:pt x="1804" y="3813"/>
                    </a:lnTo>
                    <a:lnTo>
                      <a:pt x="1800" y="3843"/>
                    </a:lnTo>
                    <a:lnTo>
                      <a:pt x="1799" y="3872"/>
                    </a:lnTo>
                    <a:lnTo>
                      <a:pt x="1800" y="3901"/>
                    </a:lnTo>
                    <a:lnTo>
                      <a:pt x="1802" y="3928"/>
                    </a:lnTo>
                    <a:lnTo>
                      <a:pt x="1806" y="3957"/>
                    </a:lnTo>
                    <a:lnTo>
                      <a:pt x="1808" y="3984"/>
                    </a:lnTo>
                    <a:lnTo>
                      <a:pt x="1812" y="4011"/>
                    </a:lnTo>
                    <a:lnTo>
                      <a:pt x="1815" y="4039"/>
                    </a:lnTo>
                    <a:lnTo>
                      <a:pt x="1816" y="4067"/>
                    </a:lnTo>
                    <a:lnTo>
                      <a:pt x="1816" y="4093"/>
                    </a:lnTo>
                    <a:lnTo>
                      <a:pt x="1815" y="4102"/>
                    </a:lnTo>
                    <a:lnTo>
                      <a:pt x="1813" y="4111"/>
                    </a:lnTo>
                    <a:lnTo>
                      <a:pt x="1811" y="4120"/>
                    </a:lnTo>
                    <a:lnTo>
                      <a:pt x="1808" y="4129"/>
                    </a:lnTo>
                    <a:lnTo>
                      <a:pt x="1802" y="4146"/>
                    </a:lnTo>
                    <a:lnTo>
                      <a:pt x="1793" y="4164"/>
                    </a:lnTo>
                    <a:lnTo>
                      <a:pt x="1785" y="4182"/>
                    </a:lnTo>
                    <a:lnTo>
                      <a:pt x="1776" y="4201"/>
                    </a:lnTo>
                    <a:lnTo>
                      <a:pt x="1769" y="4220"/>
                    </a:lnTo>
                    <a:lnTo>
                      <a:pt x="1765" y="4239"/>
                    </a:lnTo>
                    <a:lnTo>
                      <a:pt x="1767" y="4256"/>
                    </a:lnTo>
                    <a:lnTo>
                      <a:pt x="1768" y="4270"/>
                    </a:lnTo>
                    <a:lnTo>
                      <a:pt x="1772" y="4284"/>
                    </a:lnTo>
                    <a:lnTo>
                      <a:pt x="1777" y="4296"/>
                    </a:lnTo>
                    <a:lnTo>
                      <a:pt x="1782" y="4306"/>
                    </a:lnTo>
                    <a:lnTo>
                      <a:pt x="1789" y="4315"/>
                    </a:lnTo>
                    <a:lnTo>
                      <a:pt x="1796" y="4324"/>
                    </a:lnTo>
                    <a:lnTo>
                      <a:pt x="1804" y="4332"/>
                    </a:lnTo>
                    <a:lnTo>
                      <a:pt x="1821" y="4348"/>
                    </a:lnTo>
                    <a:lnTo>
                      <a:pt x="1838" y="4365"/>
                    </a:lnTo>
                    <a:lnTo>
                      <a:pt x="1847" y="4374"/>
                    </a:lnTo>
                    <a:lnTo>
                      <a:pt x="1855" y="4383"/>
                    </a:lnTo>
                    <a:lnTo>
                      <a:pt x="1861" y="4394"/>
                    </a:lnTo>
                    <a:lnTo>
                      <a:pt x="1868" y="4407"/>
                    </a:lnTo>
                    <a:lnTo>
                      <a:pt x="1870" y="4415"/>
                    </a:lnTo>
                    <a:lnTo>
                      <a:pt x="1873" y="4424"/>
                    </a:lnTo>
                    <a:lnTo>
                      <a:pt x="1875" y="4433"/>
                    </a:lnTo>
                    <a:lnTo>
                      <a:pt x="1875" y="4444"/>
                    </a:lnTo>
                    <a:lnTo>
                      <a:pt x="1877" y="4466"/>
                    </a:lnTo>
                    <a:lnTo>
                      <a:pt x="1875" y="4489"/>
                    </a:lnTo>
                    <a:lnTo>
                      <a:pt x="1874" y="4501"/>
                    </a:lnTo>
                    <a:lnTo>
                      <a:pt x="1872" y="4512"/>
                    </a:lnTo>
                    <a:lnTo>
                      <a:pt x="1869" y="4523"/>
                    </a:lnTo>
                    <a:lnTo>
                      <a:pt x="1865" y="4533"/>
                    </a:lnTo>
                    <a:lnTo>
                      <a:pt x="1861" y="4541"/>
                    </a:lnTo>
                    <a:lnTo>
                      <a:pt x="1856" y="4550"/>
                    </a:lnTo>
                    <a:lnTo>
                      <a:pt x="1851" y="4556"/>
                    </a:lnTo>
                    <a:lnTo>
                      <a:pt x="1844" y="4562"/>
                    </a:lnTo>
                    <a:lnTo>
                      <a:pt x="1821" y="4571"/>
                    </a:lnTo>
                    <a:lnTo>
                      <a:pt x="1795" y="4580"/>
                    </a:lnTo>
                    <a:lnTo>
                      <a:pt x="1789" y="4582"/>
                    </a:lnTo>
                    <a:lnTo>
                      <a:pt x="1783" y="4585"/>
                    </a:lnTo>
                    <a:lnTo>
                      <a:pt x="1778" y="4589"/>
                    </a:lnTo>
                    <a:lnTo>
                      <a:pt x="1774" y="4593"/>
                    </a:lnTo>
                    <a:lnTo>
                      <a:pt x="1771" y="4598"/>
                    </a:lnTo>
                    <a:lnTo>
                      <a:pt x="1769" y="4603"/>
                    </a:lnTo>
                    <a:lnTo>
                      <a:pt x="1768" y="4608"/>
                    </a:lnTo>
                    <a:lnTo>
                      <a:pt x="1768" y="4616"/>
                    </a:lnTo>
                    <a:lnTo>
                      <a:pt x="1771" y="4652"/>
                    </a:lnTo>
                    <a:lnTo>
                      <a:pt x="1773" y="4687"/>
                    </a:lnTo>
                    <a:lnTo>
                      <a:pt x="1774" y="4705"/>
                    </a:lnTo>
                    <a:lnTo>
                      <a:pt x="1778" y="4722"/>
                    </a:lnTo>
                    <a:lnTo>
                      <a:pt x="1782" y="4740"/>
                    </a:lnTo>
                    <a:lnTo>
                      <a:pt x="1787" y="4758"/>
                    </a:lnTo>
                    <a:lnTo>
                      <a:pt x="1795" y="4780"/>
                    </a:lnTo>
                    <a:lnTo>
                      <a:pt x="1802" y="4799"/>
                    </a:lnTo>
                    <a:lnTo>
                      <a:pt x="1806" y="4815"/>
                    </a:lnTo>
                    <a:lnTo>
                      <a:pt x="1808" y="4831"/>
                    </a:lnTo>
                    <a:lnTo>
                      <a:pt x="1809" y="4839"/>
                    </a:lnTo>
                    <a:lnTo>
                      <a:pt x="1809" y="4847"/>
                    </a:lnTo>
                    <a:lnTo>
                      <a:pt x="1808" y="4854"/>
                    </a:lnTo>
                    <a:lnTo>
                      <a:pt x="1806" y="4863"/>
                    </a:lnTo>
                    <a:lnTo>
                      <a:pt x="1803" y="4871"/>
                    </a:lnTo>
                    <a:lnTo>
                      <a:pt x="1800" y="4881"/>
                    </a:lnTo>
                    <a:lnTo>
                      <a:pt x="1795" y="4891"/>
                    </a:lnTo>
                    <a:lnTo>
                      <a:pt x="1790" y="4901"/>
                    </a:lnTo>
                    <a:lnTo>
                      <a:pt x="1781" y="4941"/>
                    </a:lnTo>
                    <a:lnTo>
                      <a:pt x="1773" y="4977"/>
                    </a:lnTo>
                    <a:lnTo>
                      <a:pt x="1768" y="4995"/>
                    </a:lnTo>
                    <a:lnTo>
                      <a:pt x="1761" y="5012"/>
                    </a:lnTo>
                    <a:lnTo>
                      <a:pt x="1756" y="5029"/>
                    </a:lnTo>
                    <a:lnTo>
                      <a:pt x="1749" y="5046"/>
                    </a:lnTo>
                    <a:lnTo>
                      <a:pt x="1741" y="5062"/>
                    </a:lnTo>
                    <a:lnTo>
                      <a:pt x="1733" y="5077"/>
                    </a:lnTo>
                    <a:lnTo>
                      <a:pt x="1723" y="5091"/>
                    </a:lnTo>
                    <a:lnTo>
                      <a:pt x="1712" y="5106"/>
                    </a:lnTo>
                    <a:lnTo>
                      <a:pt x="1699" y="5120"/>
                    </a:lnTo>
                    <a:lnTo>
                      <a:pt x="1686" y="5133"/>
                    </a:lnTo>
                    <a:lnTo>
                      <a:pt x="1671" y="5147"/>
                    </a:lnTo>
                    <a:lnTo>
                      <a:pt x="1654" y="5159"/>
                    </a:lnTo>
                    <a:lnTo>
                      <a:pt x="1645" y="5166"/>
                    </a:lnTo>
                    <a:lnTo>
                      <a:pt x="1638" y="5174"/>
                    </a:lnTo>
                    <a:lnTo>
                      <a:pt x="1632" y="5183"/>
                    </a:lnTo>
                    <a:lnTo>
                      <a:pt x="1627" y="5192"/>
                    </a:lnTo>
                    <a:lnTo>
                      <a:pt x="1618" y="5211"/>
                    </a:lnTo>
                    <a:lnTo>
                      <a:pt x="1609" y="5231"/>
                    </a:lnTo>
                    <a:lnTo>
                      <a:pt x="1590" y="5268"/>
                    </a:lnTo>
                    <a:lnTo>
                      <a:pt x="1574" y="5305"/>
                    </a:lnTo>
                    <a:lnTo>
                      <a:pt x="1558" y="5343"/>
                    </a:lnTo>
                    <a:lnTo>
                      <a:pt x="1545" y="5380"/>
                    </a:lnTo>
                    <a:lnTo>
                      <a:pt x="1540" y="5400"/>
                    </a:lnTo>
                    <a:lnTo>
                      <a:pt x="1535" y="5419"/>
                    </a:lnTo>
                    <a:lnTo>
                      <a:pt x="1530" y="5439"/>
                    </a:lnTo>
                    <a:lnTo>
                      <a:pt x="1526" y="5458"/>
                    </a:lnTo>
                    <a:lnTo>
                      <a:pt x="1523" y="5479"/>
                    </a:lnTo>
                    <a:lnTo>
                      <a:pt x="1520" y="5498"/>
                    </a:lnTo>
                    <a:lnTo>
                      <a:pt x="1519" y="5519"/>
                    </a:lnTo>
                    <a:lnTo>
                      <a:pt x="1519" y="5541"/>
                    </a:lnTo>
                    <a:lnTo>
                      <a:pt x="1514" y="5546"/>
                    </a:lnTo>
                    <a:lnTo>
                      <a:pt x="1511" y="5549"/>
                    </a:lnTo>
                    <a:lnTo>
                      <a:pt x="1508" y="5550"/>
                    </a:lnTo>
                    <a:lnTo>
                      <a:pt x="1501" y="5553"/>
                    </a:lnTo>
                    <a:lnTo>
                      <a:pt x="1457" y="552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0" name="Freeform 11">
                <a:extLst>
                  <a:ext uri="{FF2B5EF4-FFF2-40B4-BE49-F238E27FC236}">
                    <a16:creationId xmlns:a16="http://schemas.microsoft.com/office/drawing/2014/main" id="{7D81BED1-2754-D04A-BA31-45A00F0FFE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83720" y="-377387"/>
                <a:ext cx="25504" cy="41546"/>
              </a:xfrm>
              <a:custGeom>
                <a:avLst/>
                <a:gdLst/>
                <a:ahLst/>
                <a:cxnLst>
                  <a:cxn ang="0">
                    <a:pos x="22" y="74"/>
                  </a:cxn>
                  <a:cxn ang="0">
                    <a:pos x="16" y="71"/>
                  </a:cxn>
                  <a:cxn ang="0">
                    <a:pos x="9" y="67"/>
                  </a:cxn>
                  <a:cxn ang="0">
                    <a:pos x="4" y="61"/>
                  </a:cxn>
                  <a:cxn ang="0">
                    <a:pos x="0" y="56"/>
                  </a:cxn>
                  <a:cxn ang="0">
                    <a:pos x="3" y="48"/>
                  </a:cxn>
                  <a:cxn ang="0">
                    <a:pos x="11" y="34"/>
                  </a:cxn>
                  <a:cxn ang="0">
                    <a:pos x="20" y="18"/>
                  </a:cxn>
                  <a:cxn ang="0">
                    <a:pos x="25" y="8"/>
                  </a:cxn>
                  <a:cxn ang="0">
                    <a:pos x="27" y="5"/>
                  </a:cxn>
                  <a:cxn ang="0">
                    <a:pos x="29" y="3"/>
                  </a:cxn>
                  <a:cxn ang="0">
                    <a:pos x="31" y="0"/>
                  </a:cxn>
                  <a:cxn ang="0">
                    <a:pos x="34" y="0"/>
                  </a:cxn>
                  <a:cxn ang="0">
                    <a:pos x="37" y="0"/>
                  </a:cxn>
                  <a:cxn ang="0">
                    <a:pos x="39" y="0"/>
                  </a:cxn>
                  <a:cxn ang="0">
                    <a:pos x="42" y="3"/>
                  </a:cxn>
                  <a:cxn ang="0">
                    <a:pos x="43" y="5"/>
                  </a:cxn>
                  <a:cxn ang="0">
                    <a:pos x="48" y="17"/>
                  </a:cxn>
                  <a:cxn ang="0">
                    <a:pos x="53" y="29"/>
                  </a:cxn>
                  <a:cxn ang="0">
                    <a:pos x="57" y="42"/>
                  </a:cxn>
                  <a:cxn ang="0">
                    <a:pos x="59" y="53"/>
                  </a:cxn>
                  <a:cxn ang="0">
                    <a:pos x="56" y="65"/>
                  </a:cxn>
                  <a:cxn ang="0">
                    <a:pos x="52" y="77"/>
                  </a:cxn>
                  <a:cxn ang="0">
                    <a:pos x="51" y="83"/>
                  </a:cxn>
                  <a:cxn ang="0">
                    <a:pos x="47" y="87"/>
                  </a:cxn>
                  <a:cxn ang="0">
                    <a:pos x="42" y="90"/>
                  </a:cxn>
                  <a:cxn ang="0">
                    <a:pos x="35" y="92"/>
                  </a:cxn>
                  <a:cxn ang="0">
                    <a:pos x="22" y="74"/>
                  </a:cxn>
                </a:cxnLst>
                <a:rect l="0" t="0" r="r" b="b"/>
                <a:pathLst>
                  <a:path w="59" h="92">
                    <a:moveTo>
                      <a:pt x="22" y="74"/>
                    </a:moveTo>
                    <a:lnTo>
                      <a:pt x="16" y="71"/>
                    </a:lnTo>
                    <a:lnTo>
                      <a:pt x="9" y="67"/>
                    </a:lnTo>
                    <a:lnTo>
                      <a:pt x="4" y="61"/>
                    </a:lnTo>
                    <a:lnTo>
                      <a:pt x="0" y="56"/>
                    </a:lnTo>
                    <a:lnTo>
                      <a:pt x="3" y="48"/>
                    </a:lnTo>
                    <a:lnTo>
                      <a:pt x="11" y="34"/>
                    </a:lnTo>
                    <a:lnTo>
                      <a:pt x="20" y="18"/>
                    </a:lnTo>
                    <a:lnTo>
                      <a:pt x="25" y="8"/>
                    </a:lnTo>
                    <a:lnTo>
                      <a:pt x="27" y="5"/>
                    </a:lnTo>
                    <a:lnTo>
                      <a:pt x="29" y="3"/>
                    </a:lnTo>
                    <a:lnTo>
                      <a:pt x="31" y="0"/>
                    </a:lnTo>
                    <a:lnTo>
                      <a:pt x="34" y="0"/>
                    </a:lnTo>
                    <a:lnTo>
                      <a:pt x="37" y="0"/>
                    </a:lnTo>
                    <a:lnTo>
                      <a:pt x="39" y="0"/>
                    </a:lnTo>
                    <a:lnTo>
                      <a:pt x="42" y="3"/>
                    </a:lnTo>
                    <a:lnTo>
                      <a:pt x="43" y="5"/>
                    </a:lnTo>
                    <a:lnTo>
                      <a:pt x="48" y="17"/>
                    </a:lnTo>
                    <a:lnTo>
                      <a:pt x="53" y="29"/>
                    </a:lnTo>
                    <a:lnTo>
                      <a:pt x="57" y="42"/>
                    </a:lnTo>
                    <a:lnTo>
                      <a:pt x="59" y="53"/>
                    </a:lnTo>
                    <a:lnTo>
                      <a:pt x="56" y="65"/>
                    </a:lnTo>
                    <a:lnTo>
                      <a:pt x="52" y="77"/>
                    </a:lnTo>
                    <a:lnTo>
                      <a:pt x="51" y="83"/>
                    </a:lnTo>
                    <a:lnTo>
                      <a:pt x="47" y="87"/>
                    </a:lnTo>
                    <a:lnTo>
                      <a:pt x="42" y="90"/>
                    </a:lnTo>
                    <a:lnTo>
                      <a:pt x="35" y="92"/>
                    </a:lnTo>
                    <a:lnTo>
                      <a:pt x="22" y="7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1" name="Freeform 12">
                <a:extLst>
                  <a:ext uri="{FF2B5EF4-FFF2-40B4-BE49-F238E27FC236}">
                    <a16:creationId xmlns:a16="http://schemas.microsoft.com/office/drawing/2014/main" id="{5BEC6E53-85AC-EA43-BE98-7F425C36FB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39613" y="-305135"/>
                <a:ext cx="91085" cy="68640"/>
              </a:xfrm>
              <a:custGeom>
                <a:avLst/>
                <a:gdLst/>
                <a:ahLst/>
                <a:cxnLst>
                  <a:cxn ang="0">
                    <a:pos x="49" y="132"/>
                  </a:cxn>
                  <a:cxn ang="0">
                    <a:pos x="47" y="123"/>
                  </a:cxn>
                  <a:cxn ang="0">
                    <a:pos x="27" y="117"/>
                  </a:cxn>
                  <a:cxn ang="0">
                    <a:pos x="7" y="112"/>
                  </a:cxn>
                  <a:cxn ang="0">
                    <a:pos x="3" y="108"/>
                  </a:cxn>
                  <a:cxn ang="0">
                    <a:pos x="0" y="101"/>
                  </a:cxn>
                  <a:cxn ang="0">
                    <a:pos x="2" y="92"/>
                  </a:cxn>
                  <a:cxn ang="0">
                    <a:pos x="11" y="77"/>
                  </a:cxn>
                  <a:cxn ang="0">
                    <a:pos x="25" y="65"/>
                  </a:cxn>
                  <a:cxn ang="0">
                    <a:pos x="39" y="62"/>
                  </a:cxn>
                  <a:cxn ang="0">
                    <a:pos x="53" y="65"/>
                  </a:cxn>
                  <a:cxn ang="0">
                    <a:pos x="75" y="75"/>
                  </a:cxn>
                  <a:cxn ang="0">
                    <a:pos x="95" y="82"/>
                  </a:cxn>
                  <a:cxn ang="0">
                    <a:pos x="108" y="79"/>
                  </a:cxn>
                  <a:cxn ang="0">
                    <a:pos x="119" y="65"/>
                  </a:cxn>
                  <a:cxn ang="0">
                    <a:pos x="136" y="48"/>
                  </a:cxn>
                  <a:cxn ang="0">
                    <a:pos x="152" y="36"/>
                  </a:cxn>
                  <a:cxn ang="0">
                    <a:pos x="166" y="17"/>
                  </a:cxn>
                  <a:cxn ang="0">
                    <a:pos x="178" y="5"/>
                  </a:cxn>
                  <a:cxn ang="0">
                    <a:pos x="188" y="0"/>
                  </a:cxn>
                  <a:cxn ang="0">
                    <a:pos x="198" y="4"/>
                  </a:cxn>
                  <a:cxn ang="0">
                    <a:pos x="198" y="20"/>
                  </a:cxn>
                  <a:cxn ang="0">
                    <a:pos x="195" y="46"/>
                  </a:cxn>
                  <a:cxn ang="0">
                    <a:pos x="192" y="73"/>
                  </a:cxn>
                  <a:cxn ang="0">
                    <a:pos x="182" y="97"/>
                  </a:cxn>
                  <a:cxn ang="0">
                    <a:pos x="166" y="118"/>
                  </a:cxn>
                  <a:cxn ang="0">
                    <a:pos x="144" y="134"/>
                  </a:cxn>
                  <a:cxn ang="0">
                    <a:pos x="121" y="140"/>
                  </a:cxn>
                  <a:cxn ang="0">
                    <a:pos x="104" y="139"/>
                  </a:cxn>
                  <a:cxn ang="0">
                    <a:pos x="92" y="140"/>
                  </a:cxn>
                  <a:cxn ang="0">
                    <a:pos x="79" y="150"/>
                  </a:cxn>
                  <a:cxn ang="0">
                    <a:pos x="70" y="156"/>
                  </a:cxn>
                  <a:cxn ang="0">
                    <a:pos x="60" y="154"/>
                  </a:cxn>
                  <a:cxn ang="0">
                    <a:pos x="49" y="137"/>
                  </a:cxn>
                </a:cxnLst>
                <a:rect l="0" t="0" r="r" b="b"/>
                <a:pathLst>
                  <a:path w="198" h="156">
                    <a:moveTo>
                      <a:pt x="49" y="137"/>
                    </a:moveTo>
                    <a:lnTo>
                      <a:pt x="49" y="132"/>
                    </a:lnTo>
                    <a:lnTo>
                      <a:pt x="48" y="128"/>
                    </a:lnTo>
                    <a:lnTo>
                      <a:pt x="47" y="123"/>
                    </a:lnTo>
                    <a:lnTo>
                      <a:pt x="44" y="119"/>
                    </a:lnTo>
                    <a:lnTo>
                      <a:pt x="27" y="117"/>
                    </a:lnTo>
                    <a:lnTo>
                      <a:pt x="11" y="113"/>
                    </a:lnTo>
                    <a:lnTo>
                      <a:pt x="7" y="112"/>
                    </a:lnTo>
                    <a:lnTo>
                      <a:pt x="4" y="110"/>
                    </a:lnTo>
                    <a:lnTo>
                      <a:pt x="3" y="108"/>
                    </a:lnTo>
                    <a:lnTo>
                      <a:pt x="0" y="104"/>
                    </a:lnTo>
                    <a:lnTo>
                      <a:pt x="0" y="101"/>
                    </a:lnTo>
                    <a:lnTo>
                      <a:pt x="0" y="96"/>
                    </a:lnTo>
                    <a:lnTo>
                      <a:pt x="2" y="92"/>
                    </a:lnTo>
                    <a:lnTo>
                      <a:pt x="5" y="86"/>
                    </a:lnTo>
                    <a:lnTo>
                      <a:pt x="11" y="77"/>
                    </a:lnTo>
                    <a:lnTo>
                      <a:pt x="18" y="69"/>
                    </a:lnTo>
                    <a:lnTo>
                      <a:pt x="25" y="65"/>
                    </a:lnTo>
                    <a:lnTo>
                      <a:pt x="31" y="62"/>
                    </a:lnTo>
                    <a:lnTo>
                      <a:pt x="39" y="62"/>
                    </a:lnTo>
                    <a:lnTo>
                      <a:pt x="46" y="64"/>
                    </a:lnTo>
                    <a:lnTo>
                      <a:pt x="53" y="65"/>
                    </a:lnTo>
                    <a:lnTo>
                      <a:pt x="61" y="69"/>
                    </a:lnTo>
                    <a:lnTo>
                      <a:pt x="75" y="75"/>
                    </a:lnTo>
                    <a:lnTo>
                      <a:pt x="88" y="80"/>
                    </a:lnTo>
                    <a:lnTo>
                      <a:pt x="95" y="82"/>
                    </a:lnTo>
                    <a:lnTo>
                      <a:pt x="101" y="82"/>
                    </a:lnTo>
                    <a:lnTo>
                      <a:pt x="108" y="79"/>
                    </a:lnTo>
                    <a:lnTo>
                      <a:pt x="113" y="75"/>
                    </a:lnTo>
                    <a:lnTo>
                      <a:pt x="119" y="65"/>
                    </a:lnTo>
                    <a:lnTo>
                      <a:pt x="127" y="53"/>
                    </a:lnTo>
                    <a:lnTo>
                      <a:pt x="136" y="48"/>
                    </a:lnTo>
                    <a:lnTo>
                      <a:pt x="144" y="43"/>
                    </a:lnTo>
                    <a:lnTo>
                      <a:pt x="152" y="36"/>
                    </a:lnTo>
                    <a:lnTo>
                      <a:pt x="160" y="29"/>
                    </a:lnTo>
                    <a:lnTo>
                      <a:pt x="166" y="17"/>
                    </a:lnTo>
                    <a:lnTo>
                      <a:pt x="174" y="8"/>
                    </a:lnTo>
                    <a:lnTo>
                      <a:pt x="178" y="5"/>
                    </a:lnTo>
                    <a:lnTo>
                      <a:pt x="183" y="3"/>
                    </a:lnTo>
                    <a:lnTo>
                      <a:pt x="188" y="0"/>
                    </a:lnTo>
                    <a:lnTo>
                      <a:pt x="196" y="0"/>
                    </a:lnTo>
                    <a:lnTo>
                      <a:pt x="198" y="4"/>
                    </a:lnTo>
                    <a:lnTo>
                      <a:pt x="198" y="11"/>
                    </a:lnTo>
                    <a:lnTo>
                      <a:pt x="198" y="20"/>
                    </a:lnTo>
                    <a:lnTo>
                      <a:pt x="197" y="27"/>
                    </a:lnTo>
                    <a:lnTo>
                      <a:pt x="195" y="46"/>
                    </a:lnTo>
                    <a:lnTo>
                      <a:pt x="193" y="60"/>
                    </a:lnTo>
                    <a:lnTo>
                      <a:pt x="192" y="73"/>
                    </a:lnTo>
                    <a:lnTo>
                      <a:pt x="188" y="84"/>
                    </a:lnTo>
                    <a:lnTo>
                      <a:pt x="182" y="97"/>
                    </a:lnTo>
                    <a:lnTo>
                      <a:pt x="175" y="108"/>
                    </a:lnTo>
                    <a:lnTo>
                      <a:pt x="166" y="118"/>
                    </a:lnTo>
                    <a:lnTo>
                      <a:pt x="156" y="127"/>
                    </a:lnTo>
                    <a:lnTo>
                      <a:pt x="144" y="134"/>
                    </a:lnTo>
                    <a:lnTo>
                      <a:pt x="132" y="139"/>
                    </a:lnTo>
                    <a:lnTo>
                      <a:pt x="121" y="140"/>
                    </a:lnTo>
                    <a:lnTo>
                      <a:pt x="109" y="139"/>
                    </a:lnTo>
                    <a:lnTo>
                      <a:pt x="104" y="139"/>
                    </a:lnTo>
                    <a:lnTo>
                      <a:pt x="97" y="139"/>
                    </a:lnTo>
                    <a:lnTo>
                      <a:pt x="92" y="140"/>
                    </a:lnTo>
                    <a:lnTo>
                      <a:pt x="87" y="143"/>
                    </a:lnTo>
                    <a:lnTo>
                      <a:pt x="79" y="150"/>
                    </a:lnTo>
                    <a:lnTo>
                      <a:pt x="74" y="156"/>
                    </a:lnTo>
                    <a:lnTo>
                      <a:pt x="70" y="156"/>
                    </a:lnTo>
                    <a:lnTo>
                      <a:pt x="66" y="156"/>
                    </a:lnTo>
                    <a:lnTo>
                      <a:pt x="60" y="154"/>
                    </a:lnTo>
                    <a:lnTo>
                      <a:pt x="52" y="152"/>
                    </a:lnTo>
                    <a:lnTo>
                      <a:pt x="49" y="13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2" name="Freeform 13">
                <a:extLst>
                  <a:ext uri="{FF2B5EF4-FFF2-40B4-BE49-F238E27FC236}">
                    <a16:creationId xmlns:a16="http://schemas.microsoft.com/office/drawing/2014/main" id="{AEB7AF86-0CB2-024C-94EB-476D4F7FB8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16124" y="-247333"/>
                <a:ext cx="29147" cy="41546"/>
              </a:xfrm>
              <a:custGeom>
                <a:avLst/>
                <a:gdLst/>
                <a:ahLst/>
                <a:cxnLst>
                  <a:cxn ang="0">
                    <a:pos x="23" y="79"/>
                  </a:cxn>
                  <a:cxn ang="0">
                    <a:pos x="18" y="77"/>
                  </a:cxn>
                  <a:cxn ang="0">
                    <a:pos x="15" y="75"/>
                  </a:cxn>
                  <a:cxn ang="0">
                    <a:pos x="12" y="72"/>
                  </a:cxn>
                  <a:cxn ang="0">
                    <a:pos x="9" y="68"/>
                  </a:cxn>
                  <a:cxn ang="0">
                    <a:pos x="4" y="59"/>
                  </a:cxn>
                  <a:cxn ang="0">
                    <a:pos x="0" y="50"/>
                  </a:cxn>
                  <a:cxn ang="0">
                    <a:pos x="0" y="46"/>
                  </a:cxn>
                  <a:cxn ang="0">
                    <a:pos x="1" y="42"/>
                  </a:cxn>
                  <a:cxn ang="0">
                    <a:pos x="4" y="40"/>
                  </a:cxn>
                  <a:cxn ang="0">
                    <a:pos x="6" y="36"/>
                  </a:cxn>
                  <a:cxn ang="0">
                    <a:pos x="19" y="27"/>
                  </a:cxn>
                  <a:cxn ang="0">
                    <a:pos x="31" y="18"/>
                  </a:cxn>
                  <a:cxn ang="0">
                    <a:pos x="36" y="13"/>
                  </a:cxn>
                  <a:cxn ang="0">
                    <a:pos x="44" y="5"/>
                  </a:cxn>
                  <a:cxn ang="0">
                    <a:pos x="49" y="2"/>
                  </a:cxn>
                  <a:cxn ang="0">
                    <a:pos x="53" y="0"/>
                  </a:cxn>
                  <a:cxn ang="0">
                    <a:pos x="57" y="0"/>
                  </a:cxn>
                  <a:cxn ang="0">
                    <a:pos x="60" y="2"/>
                  </a:cxn>
                  <a:cxn ang="0">
                    <a:pos x="61" y="15"/>
                  </a:cxn>
                  <a:cxn ang="0">
                    <a:pos x="60" y="30"/>
                  </a:cxn>
                  <a:cxn ang="0">
                    <a:pos x="58" y="40"/>
                  </a:cxn>
                  <a:cxn ang="0">
                    <a:pos x="56" y="50"/>
                  </a:cxn>
                  <a:cxn ang="0">
                    <a:pos x="54" y="55"/>
                  </a:cxn>
                  <a:cxn ang="0">
                    <a:pos x="53" y="59"/>
                  </a:cxn>
                  <a:cxn ang="0">
                    <a:pos x="53" y="64"/>
                  </a:cxn>
                  <a:cxn ang="0">
                    <a:pos x="54" y="70"/>
                  </a:cxn>
                  <a:cxn ang="0">
                    <a:pos x="56" y="76"/>
                  </a:cxn>
                  <a:cxn ang="0">
                    <a:pos x="56" y="84"/>
                  </a:cxn>
                  <a:cxn ang="0">
                    <a:pos x="52" y="87"/>
                  </a:cxn>
                  <a:cxn ang="0">
                    <a:pos x="47" y="89"/>
                  </a:cxn>
                  <a:cxn ang="0">
                    <a:pos x="41" y="92"/>
                  </a:cxn>
                  <a:cxn ang="0">
                    <a:pos x="38" y="90"/>
                  </a:cxn>
                  <a:cxn ang="0">
                    <a:pos x="23" y="79"/>
                  </a:cxn>
                </a:cxnLst>
                <a:rect l="0" t="0" r="r" b="b"/>
                <a:pathLst>
                  <a:path w="61" h="92">
                    <a:moveTo>
                      <a:pt x="23" y="79"/>
                    </a:moveTo>
                    <a:lnTo>
                      <a:pt x="18" y="77"/>
                    </a:lnTo>
                    <a:lnTo>
                      <a:pt x="15" y="75"/>
                    </a:lnTo>
                    <a:lnTo>
                      <a:pt x="12" y="72"/>
                    </a:lnTo>
                    <a:lnTo>
                      <a:pt x="9" y="68"/>
                    </a:lnTo>
                    <a:lnTo>
                      <a:pt x="4" y="59"/>
                    </a:lnTo>
                    <a:lnTo>
                      <a:pt x="0" y="50"/>
                    </a:lnTo>
                    <a:lnTo>
                      <a:pt x="0" y="46"/>
                    </a:lnTo>
                    <a:lnTo>
                      <a:pt x="1" y="42"/>
                    </a:lnTo>
                    <a:lnTo>
                      <a:pt x="4" y="40"/>
                    </a:lnTo>
                    <a:lnTo>
                      <a:pt x="6" y="36"/>
                    </a:lnTo>
                    <a:lnTo>
                      <a:pt x="19" y="27"/>
                    </a:lnTo>
                    <a:lnTo>
                      <a:pt x="31" y="18"/>
                    </a:lnTo>
                    <a:lnTo>
                      <a:pt x="36" y="13"/>
                    </a:lnTo>
                    <a:lnTo>
                      <a:pt x="44" y="5"/>
                    </a:lnTo>
                    <a:lnTo>
                      <a:pt x="49" y="2"/>
                    </a:lnTo>
                    <a:lnTo>
                      <a:pt x="53" y="0"/>
                    </a:lnTo>
                    <a:lnTo>
                      <a:pt x="57" y="0"/>
                    </a:lnTo>
                    <a:lnTo>
                      <a:pt x="60" y="2"/>
                    </a:lnTo>
                    <a:lnTo>
                      <a:pt x="61" y="15"/>
                    </a:lnTo>
                    <a:lnTo>
                      <a:pt x="60" y="30"/>
                    </a:lnTo>
                    <a:lnTo>
                      <a:pt x="58" y="40"/>
                    </a:lnTo>
                    <a:lnTo>
                      <a:pt x="56" y="50"/>
                    </a:lnTo>
                    <a:lnTo>
                      <a:pt x="54" y="55"/>
                    </a:lnTo>
                    <a:lnTo>
                      <a:pt x="53" y="59"/>
                    </a:lnTo>
                    <a:lnTo>
                      <a:pt x="53" y="64"/>
                    </a:lnTo>
                    <a:lnTo>
                      <a:pt x="54" y="70"/>
                    </a:lnTo>
                    <a:lnTo>
                      <a:pt x="56" y="76"/>
                    </a:lnTo>
                    <a:lnTo>
                      <a:pt x="56" y="84"/>
                    </a:lnTo>
                    <a:lnTo>
                      <a:pt x="52" y="87"/>
                    </a:lnTo>
                    <a:lnTo>
                      <a:pt x="47" y="89"/>
                    </a:lnTo>
                    <a:lnTo>
                      <a:pt x="41" y="92"/>
                    </a:lnTo>
                    <a:lnTo>
                      <a:pt x="38" y="90"/>
                    </a:lnTo>
                    <a:lnTo>
                      <a:pt x="23" y="7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3" name="Freeform 14">
                <a:extLst>
                  <a:ext uri="{FF2B5EF4-FFF2-40B4-BE49-F238E27FC236}">
                    <a16:creationId xmlns:a16="http://schemas.microsoft.com/office/drawing/2014/main" id="{BC2AFCEA-9748-3742-8D78-14A31D0E67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6202" y="-283460"/>
                <a:ext cx="30969" cy="28901"/>
              </a:xfrm>
              <a:custGeom>
                <a:avLst/>
                <a:gdLst/>
                <a:ahLst/>
                <a:cxnLst>
                  <a:cxn ang="0">
                    <a:pos x="35" y="59"/>
                  </a:cxn>
                  <a:cxn ang="0">
                    <a:pos x="32" y="61"/>
                  </a:cxn>
                  <a:cxn ang="0">
                    <a:pos x="28" y="59"/>
                  </a:cxn>
                  <a:cxn ang="0">
                    <a:pos x="26" y="58"/>
                  </a:cxn>
                  <a:cxn ang="0">
                    <a:pos x="22" y="55"/>
                  </a:cxn>
                  <a:cxn ang="0">
                    <a:pos x="15" y="50"/>
                  </a:cxn>
                  <a:cxn ang="0">
                    <a:pos x="10" y="45"/>
                  </a:cxn>
                  <a:cxn ang="0">
                    <a:pos x="8" y="41"/>
                  </a:cxn>
                  <a:cxn ang="0">
                    <a:pos x="5" y="37"/>
                  </a:cxn>
                  <a:cxn ang="0">
                    <a:pos x="2" y="31"/>
                  </a:cxn>
                  <a:cxn ang="0">
                    <a:pos x="1" y="26"/>
                  </a:cxn>
                  <a:cxn ang="0">
                    <a:pos x="0" y="19"/>
                  </a:cxn>
                  <a:cxn ang="0">
                    <a:pos x="1" y="14"/>
                  </a:cxn>
                  <a:cxn ang="0">
                    <a:pos x="2" y="9"/>
                  </a:cxn>
                  <a:cxn ang="0">
                    <a:pos x="5" y="4"/>
                  </a:cxn>
                  <a:cxn ang="0">
                    <a:pos x="8" y="1"/>
                  </a:cxn>
                  <a:cxn ang="0">
                    <a:pos x="10" y="0"/>
                  </a:cxn>
                  <a:cxn ang="0">
                    <a:pos x="11" y="0"/>
                  </a:cxn>
                  <a:cxn ang="0">
                    <a:pos x="14" y="1"/>
                  </a:cxn>
                  <a:cxn ang="0">
                    <a:pos x="18" y="5"/>
                  </a:cxn>
                  <a:cxn ang="0">
                    <a:pos x="20" y="10"/>
                  </a:cxn>
                  <a:cxn ang="0">
                    <a:pos x="26" y="13"/>
                  </a:cxn>
                  <a:cxn ang="0">
                    <a:pos x="33" y="13"/>
                  </a:cxn>
                  <a:cxn ang="0">
                    <a:pos x="41" y="11"/>
                  </a:cxn>
                  <a:cxn ang="0">
                    <a:pos x="49" y="11"/>
                  </a:cxn>
                  <a:cxn ang="0">
                    <a:pos x="55" y="10"/>
                  </a:cxn>
                  <a:cxn ang="0">
                    <a:pos x="62" y="13"/>
                  </a:cxn>
                  <a:cxn ang="0">
                    <a:pos x="63" y="14"/>
                  </a:cxn>
                  <a:cxn ang="0">
                    <a:pos x="65" y="17"/>
                  </a:cxn>
                  <a:cxn ang="0">
                    <a:pos x="66" y="20"/>
                  </a:cxn>
                  <a:cxn ang="0">
                    <a:pos x="66" y="24"/>
                  </a:cxn>
                  <a:cxn ang="0">
                    <a:pos x="65" y="36"/>
                  </a:cxn>
                  <a:cxn ang="0">
                    <a:pos x="63" y="46"/>
                  </a:cxn>
                  <a:cxn ang="0">
                    <a:pos x="62" y="50"/>
                  </a:cxn>
                  <a:cxn ang="0">
                    <a:pos x="59" y="55"/>
                  </a:cxn>
                  <a:cxn ang="0">
                    <a:pos x="55" y="59"/>
                  </a:cxn>
                  <a:cxn ang="0">
                    <a:pos x="50" y="62"/>
                  </a:cxn>
                  <a:cxn ang="0">
                    <a:pos x="35" y="59"/>
                  </a:cxn>
                </a:cxnLst>
                <a:rect l="0" t="0" r="r" b="b"/>
                <a:pathLst>
                  <a:path w="66" h="62">
                    <a:moveTo>
                      <a:pt x="35" y="59"/>
                    </a:moveTo>
                    <a:lnTo>
                      <a:pt x="32" y="61"/>
                    </a:lnTo>
                    <a:lnTo>
                      <a:pt x="28" y="59"/>
                    </a:lnTo>
                    <a:lnTo>
                      <a:pt x="26" y="58"/>
                    </a:lnTo>
                    <a:lnTo>
                      <a:pt x="22" y="55"/>
                    </a:lnTo>
                    <a:lnTo>
                      <a:pt x="15" y="50"/>
                    </a:lnTo>
                    <a:lnTo>
                      <a:pt x="10" y="45"/>
                    </a:lnTo>
                    <a:lnTo>
                      <a:pt x="8" y="41"/>
                    </a:lnTo>
                    <a:lnTo>
                      <a:pt x="5" y="37"/>
                    </a:lnTo>
                    <a:lnTo>
                      <a:pt x="2" y="31"/>
                    </a:lnTo>
                    <a:lnTo>
                      <a:pt x="1" y="26"/>
                    </a:lnTo>
                    <a:lnTo>
                      <a:pt x="0" y="19"/>
                    </a:lnTo>
                    <a:lnTo>
                      <a:pt x="1" y="14"/>
                    </a:lnTo>
                    <a:lnTo>
                      <a:pt x="2" y="9"/>
                    </a:lnTo>
                    <a:lnTo>
                      <a:pt x="5" y="4"/>
                    </a:lnTo>
                    <a:lnTo>
                      <a:pt x="8" y="1"/>
                    </a:lnTo>
                    <a:lnTo>
                      <a:pt x="10" y="0"/>
                    </a:lnTo>
                    <a:lnTo>
                      <a:pt x="11" y="0"/>
                    </a:lnTo>
                    <a:lnTo>
                      <a:pt x="14" y="1"/>
                    </a:lnTo>
                    <a:lnTo>
                      <a:pt x="18" y="5"/>
                    </a:lnTo>
                    <a:lnTo>
                      <a:pt x="20" y="10"/>
                    </a:lnTo>
                    <a:lnTo>
                      <a:pt x="26" y="13"/>
                    </a:lnTo>
                    <a:lnTo>
                      <a:pt x="33" y="13"/>
                    </a:lnTo>
                    <a:lnTo>
                      <a:pt x="41" y="11"/>
                    </a:lnTo>
                    <a:lnTo>
                      <a:pt x="49" y="11"/>
                    </a:lnTo>
                    <a:lnTo>
                      <a:pt x="55" y="10"/>
                    </a:lnTo>
                    <a:lnTo>
                      <a:pt x="62" y="13"/>
                    </a:lnTo>
                    <a:lnTo>
                      <a:pt x="63" y="14"/>
                    </a:lnTo>
                    <a:lnTo>
                      <a:pt x="65" y="17"/>
                    </a:lnTo>
                    <a:lnTo>
                      <a:pt x="66" y="20"/>
                    </a:lnTo>
                    <a:lnTo>
                      <a:pt x="66" y="24"/>
                    </a:lnTo>
                    <a:lnTo>
                      <a:pt x="65" y="36"/>
                    </a:lnTo>
                    <a:lnTo>
                      <a:pt x="63" y="46"/>
                    </a:lnTo>
                    <a:lnTo>
                      <a:pt x="62" y="50"/>
                    </a:lnTo>
                    <a:lnTo>
                      <a:pt x="59" y="55"/>
                    </a:lnTo>
                    <a:lnTo>
                      <a:pt x="55" y="59"/>
                    </a:lnTo>
                    <a:lnTo>
                      <a:pt x="50" y="62"/>
                    </a:lnTo>
                    <a:lnTo>
                      <a:pt x="35" y="5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4" name="Freeform 15">
                <a:extLst>
                  <a:ext uri="{FF2B5EF4-FFF2-40B4-BE49-F238E27FC236}">
                    <a16:creationId xmlns:a16="http://schemas.microsoft.com/office/drawing/2014/main" id="{4045EFB5-DFE7-804F-912F-248A60FE1D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88799" y="-202175"/>
                <a:ext cx="30969" cy="16257"/>
              </a:xfrm>
              <a:custGeom>
                <a:avLst/>
                <a:gdLst/>
                <a:ahLst/>
                <a:cxnLst>
                  <a:cxn ang="0">
                    <a:pos x="60" y="6"/>
                  </a:cxn>
                  <a:cxn ang="0">
                    <a:pos x="49" y="2"/>
                  </a:cxn>
                  <a:cxn ang="0">
                    <a:pos x="39" y="0"/>
                  </a:cxn>
                  <a:cxn ang="0">
                    <a:pos x="31" y="0"/>
                  </a:cxn>
                  <a:cxn ang="0">
                    <a:pos x="21" y="0"/>
                  </a:cxn>
                  <a:cxn ang="0">
                    <a:pos x="12" y="2"/>
                  </a:cxn>
                  <a:cxn ang="0">
                    <a:pos x="5" y="4"/>
                  </a:cxn>
                  <a:cxn ang="0">
                    <a:pos x="1" y="8"/>
                  </a:cxn>
                  <a:cxn ang="0">
                    <a:pos x="0" y="13"/>
                  </a:cxn>
                  <a:cxn ang="0">
                    <a:pos x="0" y="19"/>
                  </a:cxn>
                  <a:cxn ang="0">
                    <a:pos x="3" y="22"/>
                  </a:cxn>
                  <a:cxn ang="0">
                    <a:pos x="7" y="25"/>
                  </a:cxn>
                  <a:cxn ang="0">
                    <a:pos x="10" y="26"/>
                  </a:cxn>
                  <a:cxn ang="0">
                    <a:pos x="14" y="28"/>
                  </a:cxn>
                  <a:cxn ang="0">
                    <a:pos x="18" y="28"/>
                  </a:cxn>
                  <a:cxn ang="0">
                    <a:pos x="23" y="29"/>
                  </a:cxn>
                  <a:cxn ang="0">
                    <a:pos x="29" y="29"/>
                  </a:cxn>
                  <a:cxn ang="0">
                    <a:pos x="36" y="34"/>
                  </a:cxn>
                  <a:cxn ang="0">
                    <a:pos x="45" y="38"/>
                  </a:cxn>
                  <a:cxn ang="0">
                    <a:pos x="51" y="38"/>
                  </a:cxn>
                  <a:cxn ang="0">
                    <a:pos x="56" y="35"/>
                  </a:cxn>
                  <a:cxn ang="0">
                    <a:pos x="61" y="32"/>
                  </a:cxn>
                  <a:cxn ang="0">
                    <a:pos x="66" y="28"/>
                  </a:cxn>
                  <a:cxn ang="0">
                    <a:pos x="60" y="6"/>
                  </a:cxn>
                </a:cxnLst>
                <a:rect l="0" t="0" r="r" b="b"/>
                <a:pathLst>
                  <a:path w="66" h="38">
                    <a:moveTo>
                      <a:pt x="60" y="6"/>
                    </a:moveTo>
                    <a:lnTo>
                      <a:pt x="49" y="2"/>
                    </a:lnTo>
                    <a:lnTo>
                      <a:pt x="39" y="0"/>
                    </a:lnTo>
                    <a:lnTo>
                      <a:pt x="31" y="0"/>
                    </a:lnTo>
                    <a:lnTo>
                      <a:pt x="21" y="0"/>
                    </a:lnTo>
                    <a:lnTo>
                      <a:pt x="12" y="2"/>
                    </a:lnTo>
                    <a:lnTo>
                      <a:pt x="5" y="4"/>
                    </a:lnTo>
                    <a:lnTo>
                      <a:pt x="1" y="8"/>
                    </a:lnTo>
                    <a:lnTo>
                      <a:pt x="0" y="13"/>
                    </a:lnTo>
                    <a:lnTo>
                      <a:pt x="0" y="19"/>
                    </a:lnTo>
                    <a:lnTo>
                      <a:pt x="3" y="22"/>
                    </a:lnTo>
                    <a:lnTo>
                      <a:pt x="7" y="25"/>
                    </a:lnTo>
                    <a:lnTo>
                      <a:pt x="10" y="26"/>
                    </a:lnTo>
                    <a:lnTo>
                      <a:pt x="14" y="28"/>
                    </a:lnTo>
                    <a:lnTo>
                      <a:pt x="18" y="28"/>
                    </a:lnTo>
                    <a:lnTo>
                      <a:pt x="23" y="29"/>
                    </a:lnTo>
                    <a:lnTo>
                      <a:pt x="29" y="29"/>
                    </a:lnTo>
                    <a:lnTo>
                      <a:pt x="36" y="34"/>
                    </a:lnTo>
                    <a:lnTo>
                      <a:pt x="45" y="38"/>
                    </a:lnTo>
                    <a:lnTo>
                      <a:pt x="51" y="38"/>
                    </a:lnTo>
                    <a:lnTo>
                      <a:pt x="56" y="35"/>
                    </a:lnTo>
                    <a:lnTo>
                      <a:pt x="61" y="32"/>
                    </a:lnTo>
                    <a:lnTo>
                      <a:pt x="66" y="28"/>
                    </a:lnTo>
                    <a:lnTo>
                      <a:pt x="60" y="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5" name="Freeform 16">
                <a:extLst>
                  <a:ext uri="{FF2B5EF4-FFF2-40B4-BE49-F238E27FC236}">
                    <a16:creationId xmlns:a16="http://schemas.microsoft.com/office/drawing/2014/main" id="{3D85E567-C618-EA4D-9181-086DD1440B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1280" y="-160631"/>
                <a:ext cx="18217" cy="25288"/>
              </a:xfrm>
              <a:custGeom>
                <a:avLst/>
                <a:gdLst/>
                <a:ahLst/>
                <a:cxnLst>
                  <a:cxn ang="0">
                    <a:pos x="0" y="48"/>
                  </a:cxn>
                  <a:cxn ang="0">
                    <a:pos x="1" y="39"/>
                  </a:cxn>
                  <a:cxn ang="0">
                    <a:pos x="1" y="30"/>
                  </a:cxn>
                  <a:cxn ang="0">
                    <a:pos x="3" y="22"/>
                  </a:cxn>
                  <a:cxn ang="0">
                    <a:pos x="4" y="15"/>
                  </a:cxn>
                  <a:cxn ang="0">
                    <a:pos x="4" y="11"/>
                  </a:cxn>
                  <a:cxn ang="0">
                    <a:pos x="6" y="7"/>
                  </a:cxn>
                  <a:cxn ang="0">
                    <a:pos x="8" y="3"/>
                  </a:cxn>
                  <a:cxn ang="0">
                    <a:pos x="10" y="0"/>
                  </a:cxn>
                  <a:cxn ang="0">
                    <a:pos x="13" y="0"/>
                  </a:cxn>
                  <a:cxn ang="0">
                    <a:pos x="14" y="0"/>
                  </a:cxn>
                  <a:cxn ang="0">
                    <a:pos x="17" y="2"/>
                  </a:cxn>
                  <a:cxn ang="0">
                    <a:pos x="18" y="3"/>
                  </a:cxn>
                  <a:cxn ang="0">
                    <a:pos x="22" y="7"/>
                  </a:cxn>
                  <a:cxn ang="0">
                    <a:pos x="25" y="9"/>
                  </a:cxn>
                  <a:cxn ang="0">
                    <a:pos x="34" y="13"/>
                  </a:cxn>
                  <a:cxn ang="0">
                    <a:pos x="41" y="19"/>
                  </a:cxn>
                  <a:cxn ang="0">
                    <a:pos x="41" y="24"/>
                  </a:cxn>
                  <a:cxn ang="0">
                    <a:pos x="40" y="30"/>
                  </a:cxn>
                  <a:cxn ang="0">
                    <a:pos x="37" y="38"/>
                  </a:cxn>
                  <a:cxn ang="0">
                    <a:pos x="35" y="43"/>
                  </a:cxn>
                  <a:cxn ang="0">
                    <a:pos x="32" y="50"/>
                  </a:cxn>
                  <a:cxn ang="0">
                    <a:pos x="27" y="54"/>
                  </a:cxn>
                  <a:cxn ang="0">
                    <a:pos x="21" y="57"/>
                  </a:cxn>
                  <a:cxn ang="0">
                    <a:pos x="14" y="59"/>
                  </a:cxn>
                  <a:cxn ang="0">
                    <a:pos x="0" y="48"/>
                  </a:cxn>
                </a:cxnLst>
                <a:rect l="0" t="0" r="r" b="b"/>
                <a:pathLst>
                  <a:path w="41" h="59">
                    <a:moveTo>
                      <a:pt x="0" y="48"/>
                    </a:moveTo>
                    <a:lnTo>
                      <a:pt x="1" y="39"/>
                    </a:lnTo>
                    <a:lnTo>
                      <a:pt x="1" y="30"/>
                    </a:lnTo>
                    <a:lnTo>
                      <a:pt x="3" y="22"/>
                    </a:lnTo>
                    <a:lnTo>
                      <a:pt x="4" y="15"/>
                    </a:lnTo>
                    <a:lnTo>
                      <a:pt x="4" y="11"/>
                    </a:lnTo>
                    <a:lnTo>
                      <a:pt x="6" y="7"/>
                    </a:lnTo>
                    <a:lnTo>
                      <a:pt x="8" y="3"/>
                    </a:lnTo>
                    <a:lnTo>
                      <a:pt x="10" y="0"/>
                    </a:lnTo>
                    <a:lnTo>
                      <a:pt x="13" y="0"/>
                    </a:lnTo>
                    <a:lnTo>
                      <a:pt x="14" y="0"/>
                    </a:lnTo>
                    <a:lnTo>
                      <a:pt x="17" y="2"/>
                    </a:lnTo>
                    <a:lnTo>
                      <a:pt x="18" y="3"/>
                    </a:lnTo>
                    <a:lnTo>
                      <a:pt x="22" y="7"/>
                    </a:lnTo>
                    <a:lnTo>
                      <a:pt x="25" y="9"/>
                    </a:lnTo>
                    <a:lnTo>
                      <a:pt x="34" y="13"/>
                    </a:lnTo>
                    <a:lnTo>
                      <a:pt x="41" y="19"/>
                    </a:lnTo>
                    <a:lnTo>
                      <a:pt x="41" y="24"/>
                    </a:lnTo>
                    <a:lnTo>
                      <a:pt x="40" y="30"/>
                    </a:lnTo>
                    <a:lnTo>
                      <a:pt x="37" y="38"/>
                    </a:lnTo>
                    <a:lnTo>
                      <a:pt x="35" y="43"/>
                    </a:lnTo>
                    <a:lnTo>
                      <a:pt x="32" y="50"/>
                    </a:lnTo>
                    <a:lnTo>
                      <a:pt x="27" y="54"/>
                    </a:lnTo>
                    <a:lnTo>
                      <a:pt x="21" y="57"/>
                    </a:lnTo>
                    <a:lnTo>
                      <a:pt x="14" y="59"/>
                    </a:lnTo>
                    <a:lnTo>
                      <a:pt x="0" y="4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6" name="Freeform 17">
                <a:extLst>
                  <a:ext uri="{FF2B5EF4-FFF2-40B4-BE49-F238E27FC236}">
                    <a16:creationId xmlns:a16="http://schemas.microsoft.com/office/drawing/2014/main" id="{95E48D6D-12F2-744C-A7E7-E31A6797D1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93878" y="-178694"/>
                <a:ext cx="25504" cy="39739"/>
              </a:xfrm>
              <a:custGeom>
                <a:avLst/>
                <a:gdLst/>
                <a:ahLst/>
                <a:cxnLst>
                  <a:cxn ang="0">
                    <a:pos x="16" y="74"/>
                  </a:cxn>
                  <a:cxn ang="0">
                    <a:pos x="14" y="61"/>
                  </a:cxn>
                  <a:cxn ang="0">
                    <a:pos x="9" y="49"/>
                  </a:cxn>
                  <a:cxn ang="0">
                    <a:pos x="5" y="39"/>
                  </a:cxn>
                  <a:cxn ang="0">
                    <a:pos x="2" y="28"/>
                  </a:cxn>
                  <a:cxn ang="0">
                    <a:pos x="0" y="22"/>
                  </a:cxn>
                  <a:cxn ang="0">
                    <a:pos x="0" y="17"/>
                  </a:cxn>
                  <a:cxn ang="0">
                    <a:pos x="2" y="12"/>
                  </a:cxn>
                  <a:cxn ang="0">
                    <a:pos x="3" y="6"/>
                  </a:cxn>
                  <a:cxn ang="0">
                    <a:pos x="5" y="4"/>
                  </a:cxn>
                  <a:cxn ang="0">
                    <a:pos x="8" y="1"/>
                  </a:cxn>
                  <a:cxn ang="0">
                    <a:pos x="11" y="0"/>
                  </a:cxn>
                  <a:cxn ang="0">
                    <a:pos x="13" y="0"/>
                  </a:cxn>
                  <a:cxn ang="0">
                    <a:pos x="16" y="1"/>
                  </a:cxn>
                  <a:cxn ang="0">
                    <a:pos x="17" y="2"/>
                  </a:cxn>
                  <a:cxn ang="0">
                    <a:pos x="20" y="5"/>
                  </a:cxn>
                  <a:cxn ang="0">
                    <a:pos x="21" y="9"/>
                  </a:cxn>
                  <a:cxn ang="0">
                    <a:pos x="24" y="15"/>
                  </a:cxn>
                  <a:cxn ang="0">
                    <a:pos x="27" y="22"/>
                  </a:cxn>
                  <a:cxn ang="0">
                    <a:pos x="31" y="27"/>
                  </a:cxn>
                  <a:cxn ang="0">
                    <a:pos x="37" y="32"/>
                  </a:cxn>
                  <a:cxn ang="0">
                    <a:pos x="43" y="39"/>
                  </a:cxn>
                  <a:cxn ang="0">
                    <a:pos x="49" y="46"/>
                  </a:cxn>
                  <a:cxn ang="0">
                    <a:pos x="52" y="50"/>
                  </a:cxn>
                  <a:cxn ang="0">
                    <a:pos x="53" y="54"/>
                  </a:cxn>
                  <a:cxn ang="0">
                    <a:pos x="55" y="59"/>
                  </a:cxn>
                  <a:cxn ang="0">
                    <a:pos x="53" y="65"/>
                  </a:cxn>
                  <a:cxn ang="0">
                    <a:pos x="51" y="69"/>
                  </a:cxn>
                  <a:cxn ang="0">
                    <a:pos x="48" y="72"/>
                  </a:cxn>
                  <a:cxn ang="0">
                    <a:pos x="46" y="78"/>
                  </a:cxn>
                  <a:cxn ang="0">
                    <a:pos x="40" y="81"/>
                  </a:cxn>
                  <a:cxn ang="0">
                    <a:pos x="37" y="84"/>
                  </a:cxn>
                  <a:cxn ang="0">
                    <a:pos x="33" y="85"/>
                  </a:cxn>
                  <a:cxn ang="0">
                    <a:pos x="27" y="84"/>
                  </a:cxn>
                  <a:cxn ang="0">
                    <a:pos x="24" y="81"/>
                  </a:cxn>
                  <a:cxn ang="0">
                    <a:pos x="16" y="74"/>
                  </a:cxn>
                </a:cxnLst>
                <a:rect l="0" t="0" r="r" b="b"/>
                <a:pathLst>
                  <a:path w="55" h="85">
                    <a:moveTo>
                      <a:pt x="16" y="74"/>
                    </a:moveTo>
                    <a:lnTo>
                      <a:pt x="14" y="61"/>
                    </a:lnTo>
                    <a:lnTo>
                      <a:pt x="9" y="49"/>
                    </a:lnTo>
                    <a:lnTo>
                      <a:pt x="5" y="39"/>
                    </a:lnTo>
                    <a:lnTo>
                      <a:pt x="2" y="28"/>
                    </a:lnTo>
                    <a:lnTo>
                      <a:pt x="0" y="22"/>
                    </a:lnTo>
                    <a:lnTo>
                      <a:pt x="0" y="17"/>
                    </a:lnTo>
                    <a:lnTo>
                      <a:pt x="2" y="12"/>
                    </a:lnTo>
                    <a:lnTo>
                      <a:pt x="3" y="6"/>
                    </a:lnTo>
                    <a:lnTo>
                      <a:pt x="5" y="4"/>
                    </a:lnTo>
                    <a:lnTo>
                      <a:pt x="8" y="1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6" y="1"/>
                    </a:lnTo>
                    <a:lnTo>
                      <a:pt x="17" y="2"/>
                    </a:lnTo>
                    <a:lnTo>
                      <a:pt x="20" y="5"/>
                    </a:lnTo>
                    <a:lnTo>
                      <a:pt x="21" y="9"/>
                    </a:lnTo>
                    <a:lnTo>
                      <a:pt x="24" y="15"/>
                    </a:lnTo>
                    <a:lnTo>
                      <a:pt x="27" y="22"/>
                    </a:lnTo>
                    <a:lnTo>
                      <a:pt x="31" y="27"/>
                    </a:lnTo>
                    <a:lnTo>
                      <a:pt x="37" y="32"/>
                    </a:lnTo>
                    <a:lnTo>
                      <a:pt x="43" y="39"/>
                    </a:lnTo>
                    <a:lnTo>
                      <a:pt x="49" y="46"/>
                    </a:lnTo>
                    <a:lnTo>
                      <a:pt x="52" y="50"/>
                    </a:lnTo>
                    <a:lnTo>
                      <a:pt x="53" y="54"/>
                    </a:lnTo>
                    <a:lnTo>
                      <a:pt x="55" y="59"/>
                    </a:lnTo>
                    <a:lnTo>
                      <a:pt x="53" y="65"/>
                    </a:lnTo>
                    <a:lnTo>
                      <a:pt x="51" y="69"/>
                    </a:lnTo>
                    <a:lnTo>
                      <a:pt x="48" y="72"/>
                    </a:lnTo>
                    <a:lnTo>
                      <a:pt x="46" y="78"/>
                    </a:lnTo>
                    <a:lnTo>
                      <a:pt x="40" y="81"/>
                    </a:lnTo>
                    <a:lnTo>
                      <a:pt x="37" y="84"/>
                    </a:lnTo>
                    <a:lnTo>
                      <a:pt x="33" y="85"/>
                    </a:lnTo>
                    <a:lnTo>
                      <a:pt x="27" y="84"/>
                    </a:lnTo>
                    <a:lnTo>
                      <a:pt x="24" y="81"/>
                    </a:lnTo>
                    <a:lnTo>
                      <a:pt x="16" y="7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7" name="Freeform 18">
                <a:extLst>
                  <a:ext uri="{FF2B5EF4-FFF2-40B4-BE49-F238E27FC236}">
                    <a16:creationId xmlns:a16="http://schemas.microsoft.com/office/drawing/2014/main" id="{AAFD1391-4209-B14B-9271-D20B6A6013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35584" y="-135343"/>
                <a:ext cx="49186" cy="45158"/>
              </a:xfrm>
              <a:custGeom>
                <a:avLst/>
                <a:gdLst/>
                <a:ahLst/>
                <a:cxnLst>
                  <a:cxn ang="0">
                    <a:pos x="109" y="17"/>
                  </a:cxn>
                  <a:cxn ang="0">
                    <a:pos x="101" y="17"/>
                  </a:cxn>
                  <a:cxn ang="0">
                    <a:pos x="93" y="17"/>
                  </a:cxn>
                  <a:cxn ang="0">
                    <a:pos x="85" y="16"/>
                  </a:cxn>
                  <a:cxn ang="0">
                    <a:pos x="79" y="14"/>
                  </a:cxn>
                  <a:cxn ang="0">
                    <a:pos x="71" y="9"/>
                  </a:cxn>
                  <a:cxn ang="0">
                    <a:pos x="63" y="4"/>
                  </a:cxn>
                  <a:cxn ang="0">
                    <a:pos x="59" y="1"/>
                  </a:cxn>
                  <a:cxn ang="0">
                    <a:pos x="55" y="0"/>
                  </a:cxn>
                  <a:cxn ang="0">
                    <a:pos x="50" y="0"/>
                  </a:cxn>
                  <a:cxn ang="0">
                    <a:pos x="45" y="1"/>
                  </a:cxn>
                  <a:cxn ang="0">
                    <a:pos x="42" y="3"/>
                  </a:cxn>
                  <a:cxn ang="0">
                    <a:pos x="41" y="5"/>
                  </a:cxn>
                  <a:cxn ang="0">
                    <a:pos x="39" y="8"/>
                  </a:cxn>
                  <a:cxn ang="0">
                    <a:pos x="39" y="12"/>
                  </a:cxn>
                  <a:cxn ang="0">
                    <a:pos x="36" y="18"/>
                  </a:cxn>
                  <a:cxn ang="0">
                    <a:pos x="35" y="25"/>
                  </a:cxn>
                  <a:cxn ang="0">
                    <a:pos x="31" y="29"/>
                  </a:cxn>
                  <a:cxn ang="0">
                    <a:pos x="26" y="34"/>
                  </a:cxn>
                  <a:cxn ang="0">
                    <a:pos x="20" y="38"/>
                  </a:cxn>
                  <a:cxn ang="0">
                    <a:pos x="15" y="42"/>
                  </a:cxn>
                  <a:cxn ang="0">
                    <a:pos x="9" y="47"/>
                  </a:cxn>
                  <a:cxn ang="0">
                    <a:pos x="5" y="51"/>
                  </a:cxn>
                  <a:cxn ang="0">
                    <a:pos x="1" y="56"/>
                  </a:cxn>
                  <a:cxn ang="0">
                    <a:pos x="0" y="60"/>
                  </a:cxn>
                  <a:cxn ang="0">
                    <a:pos x="4" y="66"/>
                  </a:cxn>
                  <a:cxn ang="0">
                    <a:pos x="9" y="70"/>
                  </a:cxn>
                  <a:cxn ang="0">
                    <a:pos x="15" y="86"/>
                  </a:cxn>
                  <a:cxn ang="0">
                    <a:pos x="24" y="99"/>
                  </a:cxn>
                  <a:cxn ang="0">
                    <a:pos x="32" y="100"/>
                  </a:cxn>
                  <a:cxn ang="0">
                    <a:pos x="39" y="101"/>
                  </a:cxn>
                  <a:cxn ang="0">
                    <a:pos x="46" y="99"/>
                  </a:cxn>
                  <a:cxn ang="0">
                    <a:pos x="53" y="96"/>
                  </a:cxn>
                  <a:cxn ang="0">
                    <a:pos x="64" y="86"/>
                  </a:cxn>
                  <a:cxn ang="0">
                    <a:pos x="74" y="75"/>
                  </a:cxn>
                  <a:cxn ang="0">
                    <a:pos x="84" y="65"/>
                  </a:cxn>
                  <a:cxn ang="0">
                    <a:pos x="93" y="55"/>
                  </a:cxn>
                  <a:cxn ang="0">
                    <a:pos x="102" y="43"/>
                  </a:cxn>
                  <a:cxn ang="0">
                    <a:pos x="110" y="31"/>
                  </a:cxn>
                  <a:cxn ang="0">
                    <a:pos x="109" y="17"/>
                  </a:cxn>
                </a:cxnLst>
                <a:rect l="0" t="0" r="r" b="b"/>
                <a:pathLst>
                  <a:path w="110" h="101">
                    <a:moveTo>
                      <a:pt x="109" y="17"/>
                    </a:moveTo>
                    <a:lnTo>
                      <a:pt x="101" y="17"/>
                    </a:lnTo>
                    <a:lnTo>
                      <a:pt x="93" y="17"/>
                    </a:lnTo>
                    <a:lnTo>
                      <a:pt x="85" y="16"/>
                    </a:lnTo>
                    <a:lnTo>
                      <a:pt x="79" y="14"/>
                    </a:lnTo>
                    <a:lnTo>
                      <a:pt x="71" y="9"/>
                    </a:lnTo>
                    <a:lnTo>
                      <a:pt x="63" y="4"/>
                    </a:lnTo>
                    <a:lnTo>
                      <a:pt x="59" y="1"/>
                    </a:lnTo>
                    <a:lnTo>
                      <a:pt x="55" y="0"/>
                    </a:lnTo>
                    <a:lnTo>
                      <a:pt x="50" y="0"/>
                    </a:lnTo>
                    <a:lnTo>
                      <a:pt x="45" y="1"/>
                    </a:lnTo>
                    <a:lnTo>
                      <a:pt x="42" y="3"/>
                    </a:lnTo>
                    <a:lnTo>
                      <a:pt x="41" y="5"/>
                    </a:lnTo>
                    <a:lnTo>
                      <a:pt x="39" y="8"/>
                    </a:lnTo>
                    <a:lnTo>
                      <a:pt x="39" y="12"/>
                    </a:lnTo>
                    <a:lnTo>
                      <a:pt x="36" y="18"/>
                    </a:lnTo>
                    <a:lnTo>
                      <a:pt x="35" y="25"/>
                    </a:lnTo>
                    <a:lnTo>
                      <a:pt x="31" y="29"/>
                    </a:lnTo>
                    <a:lnTo>
                      <a:pt x="26" y="34"/>
                    </a:lnTo>
                    <a:lnTo>
                      <a:pt x="20" y="38"/>
                    </a:lnTo>
                    <a:lnTo>
                      <a:pt x="15" y="42"/>
                    </a:lnTo>
                    <a:lnTo>
                      <a:pt x="9" y="47"/>
                    </a:lnTo>
                    <a:lnTo>
                      <a:pt x="5" y="51"/>
                    </a:lnTo>
                    <a:lnTo>
                      <a:pt x="1" y="56"/>
                    </a:lnTo>
                    <a:lnTo>
                      <a:pt x="0" y="60"/>
                    </a:lnTo>
                    <a:lnTo>
                      <a:pt x="4" y="66"/>
                    </a:lnTo>
                    <a:lnTo>
                      <a:pt x="9" y="70"/>
                    </a:lnTo>
                    <a:lnTo>
                      <a:pt x="15" y="86"/>
                    </a:lnTo>
                    <a:lnTo>
                      <a:pt x="24" y="99"/>
                    </a:lnTo>
                    <a:lnTo>
                      <a:pt x="32" y="100"/>
                    </a:lnTo>
                    <a:lnTo>
                      <a:pt x="39" y="101"/>
                    </a:lnTo>
                    <a:lnTo>
                      <a:pt x="46" y="99"/>
                    </a:lnTo>
                    <a:lnTo>
                      <a:pt x="53" y="96"/>
                    </a:lnTo>
                    <a:lnTo>
                      <a:pt x="64" y="86"/>
                    </a:lnTo>
                    <a:lnTo>
                      <a:pt x="74" y="75"/>
                    </a:lnTo>
                    <a:lnTo>
                      <a:pt x="84" y="65"/>
                    </a:lnTo>
                    <a:lnTo>
                      <a:pt x="93" y="55"/>
                    </a:lnTo>
                    <a:lnTo>
                      <a:pt x="102" y="43"/>
                    </a:lnTo>
                    <a:lnTo>
                      <a:pt x="110" y="31"/>
                    </a:lnTo>
                    <a:lnTo>
                      <a:pt x="109" y="1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8" name="Freeform 19">
                <a:extLst>
                  <a:ext uri="{FF2B5EF4-FFF2-40B4-BE49-F238E27FC236}">
                    <a16:creationId xmlns:a16="http://schemas.microsoft.com/office/drawing/2014/main" id="{1E1CC377-3FAE-FD43-A9EB-9EB82CBF1C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48335" y="-180500"/>
                <a:ext cx="21860" cy="28901"/>
              </a:xfrm>
              <a:custGeom>
                <a:avLst/>
                <a:gdLst/>
                <a:ahLst/>
                <a:cxnLst>
                  <a:cxn ang="0">
                    <a:pos x="48" y="42"/>
                  </a:cxn>
                  <a:cxn ang="0">
                    <a:pos x="47" y="29"/>
                  </a:cxn>
                  <a:cxn ang="0">
                    <a:pos x="46" y="18"/>
                  </a:cxn>
                  <a:cxn ang="0">
                    <a:pos x="43" y="11"/>
                  </a:cxn>
                  <a:cxn ang="0">
                    <a:pos x="39" y="6"/>
                  </a:cxn>
                  <a:cxn ang="0">
                    <a:pos x="37" y="4"/>
                  </a:cxn>
                  <a:cxn ang="0">
                    <a:pos x="34" y="1"/>
                  </a:cxn>
                  <a:cxn ang="0">
                    <a:pos x="32" y="0"/>
                  </a:cxn>
                  <a:cxn ang="0">
                    <a:pos x="29" y="0"/>
                  </a:cxn>
                  <a:cxn ang="0">
                    <a:pos x="23" y="0"/>
                  </a:cxn>
                  <a:cxn ang="0">
                    <a:pos x="17" y="2"/>
                  </a:cxn>
                  <a:cxn ang="0">
                    <a:pos x="13" y="5"/>
                  </a:cxn>
                  <a:cxn ang="0">
                    <a:pos x="10" y="9"/>
                  </a:cxn>
                  <a:cxn ang="0">
                    <a:pos x="4" y="19"/>
                  </a:cxn>
                  <a:cxn ang="0">
                    <a:pos x="2" y="31"/>
                  </a:cxn>
                  <a:cxn ang="0">
                    <a:pos x="0" y="37"/>
                  </a:cxn>
                  <a:cxn ang="0">
                    <a:pos x="0" y="42"/>
                  </a:cxn>
                  <a:cxn ang="0">
                    <a:pos x="2" y="48"/>
                  </a:cxn>
                  <a:cxn ang="0">
                    <a:pos x="4" y="54"/>
                  </a:cxn>
                  <a:cxn ang="0">
                    <a:pos x="7" y="59"/>
                  </a:cxn>
                  <a:cxn ang="0">
                    <a:pos x="11" y="62"/>
                  </a:cxn>
                  <a:cxn ang="0">
                    <a:pos x="16" y="63"/>
                  </a:cxn>
                  <a:cxn ang="0">
                    <a:pos x="21" y="63"/>
                  </a:cxn>
                  <a:cxn ang="0">
                    <a:pos x="32" y="62"/>
                  </a:cxn>
                  <a:cxn ang="0">
                    <a:pos x="41" y="58"/>
                  </a:cxn>
                  <a:cxn ang="0">
                    <a:pos x="48" y="42"/>
                  </a:cxn>
                </a:cxnLst>
                <a:rect l="0" t="0" r="r" b="b"/>
                <a:pathLst>
                  <a:path w="48" h="63">
                    <a:moveTo>
                      <a:pt x="48" y="42"/>
                    </a:moveTo>
                    <a:lnTo>
                      <a:pt x="47" y="29"/>
                    </a:lnTo>
                    <a:lnTo>
                      <a:pt x="46" y="18"/>
                    </a:lnTo>
                    <a:lnTo>
                      <a:pt x="43" y="11"/>
                    </a:lnTo>
                    <a:lnTo>
                      <a:pt x="39" y="6"/>
                    </a:lnTo>
                    <a:lnTo>
                      <a:pt x="37" y="4"/>
                    </a:lnTo>
                    <a:lnTo>
                      <a:pt x="34" y="1"/>
                    </a:lnTo>
                    <a:lnTo>
                      <a:pt x="32" y="0"/>
                    </a:lnTo>
                    <a:lnTo>
                      <a:pt x="29" y="0"/>
                    </a:lnTo>
                    <a:lnTo>
                      <a:pt x="23" y="0"/>
                    </a:lnTo>
                    <a:lnTo>
                      <a:pt x="17" y="2"/>
                    </a:lnTo>
                    <a:lnTo>
                      <a:pt x="13" y="5"/>
                    </a:lnTo>
                    <a:lnTo>
                      <a:pt x="10" y="9"/>
                    </a:lnTo>
                    <a:lnTo>
                      <a:pt x="4" y="19"/>
                    </a:lnTo>
                    <a:lnTo>
                      <a:pt x="2" y="31"/>
                    </a:lnTo>
                    <a:lnTo>
                      <a:pt x="0" y="37"/>
                    </a:lnTo>
                    <a:lnTo>
                      <a:pt x="0" y="42"/>
                    </a:lnTo>
                    <a:lnTo>
                      <a:pt x="2" y="48"/>
                    </a:lnTo>
                    <a:lnTo>
                      <a:pt x="4" y="54"/>
                    </a:lnTo>
                    <a:lnTo>
                      <a:pt x="7" y="59"/>
                    </a:lnTo>
                    <a:lnTo>
                      <a:pt x="11" y="62"/>
                    </a:lnTo>
                    <a:lnTo>
                      <a:pt x="16" y="63"/>
                    </a:lnTo>
                    <a:lnTo>
                      <a:pt x="21" y="63"/>
                    </a:lnTo>
                    <a:lnTo>
                      <a:pt x="32" y="62"/>
                    </a:lnTo>
                    <a:lnTo>
                      <a:pt x="41" y="58"/>
                    </a:lnTo>
                    <a:lnTo>
                      <a:pt x="48" y="4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29" name="Freeform 20">
                <a:extLst>
                  <a:ext uri="{FF2B5EF4-FFF2-40B4-BE49-F238E27FC236}">
                    <a16:creationId xmlns:a16="http://schemas.microsoft.com/office/drawing/2014/main" id="{CA64FF96-240D-FB45-8E16-2A2F88705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375468" y="-91991"/>
                <a:ext cx="61937" cy="50577"/>
              </a:xfrm>
              <a:custGeom>
                <a:avLst/>
                <a:gdLst/>
                <a:ahLst/>
                <a:cxnLst>
                  <a:cxn ang="0">
                    <a:pos x="35" y="110"/>
                  </a:cxn>
                  <a:cxn ang="0">
                    <a:pos x="44" y="113"/>
                  </a:cxn>
                  <a:cxn ang="0">
                    <a:pos x="54" y="113"/>
                  </a:cxn>
                  <a:cxn ang="0">
                    <a:pos x="66" y="113"/>
                  </a:cxn>
                  <a:cxn ang="0">
                    <a:pos x="79" y="113"/>
                  </a:cxn>
                  <a:cxn ang="0">
                    <a:pos x="91" y="110"/>
                  </a:cxn>
                  <a:cxn ang="0">
                    <a:pos x="102" y="108"/>
                  </a:cxn>
                  <a:cxn ang="0">
                    <a:pos x="111" y="104"/>
                  </a:cxn>
                  <a:cxn ang="0">
                    <a:pos x="119" y="98"/>
                  </a:cxn>
                  <a:cxn ang="0">
                    <a:pos x="126" y="92"/>
                  </a:cxn>
                  <a:cxn ang="0">
                    <a:pos x="131" y="87"/>
                  </a:cxn>
                  <a:cxn ang="0">
                    <a:pos x="133" y="82"/>
                  </a:cxn>
                  <a:cxn ang="0">
                    <a:pos x="135" y="76"/>
                  </a:cxn>
                  <a:cxn ang="0">
                    <a:pos x="133" y="65"/>
                  </a:cxn>
                  <a:cxn ang="0">
                    <a:pos x="129" y="49"/>
                  </a:cxn>
                  <a:cxn ang="0">
                    <a:pos x="128" y="38"/>
                  </a:cxn>
                  <a:cxn ang="0">
                    <a:pos x="126" y="23"/>
                  </a:cxn>
                  <a:cxn ang="0">
                    <a:pos x="124" y="17"/>
                  </a:cxn>
                  <a:cxn ang="0">
                    <a:pos x="122" y="10"/>
                  </a:cxn>
                  <a:cxn ang="0">
                    <a:pos x="118" y="5"/>
                  </a:cxn>
                  <a:cxn ang="0">
                    <a:pos x="111" y="3"/>
                  </a:cxn>
                  <a:cxn ang="0">
                    <a:pos x="107" y="0"/>
                  </a:cxn>
                  <a:cxn ang="0">
                    <a:pos x="102" y="0"/>
                  </a:cxn>
                  <a:cxn ang="0">
                    <a:pos x="100" y="1"/>
                  </a:cxn>
                  <a:cxn ang="0">
                    <a:pos x="96" y="3"/>
                  </a:cxn>
                  <a:cxn ang="0">
                    <a:pos x="92" y="6"/>
                  </a:cxn>
                  <a:cxn ang="0">
                    <a:pos x="88" y="14"/>
                  </a:cxn>
                  <a:cxn ang="0">
                    <a:pos x="85" y="21"/>
                  </a:cxn>
                  <a:cxn ang="0">
                    <a:pos x="83" y="28"/>
                  </a:cxn>
                  <a:cxn ang="0">
                    <a:pos x="79" y="36"/>
                  </a:cxn>
                  <a:cxn ang="0">
                    <a:pos x="74" y="41"/>
                  </a:cxn>
                  <a:cxn ang="0">
                    <a:pos x="57" y="47"/>
                  </a:cxn>
                  <a:cxn ang="0">
                    <a:pos x="40" y="52"/>
                  </a:cxn>
                  <a:cxn ang="0">
                    <a:pos x="34" y="54"/>
                  </a:cxn>
                  <a:cxn ang="0">
                    <a:pos x="27" y="58"/>
                  </a:cxn>
                  <a:cxn ang="0">
                    <a:pos x="22" y="63"/>
                  </a:cxn>
                  <a:cxn ang="0">
                    <a:pos x="17" y="69"/>
                  </a:cxn>
                  <a:cxn ang="0">
                    <a:pos x="9" y="79"/>
                  </a:cxn>
                  <a:cxn ang="0">
                    <a:pos x="1" y="91"/>
                  </a:cxn>
                  <a:cxn ang="0">
                    <a:pos x="0" y="96"/>
                  </a:cxn>
                  <a:cxn ang="0">
                    <a:pos x="1" y="100"/>
                  </a:cxn>
                  <a:cxn ang="0">
                    <a:pos x="2" y="102"/>
                  </a:cxn>
                  <a:cxn ang="0">
                    <a:pos x="6" y="105"/>
                  </a:cxn>
                  <a:cxn ang="0">
                    <a:pos x="14" y="109"/>
                  </a:cxn>
                  <a:cxn ang="0">
                    <a:pos x="22" y="113"/>
                  </a:cxn>
                  <a:cxn ang="0">
                    <a:pos x="35" y="110"/>
                  </a:cxn>
                </a:cxnLst>
                <a:rect l="0" t="0" r="r" b="b"/>
                <a:pathLst>
                  <a:path w="135" h="113">
                    <a:moveTo>
                      <a:pt x="35" y="110"/>
                    </a:moveTo>
                    <a:lnTo>
                      <a:pt x="44" y="113"/>
                    </a:lnTo>
                    <a:lnTo>
                      <a:pt x="54" y="113"/>
                    </a:lnTo>
                    <a:lnTo>
                      <a:pt x="66" y="113"/>
                    </a:lnTo>
                    <a:lnTo>
                      <a:pt x="79" y="113"/>
                    </a:lnTo>
                    <a:lnTo>
                      <a:pt x="91" y="110"/>
                    </a:lnTo>
                    <a:lnTo>
                      <a:pt x="102" y="108"/>
                    </a:lnTo>
                    <a:lnTo>
                      <a:pt x="111" y="104"/>
                    </a:lnTo>
                    <a:lnTo>
                      <a:pt x="119" y="98"/>
                    </a:lnTo>
                    <a:lnTo>
                      <a:pt x="126" y="92"/>
                    </a:lnTo>
                    <a:lnTo>
                      <a:pt x="131" y="87"/>
                    </a:lnTo>
                    <a:lnTo>
                      <a:pt x="133" y="82"/>
                    </a:lnTo>
                    <a:lnTo>
                      <a:pt x="135" y="76"/>
                    </a:lnTo>
                    <a:lnTo>
                      <a:pt x="133" y="65"/>
                    </a:lnTo>
                    <a:lnTo>
                      <a:pt x="129" y="49"/>
                    </a:lnTo>
                    <a:lnTo>
                      <a:pt x="128" y="38"/>
                    </a:lnTo>
                    <a:lnTo>
                      <a:pt x="126" y="23"/>
                    </a:lnTo>
                    <a:lnTo>
                      <a:pt x="124" y="17"/>
                    </a:lnTo>
                    <a:lnTo>
                      <a:pt x="122" y="10"/>
                    </a:lnTo>
                    <a:lnTo>
                      <a:pt x="118" y="5"/>
                    </a:lnTo>
                    <a:lnTo>
                      <a:pt x="111" y="3"/>
                    </a:lnTo>
                    <a:lnTo>
                      <a:pt x="107" y="0"/>
                    </a:lnTo>
                    <a:lnTo>
                      <a:pt x="102" y="0"/>
                    </a:lnTo>
                    <a:lnTo>
                      <a:pt x="100" y="1"/>
                    </a:lnTo>
                    <a:lnTo>
                      <a:pt x="96" y="3"/>
                    </a:lnTo>
                    <a:lnTo>
                      <a:pt x="92" y="6"/>
                    </a:lnTo>
                    <a:lnTo>
                      <a:pt x="88" y="14"/>
                    </a:lnTo>
                    <a:lnTo>
                      <a:pt x="85" y="21"/>
                    </a:lnTo>
                    <a:lnTo>
                      <a:pt x="83" y="28"/>
                    </a:lnTo>
                    <a:lnTo>
                      <a:pt x="79" y="36"/>
                    </a:lnTo>
                    <a:lnTo>
                      <a:pt x="74" y="41"/>
                    </a:lnTo>
                    <a:lnTo>
                      <a:pt x="57" y="47"/>
                    </a:lnTo>
                    <a:lnTo>
                      <a:pt x="40" y="52"/>
                    </a:lnTo>
                    <a:lnTo>
                      <a:pt x="34" y="54"/>
                    </a:lnTo>
                    <a:lnTo>
                      <a:pt x="27" y="58"/>
                    </a:lnTo>
                    <a:lnTo>
                      <a:pt x="22" y="63"/>
                    </a:lnTo>
                    <a:lnTo>
                      <a:pt x="17" y="69"/>
                    </a:lnTo>
                    <a:lnTo>
                      <a:pt x="9" y="79"/>
                    </a:lnTo>
                    <a:lnTo>
                      <a:pt x="1" y="91"/>
                    </a:lnTo>
                    <a:lnTo>
                      <a:pt x="0" y="96"/>
                    </a:lnTo>
                    <a:lnTo>
                      <a:pt x="1" y="100"/>
                    </a:lnTo>
                    <a:lnTo>
                      <a:pt x="2" y="102"/>
                    </a:lnTo>
                    <a:lnTo>
                      <a:pt x="6" y="105"/>
                    </a:lnTo>
                    <a:lnTo>
                      <a:pt x="14" y="109"/>
                    </a:lnTo>
                    <a:lnTo>
                      <a:pt x="22" y="113"/>
                    </a:lnTo>
                    <a:lnTo>
                      <a:pt x="35" y="11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0" name="Freeform 21">
                <a:extLst>
                  <a:ext uri="{FF2B5EF4-FFF2-40B4-BE49-F238E27FC236}">
                    <a16:creationId xmlns:a16="http://schemas.microsoft.com/office/drawing/2014/main" id="{B8AD969E-BF3A-EE4D-8025-59BD0F4D3A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278919" y="-21545"/>
                <a:ext cx="80154" cy="93928"/>
              </a:xfrm>
              <a:custGeom>
                <a:avLst/>
                <a:gdLst/>
                <a:ahLst/>
                <a:cxnLst>
                  <a:cxn ang="0">
                    <a:pos x="146" y="81"/>
                  </a:cxn>
                  <a:cxn ang="0">
                    <a:pos x="149" y="74"/>
                  </a:cxn>
                  <a:cxn ang="0">
                    <a:pos x="155" y="69"/>
                  </a:cxn>
                  <a:cxn ang="0">
                    <a:pos x="168" y="57"/>
                  </a:cxn>
                  <a:cxn ang="0">
                    <a:pos x="175" y="43"/>
                  </a:cxn>
                  <a:cxn ang="0">
                    <a:pos x="175" y="35"/>
                  </a:cxn>
                  <a:cxn ang="0">
                    <a:pos x="169" y="32"/>
                  </a:cxn>
                  <a:cxn ang="0">
                    <a:pos x="134" y="34"/>
                  </a:cxn>
                  <a:cxn ang="0">
                    <a:pos x="114" y="11"/>
                  </a:cxn>
                  <a:cxn ang="0">
                    <a:pos x="99" y="0"/>
                  </a:cxn>
                  <a:cxn ang="0">
                    <a:pos x="93" y="2"/>
                  </a:cxn>
                  <a:cxn ang="0">
                    <a:pos x="88" y="7"/>
                  </a:cxn>
                  <a:cxn ang="0">
                    <a:pos x="80" y="19"/>
                  </a:cxn>
                  <a:cxn ang="0">
                    <a:pos x="70" y="24"/>
                  </a:cxn>
                  <a:cxn ang="0">
                    <a:pos x="45" y="30"/>
                  </a:cxn>
                  <a:cxn ang="0">
                    <a:pos x="31" y="37"/>
                  </a:cxn>
                  <a:cxn ang="0">
                    <a:pos x="29" y="39"/>
                  </a:cxn>
                  <a:cxn ang="0">
                    <a:pos x="31" y="43"/>
                  </a:cxn>
                  <a:cxn ang="0">
                    <a:pos x="48" y="60"/>
                  </a:cxn>
                  <a:cxn ang="0">
                    <a:pos x="48" y="69"/>
                  </a:cxn>
                  <a:cxn ang="0">
                    <a:pos x="41" y="77"/>
                  </a:cxn>
                  <a:cxn ang="0">
                    <a:pos x="28" y="95"/>
                  </a:cxn>
                  <a:cxn ang="0">
                    <a:pos x="28" y="109"/>
                  </a:cxn>
                  <a:cxn ang="0">
                    <a:pos x="26" y="113"/>
                  </a:cxn>
                  <a:cxn ang="0">
                    <a:pos x="18" y="116"/>
                  </a:cxn>
                  <a:cxn ang="0">
                    <a:pos x="2" y="124"/>
                  </a:cxn>
                  <a:cxn ang="0">
                    <a:pos x="0" y="130"/>
                  </a:cxn>
                  <a:cxn ang="0">
                    <a:pos x="5" y="135"/>
                  </a:cxn>
                  <a:cxn ang="0">
                    <a:pos x="20" y="140"/>
                  </a:cxn>
                  <a:cxn ang="0">
                    <a:pos x="32" y="148"/>
                  </a:cxn>
                  <a:cxn ang="0">
                    <a:pos x="13" y="162"/>
                  </a:cxn>
                  <a:cxn ang="0">
                    <a:pos x="4" y="173"/>
                  </a:cxn>
                  <a:cxn ang="0">
                    <a:pos x="2" y="178"/>
                  </a:cxn>
                  <a:cxn ang="0">
                    <a:pos x="6" y="182"/>
                  </a:cxn>
                  <a:cxn ang="0">
                    <a:pos x="27" y="187"/>
                  </a:cxn>
                  <a:cxn ang="0">
                    <a:pos x="35" y="191"/>
                  </a:cxn>
                  <a:cxn ang="0">
                    <a:pos x="40" y="201"/>
                  </a:cxn>
                  <a:cxn ang="0">
                    <a:pos x="45" y="209"/>
                  </a:cxn>
                  <a:cxn ang="0">
                    <a:pos x="50" y="210"/>
                  </a:cxn>
                  <a:cxn ang="0">
                    <a:pos x="61" y="199"/>
                  </a:cxn>
                  <a:cxn ang="0">
                    <a:pos x="79" y="168"/>
                  </a:cxn>
                  <a:cxn ang="0">
                    <a:pos x="103" y="144"/>
                  </a:cxn>
                  <a:cxn ang="0">
                    <a:pos x="124" y="135"/>
                  </a:cxn>
                </a:cxnLst>
                <a:rect l="0" t="0" r="r" b="b"/>
                <a:pathLst>
                  <a:path w="175" h="210">
                    <a:moveTo>
                      <a:pt x="146" y="129"/>
                    </a:moveTo>
                    <a:lnTo>
                      <a:pt x="146" y="81"/>
                    </a:lnTo>
                    <a:lnTo>
                      <a:pt x="146" y="78"/>
                    </a:lnTo>
                    <a:lnTo>
                      <a:pt x="149" y="74"/>
                    </a:lnTo>
                    <a:lnTo>
                      <a:pt x="151" y="72"/>
                    </a:lnTo>
                    <a:lnTo>
                      <a:pt x="155" y="69"/>
                    </a:lnTo>
                    <a:lnTo>
                      <a:pt x="163" y="63"/>
                    </a:lnTo>
                    <a:lnTo>
                      <a:pt x="168" y="57"/>
                    </a:lnTo>
                    <a:lnTo>
                      <a:pt x="172" y="51"/>
                    </a:lnTo>
                    <a:lnTo>
                      <a:pt x="175" y="43"/>
                    </a:lnTo>
                    <a:lnTo>
                      <a:pt x="175" y="39"/>
                    </a:lnTo>
                    <a:lnTo>
                      <a:pt x="175" y="35"/>
                    </a:lnTo>
                    <a:lnTo>
                      <a:pt x="173" y="33"/>
                    </a:lnTo>
                    <a:lnTo>
                      <a:pt x="169" y="32"/>
                    </a:lnTo>
                    <a:lnTo>
                      <a:pt x="151" y="34"/>
                    </a:lnTo>
                    <a:lnTo>
                      <a:pt x="134" y="34"/>
                    </a:lnTo>
                    <a:lnTo>
                      <a:pt x="125" y="26"/>
                    </a:lnTo>
                    <a:lnTo>
                      <a:pt x="114" y="11"/>
                    </a:lnTo>
                    <a:lnTo>
                      <a:pt x="106" y="4"/>
                    </a:lnTo>
                    <a:lnTo>
                      <a:pt x="99" y="0"/>
                    </a:lnTo>
                    <a:lnTo>
                      <a:pt x="97" y="0"/>
                    </a:lnTo>
                    <a:lnTo>
                      <a:pt x="93" y="2"/>
                    </a:lnTo>
                    <a:lnTo>
                      <a:pt x="90" y="3"/>
                    </a:lnTo>
                    <a:lnTo>
                      <a:pt x="88" y="7"/>
                    </a:lnTo>
                    <a:lnTo>
                      <a:pt x="84" y="13"/>
                    </a:lnTo>
                    <a:lnTo>
                      <a:pt x="80" y="19"/>
                    </a:lnTo>
                    <a:lnTo>
                      <a:pt x="75" y="21"/>
                    </a:lnTo>
                    <a:lnTo>
                      <a:pt x="70" y="24"/>
                    </a:lnTo>
                    <a:lnTo>
                      <a:pt x="58" y="28"/>
                    </a:lnTo>
                    <a:lnTo>
                      <a:pt x="45" y="30"/>
                    </a:lnTo>
                    <a:lnTo>
                      <a:pt x="35" y="34"/>
                    </a:lnTo>
                    <a:lnTo>
                      <a:pt x="31" y="37"/>
                    </a:lnTo>
                    <a:lnTo>
                      <a:pt x="29" y="38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31" y="43"/>
                    </a:lnTo>
                    <a:lnTo>
                      <a:pt x="40" y="50"/>
                    </a:lnTo>
                    <a:lnTo>
                      <a:pt x="48" y="60"/>
                    </a:lnTo>
                    <a:lnTo>
                      <a:pt x="49" y="64"/>
                    </a:lnTo>
                    <a:lnTo>
                      <a:pt x="48" y="69"/>
                    </a:lnTo>
                    <a:lnTo>
                      <a:pt x="45" y="73"/>
                    </a:lnTo>
                    <a:lnTo>
                      <a:pt x="41" y="77"/>
                    </a:lnTo>
                    <a:lnTo>
                      <a:pt x="33" y="86"/>
                    </a:lnTo>
                    <a:lnTo>
                      <a:pt x="28" y="95"/>
                    </a:lnTo>
                    <a:lnTo>
                      <a:pt x="28" y="103"/>
                    </a:lnTo>
                    <a:lnTo>
                      <a:pt x="28" y="109"/>
                    </a:lnTo>
                    <a:lnTo>
                      <a:pt x="28" y="112"/>
                    </a:lnTo>
                    <a:lnTo>
                      <a:pt x="26" y="113"/>
                    </a:lnTo>
                    <a:lnTo>
                      <a:pt x="23" y="114"/>
                    </a:lnTo>
                    <a:lnTo>
                      <a:pt x="18" y="116"/>
                    </a:lnTo>
                    <a:lnTo>
                      <a:pt x="10" y="118"/>
                    </a:lnTo>
                    <a:lnTo>
                      <a:pt x="2" y="124"/>
                    </a:lnTo>
                    <a:lnTo>
                      <a:pt x="0" y="126"/>
                    </a:lnTo>
                    <a:lnTo>
                      <a:pt x="0" y="130"/>
                    </a:lnTo>
                    <a:lnTo>
                      <a:pt x="1" y="133"/>
                    </a:lnTo>
                    <a:lnTo>
                      <a:pt x="5" y="135"/>
                    </a:lnTo>
                    <a:lnTo>
                      <a:pt x="11" y="136"/>
                    </a:lnTo>
                    <a:lnTo>
                      <a:pt x="20" y="140"/>
                    </a:lnTo>
                    <a:lnTo>
                      <a:pt x="27" y="144"/>
                    </a:lnTo>
                    <a:lnTo>
                      <a:pt x="32" y="148"/>
                    </a:lnTo>
                    <a:lnTo>
                      <a:pt x="26" y="153"/>
                    </a:lnTo>
                    <a:lnTo>
                      <a:pt x="13" y="162"/>
                    </a:lnTo>
                    <a:lnTo>
                      <a:pt x="7" y="168"/>
                    </a:lnTo>
                    <a:lnTo>
                      <a:pt x="4" y="173"/>
                    </a:lnTo>
                    <a:lnTo>
                      <a:pt x="2" y="175"/>
                    </a:lnTo>
                    <a:lnTo>
                      <a:pt x="2" y="178"/>
                    </a:lnTo>
                    <a:lnTo>
                      <a:pt x="4" y="181"/>
                    </a:lnTo>
                    <a:lnTo>
                      <a:pt x="6" y="182"/>
                    </a:lnTo>
                    <a:lnTo>
                      <a:pt x="18" y="186"/>
                    </a:lnTo>
                    <a:lnTo>
                      <a:pt x="27" y="187"/>
                    </a:lnTo>
                    <a:lnTo>
                      <a:pt x="31" y="188"/>
                    </a:lnTo>
                    <a:lnTo>
                      <a:pt x="35" y="191"/>
                    </a:lnTo>
                    <a:lnTo>
                      <a:pt x="37" y="195"/>
                    </a:lnTo>
                    <a:lnTo>
                      <a:pt x="40" y="201"/>
                    </a:lnTo>
                    <a:lnTo>
                      <a:pt x="42" y="205"/>
                    </a:lnTo>
                    <a:lnTo>
                      <a:pt x="45" y="209"/>
                    </a:lnTo>
                    <a:lnTo>
                      <a:pt x="48" y="210"/>
                    </a:lnTo>
                    <a:lnTo>
                      <a:pt x="50" y="210"/>
                    </a:lnTo>
                    <a:lnTo>
                      <a:pt x="55" y="205"/>
                    </a:lnTo>
                    <a:lnTo>
                      <a:pt x="61" y="199"/>
                    </a:lnTo>
                    <a:lnTo>
                      <a:pt x="71" y="179"/>
                    </a:lnTo>
                    <a:lnTo>
                      <a:pt x="79" y="168"/>
                    </a:lnTo>
                    <a:lnTo>
                      <a:pt x="90" y="155"/>
                    </a:lnTo>
                    <a:lnTo>
                      <a:pt x="103" y="144"/>
                    </a:lnTo>
                    <a:lnTo>
                      <a:pt x="112" y="139"/>
                    </a:lnTo>
                    <a:lnTo>
                      <a:pt x="124" y="135"/>
                    </a:lnTo>
                    <a:lnTo>
                      <a:pt x="146" y="12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1" name="Freeform 22">
                <a:extLst>
                  <a:ext uri="{FF2B5EF4-FFF2-40B4-BE49-F238E27FC236}">
                    <a16:creationId xmlns:a16="http://schemas.microsoft.com/office/drawing/2014/main" id="{4629E201-6299-9945-BC08-497933478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67795" y="16387"/>
                <a:ext cx="76511" cy="70446"/>
              </a:xfrm>
              <a:custGeom>
                <a:avLst/>
                <a:gdLst/>
                <a:ahLst/>
                <a:cxnLst>
                  <a:cxn ang="0">
                    <a:pos x="40" y="58"/>
                  </a:cxn>
                  <a:cxn ang="0">
                    <a:pos x="52" y="46"/>
                  </a:cxn>
                  <a:cxn ang="0">
                    <a:pos x="62" y="33"/>
                  </a:cxn>
                  <a:cxn ang="0">
                    <a:pos x="67" y="27"/>
                  </a:cxn>
                  <a:cxn ang="0">
                    <a:pos x="73" y="20"/>
                  </a:cxn>
                  <a:cxn ang="0">
                    <a:pos x="79" y="15"/>
                  </a:cxn>
                  <a:cxn ang="0">
                    <a:pos x="86" y="11"/>
                  </a:cxn>
                  <a:cxn ang="0">
                    <a:pos x="92" y="9"/>
                  </a:cxn>
                  <a:cxn ang="0">
                    <a:pos x="102" y="6"/>
                  </a:cxn>
                  <a:cxn ang="0">
                    <a:pos x="114" y="4"/>
                  </a:cxn>
                  <a:cxn ang="0">
                    <a:pos x="127" y="1"/>
                  </a:cxn>
                  <a:cxn ang="0">
                    <a:pos x="140" y="0"/>
                  </a:cxn>
                  <a:cxn ang="0">
                    <a:pos x="152" y="0"/>
                  </a:cxn>
                  <a:cxn ang="0">
                    <a:pos x="159" y="0"/>
                  </a:cxn>
                  <a:cxn ang="0">
                    <a:pos x="166" y="2"/>
                  </a:cxn>
                  <a:cxn ang="0">
                    <a:pos x="163" y="9"/>
                  </a:cxn>
                  <a:cxn ang="0">
                    <a:pos x="159" y="15"/>
                  </a:cxn>
                  <a:cxn ang="0">
                    <a:pos x="153" y="23"/>
                  </a:cxn>
                  <a:cxn ang="0">
                    <a:pos x="145" y="29"/>
                  </a:cxn>
                  <a:cxn ang="0">
                    <a:pos x="128" y="41"/>
                  </a:cxn>
                  <a:cxn ang="0">
                    <a:pos x="115" y="50"/>
                  </a:cxn>
                  <a:cxn ang="0">
                    <a:pos x="105" y="58"/>
                  </a:cxn>
                  <a:cxn ang="0">
                    <a:pos x="96" y="68"/>
                  </a:cxn>
                  <a:cxn ang="0">
                    <a:pos x="92" y="73"/>
                  </a:cxn>
                  <a:cxn ang="0">
                    <a:pos x="88" y="80"/>
                  </a:cxn>
                  <a:cxn ang="0">
                    <a:pos x="86" y="85"/>
                  </a:cxn>
                  <a:cxn ang="0">
                    <a:pos x="83" y="92"/>
                  </a:cxn>
                  <a:cxn ang="0">
                    <a:pos x="82" y="98"/>
                  </a:cxn>
                  <a:cxn ang="0">
                    <a:pos x="79" y="106"/>
                  </a:cxn>
                  <a:cxn ang="0">
                    <a:pos x="77" y="112"/>
                  </a:cxn>
                  <a:cxn ang="0">
                    <a:pos x="73" y="119"/>
                  </a:cxn>
                  <a:cxn ang="0">
                    <a:pos x="67" y="124"/>
                  </a:cxn>
                  <a:cxn ang="0">
                    <a:pos x="64" y="125"/>
                  </a:cxn>
                  <a:cxn ang="0">
                    <a:pos x="60" y="125"/>
                  </a:cxn>
                  <a:cxn ang="0">
                    <a:pos x="55" y="125"/>
                  </a:cxn>
                  <a:cxn ang="0">
                    <a:pos x="51" y="124"/>
                  </a:cxn>
                  <a:cxn ang="0">
                    <a:pos x="47" y="124"/>
                  </a:cxn>
                  <a:cxn ang="0">
                    <a:pos x="43" y="125"/>
                  </a:cxn>
                  <a:cxn ang="0">
                    <a:pos x="39" y="128"/>
                  </a:cxn>
                  <a:cxn ang="0">
                    <a:pos x="33" y="138"/>
                  </a:cxn>
                  <a:cxn ang="0">
                    <a:pos x="27" y="147"/>
                  </a:cxn>
                  <a:cxn ang="0">
                    <a:pos x="23" y="151"/>
                  </a:cxn>
                  <a:cxn ang="0">
                    <a:pos x="20" y="154"/>
                  </a:cxn>
                  <a:cxn ang="0">
                    <a:pos x="14" y="156"/>
                  </a:cxn>
                  <a:cxn ang="0">
                    <a:pos x="7" y="156"/>
                  </a:cxn>
                  <a:cxn ang="0">
                    <a:pos x="4" y="154"/>
                  </a:cxn>
                  <a:cxn ang="0">
                    <a:pos x="1" y="149"/>
                  </a:cxn>
                  <a:cxn ang="0">
                    <a:pos x="1" y="145"/>
                  </a:cxn>
                  <a:cxn ang="0">
                    <a:pos x="0" y="140"/>
                  </a:cxn>
                  <a:cxn ang="0">
                    <a:pos x="1" y="128"/>
                  </a:cxn>
                  <a:cxn ang="0">
                    <a:pos x="4" y="118"/>
                  </a:cxn>
                  <a:cxn ang="0">
                    <a:pos x="14" y="96"/>
                  </a:cxn>
                  <a:cxn ang="0">
                    <a:pos x="23" y="79"/>
                  </a:cxn>
                  <a:cxn ang="0">
                    <a:pos x="40" y="58"/>
                  </a:cxn>
                </a:cxnLst>
                <a:rect l="0" t="0" r="r" b="b"/>
                <a:pathLst>
                  <a:path w="166" h="156">
                    <a:moveTo>
                      <a:pt x="40" y="58"/>
                    </a:moveTo>
                    <a:lnTo>
                      <a:pt x="52" y="46"/>
                    </a:lnTo>
                    <a:lnTo>
                      <a:pt x="62" y="33"/>
                    </a:lnTo>
                    <a:lnTo>
                      <a:pt x="67" y="27"/>
                    </a:lnTo>
                    <a:lnTo>
                      <a:pt x="73" y="20"/>
                    </a:lnTo>
                    <a:lnTo>
                      <a:pt x="79" y="15"/>
                    </a:lnTo>
                    <a:lnTo>
                      <a:pt x="86" y="11"/>
                    </a:lnTo>
                    <a:lnTo>
                      <a:pt x="92" y="9"/>
                    </a:lnTo>
                    <a:lnTo>
                      <a:pt x="102" y="6"/>
                    </a:lnTo>
                    <a:lnTo>
                      <a:pt x="114" y="4"/>
                    </a:lnTo>
                    <a:lnTo>
                      <a:pt x="127" y="1"/>
                    </a:lnTo>
                    <a:lnTo>
                      <a:pt x="140" y="0"/>
                    </a:lnTo>
                    <a:lnTo>
                      <a:pt x="152" y="0"/>
                    </a:lnTo>
                    <a:lnTo>
                      <a:pt x="159" y="0"/>
                    </a:lnTo>
                    <a:lnTo>
                      <a:pt x="166" y="2"/>
                    </a:lnTo>
                    <a:lnTo>
                      <a:pt x="163" y="9"/>
                    </a:lnTo>
                    <a:lnTo>
                      <a:pt x="159" y="15"/>
                    </a:lnTo>
                    <a:lnTo>
                      <a:pt x="153" y="23"/>
                    </a:lnTo>
                    <a:lnTo>
                      <a:pt x="145" y="29"/>
                    </a:lnTo>
                    <a:lnTo>
                      <a:pt x="128" y="41"/>
                    </a:lnTo>
                    <a:lnTo>
                      <a:pt x="115" y="50"/>
                    </a:lnTo>
                    <a:lnTo>
                      <a:pt x="105" y="58"/>
                    </a:lnTo>
                    <a:lnTo>
                      <a:pt x="96" y="68"/>
                    </a:lnTo>
                    <a:lnTo>
                      <a:pt x="92" y="73"/>
                    </a:lnTo>
                    <a:lnTo>
                      <a:pt x="88" y="80"/>
                    </a:lnTo>
                    <a:lnTo>
                      <a:pt x="86" y="85"/>
                    </a:lnTo>
                    <a:lnTo>
                      <a:pt x="83" y="92"/>
                    </a:lnTo>
                    <a:lnTo>
                      <a:pt x="82" y="98"/>
                    </a:lnTo>
                    <a:lnTo>
                      <a:pt x="79" y="106"/>
                    </a:lnTo>
                    <a:lnTo>
                      <a:pt x="77" y="112"/>
                    </a:lnTo>
                    <a:lnTo>
                      <a:pt x="73" y="119"/>
                    </a:lnTo>
                    <a:lnTo>
                      <a:pt x="67" y="124"/>
                    </a:lnTo>
                    <a:lnTo>
                      <a:pt x="64" y="125"/>
                    </a:lnTo>
                    <a:lnTo>
                      <a:pt x="60" y="125"/>
                    </a:lnTo>
                    <a:lnTo>
                      <a:pt x="55" y="125"/>
                    </a:lnTo>
                    <a:lnTo>
                      <a:pt x="51" y="124"/>
                    </a:lnTo>
                    <a:lnTo>
                      <a:pt x="47" y="124"/>
                    </a:lnTo>
                    <a:lnTo>
                      <a:pt x="43" y="125"/>
                    </a:lnTo>
                    <a:lnTo>
                      <a:pt x="39" y="128"/>
                    </a:lnTo>
                    <a:lnTo>
                      <a:pt x="33" y="138"/>
                    </a:lnTo>
                    <a:lnTo>
                      <a:pt x="27" y="147"/>
                    </a:lnTo>
                    <a:lnTo>
                      <a:pt x="23" y="151"/>
                    </a:lnTo>
                    <a:lnTo>
                      <a:pt x="20" y="154"/>
                    </a:lnTo>
                    <a:lnTo>
                      <a:pt x="14" y="156"/>
                    </a:lnTo>
                    <a:lnTo>
                      <a:pt x="7" y="156"/>
                    </a:lnTo>
                    <a:lnTo>
                      <a:pt x="4" y="154"/>
                    </a:lnTo>
                    <a:lnTo>
                      <a:pt x="1" y="149"/>
                    </a:lnTo>
                    <a:lnTo>
                      <a:pt x="1" y="145"/>
                    </a:lnTo>
                    <a:lnTo>
                      <a:pt x="0" y="140"/>
                    </a:lnTo>
                    <a:lnTo>
                      <a:pt x="1" y="128"/>
                    </a:lnTo>
                    <a:lnTo>
                      <a:pt x="4" y="118"/>
                    </a:lnTo>
                    <a:lnTo>
                      <a:pt x="14" y="96"/>
                    </a:lnTo>
                    <a:lnTo>
                      <a:pt x="23" y="79"/>
                    </a:lnTo>
                    <a:lnTo>
                      <a:pt x="40" y="5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2" name="Freeform 23">
                <a:extLst>
                  <a:ext uri="{FF2B5EF4-FFF2-40B4-BE49-F238E27FC236}">
                    <a16:creationId xmlns:a16="http://schemas.microsoft.com/office/drawing/2014/main" id="{498AB7BB-623B-B040-AEA9-8444A360D1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85819" y="106702"/>
                <a:ext cx="38256" cy="37933"/>
              </a:xfrm>
              <a:custGeom>
                <a:avLst/>
                <a:gdLst/>
                <a:ahLst/>
                <a:cxnLst>
                  <a:cxn ang="0">
                    <a:pos x="83" y="36"/>
                  </a:cxn>
                  <a:cxn ang="0">
                    <a:pos x="80" y="39"/>
                  </a:cxn>
                  <a:cxn ang="0">
                    <a:pos x="78" y="39"/>
                  </a:cxn>
                  <a:cxn ang="0">
                    <a:pos x="75" y="39"/>
                  </a:cxn>
                  <a:cxn ang="0">
                    <a:pos x="73" y="39"/>
                  </a:cxn>
                  <a:cxn ang="0">
                    <a:pos x="67" y="35"/>
                  </a:cxn>
                  <a:cxn ang="0">
                    <a:pos x="64" y="30"/>
                  </a:cxn>
                  <a:cxn ang="0">
                    <a:pos x="54" y="17"/>
                  </a:cxn>
                  <a:cxn ang="0">
                    <a:pos x="49" y="9"/>
                  </a:cxn>
                  <a:cxn ang="0">
                    <a:pos x="45" y="6"/>
                  </a:cxn>
                  <a:cxn ang="0">
                    <a:pos x="42" y="4"/>
                  </a:cxn>
                  <a:cxn ang="0">
                    <a:pos x="36" y="1"/>
                  </a:cxn>
                  <a:cxn ang="0">
                    <a:pos x="32" y="0"/>
                  </a:cxn>
                  <a:cxn ang="0">
                    <a:pos x="27" y="1"/>
                  </a:cxn>
                  <a:cxn ang="0">
                    <a:pos x="25" y="2"/>
                  </a:cxn>
                  <a:cxn ang="0">
                    <a:pos x="22" y="6"/>
                  </a:cxn>
                  <a:cxn ang="0">
                    <a:pos x="21" y="13"/>
                  </a:cxn>
                  <a:cxn ang="0">
                    <a:pos x="18" y="19"/>
                  </a:cxn>
                  <a:cxn ang="0">
                    <a:pos x="14" y="26"/>
                  </a:cxn>
                  <a:cxn ang="0">
                    <a:pos x="9" y="32"/>
                  </a:cxn>
                  <a:cxn ang="0">
                    <a:pos x="5" y="39"/>
                  </a:cxn>
                  <a:cxn ang="0">
                    <a:pos x="1" y="46"/>
                  </a:cxn>
                  <a:cxn ang="0">
                    <a:pos x="0" y="54"/>
                  </a:cxn>
                  <a:cxn ang="0">
                    <a:pos x="0" y="62"/>
                  </a:cxn>
                  <a:cxn ang="0">
                    <a:pos x="0" y="68"/>
                  </a:cxn>
                  <a:cxn ang="0">
                    <a:pos x="3" y="74"/>
                  </a:cxn>
                  <a:cxn ang="0">
                    <a:pos x="8" y="79"/>
                  </a:cxn>
                  <a:cxn ang="0">
                    <a:pos x="14" y="81"/>
                  </a:cxn>
                  <a:cxn ang="0">
                    <a:pos x="23" y="83"/>
                  </a:cxn>
                  <a:cxn ang="0">
                    <a:pos x="31" y="81"/>
                  </a:cxn>
                  <a:cxn ang="0">
                    <a:pos x="38" y="79"/>
                  </a:cxn>
                  <a:cxn ang="0">
                    <a:pos x="43" y="74"/>
                  </a:cxn>
                  <a:cxn ang="0">
                    <a:pos x="48" y="68"/>
                  </a:cxn>
                  <a:cxn ang="0">
                    <a:pos x="52" y="63"/>
                  </a:cxn>
                  <a:cxn ang="0">
                    <a:pos x="57" y="58"/>
                  </a:cxn>
                  <a:cxn ang="0">
                    <a:pos x="62" y="54"/>
                  </a:cxn>
                  <a:cxn ang="0">
                    <a:pos x="69" y="50"/>
                  </a:cxn>
                  <a:cxn ang="0">
                    <a:pos x="83" y="36"/>
                  </a:cxn>
                </a:cxnLst>
                <a:rect l="0" t="0" r="r" b="b"/>
                <a:pathLst>
                  <a:path w="83" h="83">
                    <a:moveTo>
                      <a:pt x="83" y="36"/>
                    </a:moveTo>
                    <a:lnTo>
                      <a:pt x="80" y="39"/>
                    </a:lnTo>
                    <a:lnTo>
                      <a:pt x="78" y="39"/>
                    </a:lnTo>
                    <a:lnTo>
                      <a:pt x="75" y="39"/>
                    </a:lnTo>
                    <a:lnTo>
                      <a:pt x="73" y="39"/>
                    </a:lnTo>
                    <a:lnTo>
                      <a:pt x="67" y="35"/>
                    </a:lnTo>
                    <a:lnTo>
                      <a:pt x="64" y="30"/>
                    </a:lnTo>
                    <a:lnTo>
                      <a:pt x="54" y="17"/>
                    </a:lnTo>
                    <a:lnTo>
                      <a:pt x="49" y="9"/>
                    </a:lnTo>
                    <a:lnTo>
                      <a:pt x="45" y="6"/>
                    </a:lnTo>
                    <a:lnTo>
                      <a:pt x="42" y="4"/>
                    </a:lnTo>
                    <a:lnTo>
                      <a:pt x="36" y="1"/>
                    </a:lnTo>
                    <a:lnTo>
                      <a:pt x="32" y="0"/>
                    </a:lnTo>
                    <a:lnTo>
                      <a:pt x="27" y="1"/>
                    </a:lnTo>
                    <a:lnTo>
                      <a:pt x="25" y="2"/>
                    </a:lnTo>
                    <a:lnTo>
                      <a:pt x="22" y="6"/>
                    </a:lnTo>
                    <a:lnTo>
                      <a:pt x="21" y="13"/>
                    </a:lnTo>
                    <a:lnTo>
                      <a:pt x="18" y="19"/>
                    </a:lnTo>
                    <a:lnTo>
                      <a:pt x="14" y="26"/>
                    </a:lnTo>
                    <a:lnTo>
                      <a:pt x="9" y="32"/>
                    </a:lnTo>
                    <a:lnTo>
                      <a:pt x="5" y="39"/>
                    </a:lnTo>
                    <a:lnTo>
                      <a:pt x="1" y="46"/>
                    </a:lnTo>
                    <a:lnTo>
                      <a:pt x="0" y="54"/>
                    </a:lnTo>
                    <a:lnTo>
                      <a:pt x="0" y="62"/>
                    </a:lnTo>
                    <a:lnTo>
                      <a:pt x="0" y="68"/>
                    </a:lnTo>
                    <a:lnTo>
                      <a:pt x="3" y="74"/>
                    </a:lnTo>
                    <a:lnTo>
                      <a:pt x="8" y="79"/>
                    </a:lnTo>
                    <a:lnTo>
                      <a:pt x="14" y="81"/>
                    </a:lnTo>
                    <a:lnTo>
                      <a:pt x="23" y="83"/>
                    </a:lnTo>
                    <a:lnTo>
                      <a:pt x="31" y="81"/>
                    </a:lnTo>
                    <a:lnTo>
                      <a:pt x="38" y="79"/>
                    </a:lnTo>
                    <a:lnTo>
                      <a:pt x="43" y="74"/>
                    </a:lnTo>
                    <a:lnTo>
                      <a:pt x="48" y="68"/>
                    </a:lnTo>
                    <a:lnTo>
                      <a:pt x="52" y="63"/>
                    </a:lnTo>
                    <a:lnTo>
                      <a:pt x="57" y="58"/>
                    </a:lnTo>
                    <a:lnTo>
                      <a:pt x="62" y="54"/>
                    </a:lnTo>
                    <a:lnTo>
                      <a:pt x="69" y="50"/>
                    </a:lnTo>
                    <a:lnTo>
                      <a:pt x="83" y="3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3" name="Freeform 24">
                <a:extLst>
                  <a:ext uri="{FF2B5EF4-FFF2-40B4-BE49-F238E27FC236}">
                    <a16:creationId xmlns:a16="http://schemas.microsoft.com/office/drawing/2014/main" id="{B6E85FFF-71AF-7E4E-AB8E-327F1BFC43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18610" y="86833"/>
                <a:ext cx="30969" cy="70446"/>
              </a:xfrm>
              <a:custGeom>
                <a:avLst/>
                <a:gdLst/>
                <a:ahLst/>
                <a:cxnLst>
                  <a:cxn ang="0">
                    <a:pos x="25" y="102"/>
                  </a:cxn>
                  <a:cxn ang="0">
                    <a:pos x="24" y="100"/>
                  </a:cxn>
                  <a:cxn ang="0">
                    <a:pos x="25" y="95"/>
                  </a:cxn>
                  <a:cxn ang="0">
                    <a:pos x="28" y="89"/>
                  </a:cxn>
                  <a:cxn ang="0">
                    <a:pos x="30" y="84"/>
                  </a:cxn>
                  <a:cxn ang="0">
                    <a:pos x="35" y="73"/>
                  </a:cxn>
                  <a:cxn ang="0">
                    <a:pos x="39" y="64"/>
                  </a:cxn>
                  <a:cxn ang="0">
                    <a:pos x="43" y="48"/>
                  </a:cxn>
                  <a:cxn ang="0">
                    <a:pos x="50" y="22"/>
                  </a:cxn>
                  <a:cxn ang="0">
                    <a:pos x="53" y="10"/>
                  </a:cxn>
                  <a:cxn ang="0">
                    <a:pos x="57" y="3"/>
                  </a:cxn>
                  <a:cxn ang="0">
                    <a:pos x="59" y="1"/>
                  </a:cxn>
                  <a:cxn ang="0">
                    <a:pos x="61" y="0"/>
                  </a:cxn>
                  <a:cxn ang="0">
                    <a:pos x="62" y="3"/>
                  </a:cxn>
                  <a:cxn ang="0">
                    <a:pos x="64" y="5"/>
                  </a:cxn>
                  <a:cxn ang="0">
                    <a:pos x="66" y="14"/>
                  </a:cxn>
                  <a:cxn ang="0">
                    <a:pos x="68" y="22"/>
                  </a:cxn>
                  <a:cxn ang="0">
                    <a:pos x="69" y="31"/>
                  </a:cxn>
                  <a:cxn ang="0">
                    <a:pos x="69" y="40"/>
                  </a:cxn>
                  <a:cxn ang="0">
                    <a:pos x="66" y="57"/>
                  </a:cxn>
                  <a:cxn ang="0">
                    <a:pos x="64" y="74"/>
                  </a:cxn>
                  <a:cxn ang="0">
                    <a:pos x="61" y="92"/>
                  </a:cxn>
                  <a:cxn ang="0">
                    <a:pos x="57" y="110"/>
                  </a:cxn>
                  <a:cxn ang="0">
                    <a:pos x="56" y="121"/>
                  </a:cxn>
                  <a:cxn ang="0">
                    <a:pos x="52" y="128"/>
                  </a:cxn>
                  <a:cxn ang="0">
                    <a:pos x="48" y="137"/>
                  </a:cxn>
                  <a:cxn ang="0">
                    <a:pos x="43" y="144"/>
                  </a:cxn>
                  <a:cxn ang="0">
                    <a:pos x="37" y="150"/>
                  </a:cxn>
                  <a:cxn ang="0">
                    <a:pos x="31" y="156"/>
                  </a:cxn>
                  <a:cxn ang="0">
                    <a:pos x="28" y="157"/>
                  </a:cxn>
                  <a:cxn ang="0">
                    <a:pos x="24" y="158"/>
                  </a:cxn>
                  <a:cxn ang="0">
                    <a:pos x="20" y="158"/>
                  </a:cxn>
                  <a:cxn ang="0">
                    <a:pos x="15" y="158"/>
                  </a:cxn>
                  <a:cxn ang="0">
                    <a:pos x="5" y="157"/>
                  </a:cxn>
                  <a:cxn ang="0">
                    <a:pos x="2" y="153"/>
                  </a:cxn>
                  <a:cxn ang="0">
                    <a:pos x="0" y="149"/>
                  </a:cxn>
                  <a:cxn ang="0">
                    <a:pos x="0" y="144"/>
                  </a:cxn>
                  <a:cxn ang="0">
                    <a:pos x="7" y="134"/>
                  </a:cxn>
                  <a:cxn ang="0">
                    <a:pos x="16" y="122"/>
                  </a:cxn>
                  <a:cxn ang="0">
                    <a:pos x="25" y="102"/>
                  </a:cxn>
                </a:cxnLst>
                <a:rect l="0" t="0" r="r" b="b"/>
                <a:pathLst>
                  <a:path w="69" h="158">
                    <a:moveTo>
                      <a:pt x="25" y="102"/>
                    </a:moveTo>
                    <a:lnTo>
                      <a:pt x="24" y="100"/>
                    </a:lnTo>
                    <a:lnTo>
                      <a:pt x="25" y="95"/>
                    </a:lnTo>
                    <a:lnTo>
                      <a:pt x="28" y="89"/>
                    </a:lnTo>
                    <a:lnTo>
                      <a:pt x="30" y="84"/>
                    </a:lnTo>
                    <a:lnTo>
                      <a:pt x="35" y="73"/>
                    </a:lnTo>
                    <a:lnTo>
                      <a:pt x="39" y="64"/>
                    </a:lnTo>
                    <a:lnTo>
                      <a:pt x="43" y="48"/>
                    </a:lnTo>
                    <a:lnTo>
                      <a:pt x="50" y="22"/>
                    </a:lnTo>
                    <a:lnTo>
                      <a:pt x="53" y="10"/>
                    </a:lnTo>
                    <a:lnTo>
                      <a:pt x="57" y="3"/>
                    </a:lnTo>
                    <a:lnTo>
                      <a:pt x="59" y="1"/>
                    </a:lnTo>
                    <a:lnTo>
                      <a:pt x="61" y="0"/>
                    </a:lnTo>
                    <a:lnTo>
                      <a:pt x="62" y="3"/>
                    </a:lnTo>
                    <a:lnTo>
                      <a:pt x="64" y="5"/>
                    </a:lnTo>
                    <a:lnTo>
                      <a:pt x="66" y="14"/>
                    </a:lnTo>
                    <a:lnTo>
                      <a:pt x="68" y="22"/>
                    </a:lnTo>
                    <a:lnTo>
                      <a:pt x="69" y="31"/>
                    </a:lnTo>
                    <a:lnTo>
                      <a:pt x="69" y="40"/>
                    </a:lnTo>
                    <a:lnTo>
                      <a:pt x="66" y="57"/>
                    </a:lnTo>
                    <a:lnTo>
                      <a:pt x="64" y="74"/>
                    </a:lnTo>
                    <a:lnTo>
                      <a:pt x="61" y="92"/>
                    </a:lnTo>
                    <a:lnTo>
                      <a:pt x="57" y="110"/>
                    </a:lnTo>
                    <a:lnTo>
                      <a:pt x="56" y="121"/>
                    </a:lnTo>
                    <a:lnTo>
                      <a:pt x="52" y="128"/>
                    </a:lnTo>
                    <a:lnTo>
                      <a:pt x="48" y="137"/>
                    </a:lnTo>
                    <a:lnTo>
                      <a:pt x="43" y="144"/>
                    </a:lnTo>
                    <a:lnTo>
                      <a:pt x="37" y="150"/>
                    </a:lnTo>
                    <a:lnTo>
                      <a:pt x="31" y="156"/>
                    </a:lnTo>
                    <a:lnTo>
                      <a:pt x="28" y="157"/>
                    </a:lnTo>
                    <a:lnTo>
                      <a:pt x="24" y="158"/>
                    </a:lnTo>
                    <a:lnTo>
                      <a:pt x="20" y="158"/>
                    </a:lnTo>
                    <a:lnTo>
                      <a:pt x="15" y="158"/>
                    </a:lnTo>
                    <a:lnTo>
                      <a:pt x="5" y="157"/>
                    </a:lnTo>
                    <a:lnTo>
                      <a:pt x="2" y="153"/>
                    </a:lnTo>
                    <a:lnTo>
                      <a:pt x="0" y="149"/>
                    </a:lnTo>
                    <a:lnTo>
                      <a:pt x="0" y="144"/>
                    </a:lnTo>
                    <a:lnTo>
                      <a:pt x="7" y="134"/>
                    </a:lnTo>
                    <a:lnTo>
                      <a:pt x="16" y="122"/>
                    </a:lnTo>
                    <a:lnTo>
                      <a:pt x="25" y="10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4" name="Freeform 25">
                <a:extLst>
                  <a:ext uri="{FF2B5EF4-FFF2-40B4-BE49-F238E27FC236}">
                    <a16:creationId xmlns:a16="http://schemas.microsoft.com/office/drawing/2014/main" id="{BB6C7BA6-340F-B34E-AA82-533707EF9F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36827" y="101284"/>
                <a:ext cx="107480" cy="102960"/>
              </a:xfrm>
              <a:custGeom>
                <a:avLst/>
                <a:gdLst/>
                <a:ahLst/>
                <a:cxnLst>
                  <a:cxn ang="0">
                    <a:pos x="32" y="139"/>
                  </a:cxn>
                  <a:cxn ang="0">
                    <a:pos x="39" y="131"/>
                  </a:cxn>
                  <a:cxn ang="0">
                    <a:pos x="43" y="115"/>
                  </a:cxn>
                  <a:cxn ang="0">
                    <a:pos x="46" y="101"/>
                  </a:cxn>
                  <a:cxn ang="0">
                    <a:pos x="54" y="96"/>
                  </a:cxn>
                  <a:cxn ang="0">
                    <a:pos x="68" y="95"/>
                  </a:cxn>
                  <a:cxn ang="0">
                    <a:pos x="90" y="96"/>
                  </a:cxn>
                  <a:cxn ang="0">
                    <a:pos x="101" y="93"/>
                  </a:cxn>
                  <a:cxn ang="0">
                    <a:pos x="103" y="89"/>
                  </a:cxn>
                  <a:cxn ang="0">
                    <a:pos x="84" y="57"/>
                  </a:cxn>
                  <a:cxn ang="0">
                    <a:pos x="77" y="43"/>
                  </a:cxn>
                  <a:cxn ang="0">
                    <a:pos x="80" y="36"/>
                  </a:cxn>
                  <a:cxn ang="0">
                    <a:pos x="90" y="30"/>
                  </a:cxn>
                  <a:cxn ang="0">
                    <a:pos x="122" y="1"/>
                  </a:cxn>
                  <a:cxn ang="0">
                    <a:pos x="125" y="1"/>
                  </a:cxn>
                  <a:cxn ang="0">
                    <a:pos x="127" y="7"/>
                  </a:cxn>
                  <a:cxn ang="0">
                    <a:pos x="127" y="26"/>
                  </a:cxn>
                  <a:cxn ang="0">
                    <a:pos x="124" y="62"/>
                  </a:cxn>
                  <a:cxn ang="0">
                    <a:pos x="129" y="75"/>
                  </a:cxn>
                  <a:cxn ang="0">
                    <a:pos x="129" y="87"/>
                  </a:cxn>
                  <a:cxn ang="0">
                    <a:pos x="132" y="109"/>
                  </a:cxn>
                  <a:cxn ang="0">
                    <a:pos x="136" y="113"/>
                  </a:cxn>
                  <a:cxn ang="0">
                    <a:pos x="145" y="115"/>
                  </a:cxn>
                  <a:cxn ang="0">
                    <a:pos x="171" y="118"/>
                  </a:cxn>
                  <a:cxn ang="0">
                    <a:pos x="197" y="114"/>
                  </a:cxn>
                  <a:cxn ang="0">
                    <a:pos x="204" y="110"/>
                  </a:cxn>
                  <a:cxn ang="0">
                    <a:pos x="208" y="104"/>
                  </a:cxn>
                  <a:cxn ang="0">
                    <a:pos x="201" y="67"/>
                  </a:cxn>
                  <a:cxn ang="0">
                    <a:pos x="206" y="61"/>
                  </a:cxn>
                  <a:cxn ang="0">
                    <a:pos x="215" y="53"/>
                  </a:cxn>
                  <a:cxn ang="0">
                    <a:pos x="233" y="45"/>
                  </a:cxn>
                  <a:cxn ang="0">
                    <a:pos x="230" y="74"/>
                  </a:cxn>
                  <a:cxn ang="0">
                    <a:pos x="229" y="102"/>
                  </a:cxn>
                  <a:cxn ang="0">
                    <a:pos x="226" y="111"/>
                  </a:cxn>
                  <a:cxn ang="0">
                    <a:pos x="221" y="121"/>
                  </a:cxn>
                  <a:cxn ang="0">
                    <a:pos x="202" y="141"/>
                  </a:cxn>
                  <a:cxn ang="0">
                    <a:pos x="162" y="174"/>
                  </a:cxn>
                  <a:cxn ang="0">
                    <a:pos x="137" y="200"/>
                  </a:cxn>
                  <a:cxn ang="0">
                    <a:pos x="123" y="211"/>
                  </a:cxn>
                  <a:cxn ang="0">
                    <a:pos x="116" y="214"/>
                  </a:cxn>
                  <a:cxn ang="0">
                    <a:pos x="111" y="211"/>
                  </a:cxn>
                  <a:cxn ang="0">
                    <a:pos x="106" y="197"/>
                  </a:cxn>
                  <a:cxn ang="0">
                    <a:pos x="103" y="190"/>
                  </a:cxn>
                  <a:cxn ang="0">
                    <a:pos x="96" y="187"/>
                  </a:cxn>
                  <a:cxn ang="0">
                    <a:pos x="88" y="185"/>
                  </a:cxn>
                  <a:cxn ang="0">
                    <a:pos x="81" y="188"/>
                  </a:cxn>
                  <a:cxn ang="0">
                    <a:pos x="75" y="197"/>
                  </a:cxn>
                  <a:cxn ang="0">
                    <a:pos x="71" y="210"/>
                  </a:cxn>
                  <a:cxn ang="0">
                    <a:pos x="66" y="220"/>
                  </a:cxn>
                  <a:cxn ang="0">
                    <a:pos x="57" y="225"/>
                  </a:cxn>
                  <a:cxn ang="0">
                    <a:pos x="50" y="224"/>
                  </a:cxn>
                  <a:cxn ang="0">
                    <a:pos x="48" y="219"/>
                  </a:cxn>
                  <a:cxn ang="0">
                    <a:pos x="46" y="209"/>
                  </a:cxn>
                  <a:cxn ang="0">
                    <a:pos x="43" y="194"/>
                  </a:cxn>
                  <a:cxn ang="0">
                    <a:pos x="36" y="197"/>
                  </a:cxn>
                  <a:cxn ang="0">
                    <a:pos x="26" y="207"/>
                  </a:cxn>
                  <a:cxn ang="0">
                    <a:pos x="19" y="210"/>
                  </a:cxn>
                  <a:cxn ang="0">
                    <a:pos x="13" y="210"/>
                  </a:cxn>
                  <a:cxn ang="0">
                    <a:pos x="4" y="202"/>
                  </a:cxn>
                  <a:cxn ang="0">
                    <a:pos x="0" y="193"/>
                  </a:cxn>
                  <a:cxn ang="0">
                    <a:pos x="0" y="181"/>
                  </a:cxn>
                  <a:cxn ang="0">
                    <a:pos x="2" y="171"/>
                  </a:cxn>
                </a:cxnLst>
                <a:rect l="0" t="0" r="r" b="b"/>
                <a:pathLst>
                  <a:path w="233" h="225">
                    <a:moveTo>
                      <a:pt x="26" y="141"/>
                    </a:moveTo>
                    <a:lnTo>
                      <a:pt x="32" y="139"/>
                    </a:lnTo>
                    <a:lnTo>
                      <a:pt x="36" y="135"/>
                    </a:lnTo>
                    <a:lnTo>
                      <a:pt x="39" y="131"/>
                    </a:lnTo>
                    <a:lnTo>
                      <a:pt x="41" y="126"/>
                    </a:lnTo>
                    <a:lnTo>
                      <a:pt x="43" y="115"/>
                    </a:lnTo>
                    <a:lnTo>
                      <a:pt x="45" y="105"/>
                    </a:lnTo>
                    <a:lnTo>
                      <a:pt x="46" y="101"/>
                    </a:lnTo>
                    <a:lnTo>
                      <a:pt x="50" y="99"/>
                    </a:lnTo>
                    <a:lnTo>
                      <a:pt x="54" y="96"/>
                    </a:lnTo>
                    <a:lnTo>
                      <a:pt x="58" y="95"/>
                    </a:lnTo>
                    <a:lnTo>
                      <a:pt x="68" y="95"/>
                    </a:lnTo>
                    <a:lnTo>
                      <a:pt x="80" y="95"/>
                    </a:lnTo>
                    <a:lnTo>
                      <a:pt x="90" y="96"/>
                    </a:lnTo>
                    <a:lnTo>
                      <a:pt x="98" y="95"/>
                    </a:lnTo>
                    <a:lnTo>
                      <a:pt x="101" y="93"/>
                    </a:lnTo>
                    <a:lnTo>
                      <a:pt x="102" y="92"/>
                    </a:lnTo>
                    <a:lnTo>
                      <a:pt x="103" y="89"/>
                    </a:lnTo>
                    <a:lnTo>
                      <a:pt x="101" y="87"/>
                    </a:lnTo>
                    <a:lnTo>
                      <a:pt x="84" y="57"/>
                    </a:lnTo>
                    <a:lnTo>
                      <a:pt x="79" y="49"/>
                    </a:lnTo>
                    <a:lnTo>
                      <a:pt x="77" y="43"/>
                    </a:lnTo>
                    <a:lnTo>
                      <a:pt x="79" y="40"/>
                    </a:lnTo>
                    <a:lnTo>
                      <a:pt x="80" y="36"/>
                    </a:lnTo>
                    <a:lnTo>
                      <a:pt x="84" y="34"/>
                    </a:lnTo>
                    <a:lnTo>
                      <a:pt x="90" y="30"/>
                    </a:lnTo>
                    <a:lnTo>
                      <a:pt x="106" y="14"/>
                    </a:lnTo>
                    <a:lnTo>
                      <a:pt x="122" y="1"/>
                    </a:lnTo>
                    <a:lnTo>
                      <a:pt x="124" y="0"/>
                    </a:lnTo>
                    <a:lnTo>
                      <a:pt x="125" y="1"/>
                    </a:lnTo>
                    <a:lnTo>
                      <a:pt x="127" y="4"/>
                    </a:lnTo>
                    <a:lnTo>
                      <a:pt x="127" y="7"/>
                    </a:lnTo>
                    <a:lnTo>
                      <a:pt x="127" y="16"/>
                    </a:lnTo>
                    <a:lnTo>
                      <a:pt x="127" y="26"/>
                    </a:lnTo>
                    <a:lnTo>
                      <a:pt x="124" y="48"/>
                    </a:lnTo>
                    <a:lnTo>
                      <a:pt x="124" y="62"/>
                    </a:lnTo>
                    <a:lnTo>
                      <a:pt x="127" y="70"/>
                    </a:lnTo>
                    <a:lnTo>
                      <a:pt x="129" y="75"/>
                    </a:lnTo>
                    <a:lnTo>
                      <a:pt x="129" y="82"/>
                    </a:lnTo>
                    <a:lnTo>
                      <a:pt x="129" y="87"/>
                    </a:lnTo>
                    <a:lnTo>
                      <a:pt x="129" y="97"/>
                    </a:lnTo>
                    <a:lnTo>
                      <a:pt x="132" y="109"/>
                    </a:lnTo>
                    <a:lnTo>
                      <a:pt x="133" y="110"/>
                    </a:lnTo>
                    <a:lnTo>
                      <a:pt x="136" y="113"/>
                    </a:lnTo>
                    <a:lnTo>
                      <a:pt x="140" y="114"/>
                    </a:lnTo>
                    <a:lnTo>
                      <a:pt x="145" y="115"/>
                    </a:lnTo>
                    <a:lnTo>
                      <a:pt x="158" y="117"/>
                    </a:lnTo>
                    <a:lnTo>
                      <a:pt x="171" y="118"/>
                    </a:lnTo>
                    <a:lnTo>
                      <a:pt x="185" y="117"/>
                    </a:lnTo>
                    <a:lnTo>
                      <a:pt x="197" y="114"/>
                    </a:lnTo>
                    <a:lnTo>
                      <a:pt x="201" y="113"/>
                    </a:lnTo>
                    <a:lnTo>
                      <a:pt x="204" y="110"/>
                    </a:lnTo>
                    <a:lnTo>
                      <a:pt x="207" y="108"/>
                    </a:lnTo>
                    <a:lnTo>
                      <a:pt x="208" y="104"/>
                    </a:lnTo>
                    <a:lnTo>
                      <a:pt x="204" y="86"/>
                    </a:lnTo>
                    <a:lnTo>
                      <a:pt x="201" y="67"/>
                    </a:lnTo>
                    <a:lnTo>
                      <a:pt x="202" y="65"/>
                    </a:lnTo>
                    <a:lnTo>
                      <a:pt x="206" y="61"/>
                    </a:lnTo>
                    <a:lnTo>
                      <a:pt x="210" y="57"/>
                    </a:lnTo>
                    <a:lnTo>
                      <a:pt x="215" y="53"/>
                    </a:lnTo>
                    <a:lnTo>
                      <a:pt x="225" y="48"/>
                    </a:lnTo>
                    <a:lnTo>
                      <a:pt x="233" y="45"/>
                    </a:lnTo>
                    <a:lnTo>
                      <a:pt x="232" y="60"/>
                    </a:lnTo>
                    <a:lnTo>
                      <a:pt x="230" y="74"/>
                    </a:lnTo>
                    <a:lnTo>
                      <a:pt x="229" y="88"/>
                    </a:lnTo>
                    <a:lnTo>
                      <a:pt x="229" y="102"/>
                    </a:lnTo>
                    <a:lnTo>
                      <a:pt x="228" y="106"/>
                    </a:lnTo>
                    <a:lnTo>
                      <a:pt x="226" y="111"/>
                    </a:lnTo>
                    <a:lnTo>
                      <a:pt x="224" y="115"/>
                    </a:lnTo>
                    <a:lnTo>
                      <a:pt x="221" y="121"/>
                    </a:lnTo>
                    <a:lnTo>
                      <a:pt x="212" y="131"/>
                    </a:lnTo>
                    <a:lnTo>
                      <a:pt x="202" y="141"/>
                    </a:lnTo>
                    <a:lnTo>
                      <a:pt x="180" y="161"/>
                    </a:lnTo>
                    <a:lnTo>
                      <a:pt x="162" y="174"/>
                    </a:lnTo>
                    <a:lnTo>
                      <a:pt x="151" y="184"/>
                    </a:lnTo>
                    <a:lnTo>
                      <a:pt x="137" y="200"/>
                    </a:lnTo>
                    <a:lnTo>
                      <a:pt x="129" y="206"/>
                    </a:lnTo>
                    <a:lnTo>
                      <a:pt x="123" y="211"/>
                    </a:lnTo>
                    <a:lnTo>
                      <a:pt x="119" y="213"/>
                    </a:lnTo>
                    <a:lnTo>
                      <a:pt x="116" y="214"/>
                    </a:lnTo>
                    <a:lnTo>
                      <a:pt x="114" y="213"/>
                    </a:lnTo>
                    <a:lnTo>
                      <a:pt x="111" y="211"/>
                    </a:lnTo>
                    <a:lnTo>
                      <a:pt x="109" y="205"/>
                    </a:lnTo>
                    <a:lnTo>
                      <a:pt x="106" y="197"/>
                    </a:lnTo>
                    <a:lnTo>
                      <a:pt x="105" y="194"/>
                    </a:lnTo>
                    <a:lnTo>
                      <a:pt x="103" y="190"/>
                    </a:lnTo>
                    <a:lnTo>
                      <a:pt x="100" y="188"/>
                    </a:lnTo>
                    <a:lnTo>
                      <a:pt x="96" y="187"/>
                    </a:lnTo>
                    <a:lnTo>
                      <a:pt x="92" y="185"/>
                    </a:lnTo>
                    <a:lnTo>
                      <a:pt x="88" y="185"/>
                    </a:lnTo>
                    <a:lnTo>
                      <a:pt x="84" y="187"/>
                    </a:lnTo>
                    <a:lnTo>
                      <a:pt x="81" y="188"/>
                    </a:lnTo>
                    <a:lnTo>
                      <a:pt x="77" y="192"/>
                    </a:lnTo>
                    <a:lnTo>
                      <a:pt x="75" y="197"/>
                    </a:lnTo>
                    <a:lnTo>
                      <a:pt x="74" y="203"/>
                    </a:lnTo>
                    <a:lnTo>
                      <a:pt x="71" y="210"/>
                    </a:lnTo>
                    <a:lnTo>
                      <a:pt x="70" y="216"/>
                    </a:lnTo>
                    <a:lnTo>
                      <a:pt x="66" y="220"/>
                    </a:lnTo>
                    <a:lnTo>
                      <a:pt x="61" y="223"/>
                    </a:lnTo>
                    <a:lnTo>
                      <a:pt x="57" y="225"/>
                    </a:lnTo>
                    <a:lnTo>
                      <a:pt x="53" y="225"/>
                    </a:lnTo>
                    <a:lnTo>
                      <a:pt x="50" y="224"/>
                    </a:lnTo>
                    <a:lnTo>
                      <a:pt x="49" y="223"/>
                    </a:lnTo>
                    <a:lnTo>
                      <a:pt x="48" y="219"/>
                    </a:lnTo>
                    <a:lnTo>
                      <a:pt x="46" y="215"/>
                    </a:lnTo>
                    <a:lnTo>
                      <a:pt x="46" y="209"/>
                    </a:lnTo>
                    <a:lnTo>
                      <a:pt x="45" y="198"/>
                    </a:lnTo>
                    <a:lnTo>
                      <a:pt x="43" y="194"/>
                    </a:lnTo>
                    <a:lnTo>
                      <a:pt x="40" y="194"/>
                    </a:lnTo>
                    <a:lnTo>
                      <a:pt x="36" y="197"/>
                    </a:lnTo>
                    <a:lnTo>
                      <a:pt x="32" y="202"/>
                    </a:lnTo>
                    <a:lnTo>
                      <a:pt x="26" y="207"/>
                    </a:lnTo>
                    <a:lnTo>
                      <a:pt x="23" y="209"/>
                    </a:lnTo>
                    <a:lnTo>
                      <a:pt x="19" y="210"/>
                    </a:lnTo>
                    <a:lnTo>
                      <a:pt x="17" y="210"/>
                    </a:lnTo>
                    <a:lnTo>
                      <a:pt x="13" y="210"/>
                    </a:lnTo>
                    <a:lnTo>
                      <a:pt x="8" y="207"/>
                    </a:lnTo>
                    <a:lnTo>
                      <a:pt x="4" y="202"/>
                    </a:lnTo>
                    <a:lnTo>
                      <a:pt x="1" y="198"/>
                    </a:lnTo>
                    <a:lnTo>
                      <a:pt x="0" y="193"/>
                    </a:lnTo>
                    <a:lnTo>
                      <a:pt x="0" y="187"/>
                    </a:lnTo>
                    <a:lnTo>
                      <a:pt x="0" y="181"/>
                    </a:lnTo>
                    <a:lnTo>
                      <a:pt x="1" y="176"/>
                    </a:lnTo>
                    <a:lnTo>
                      <a:pt x="2" y="171"/>
                    </a:lnTo>
                    <a:lnTo>
                      <a:pt x="26" y="14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5" name="Freeform 26">
                <a:extLst>
                  <a:ext uri="{FF2B5EF4-FFF2-40B4-BE49-F238E27FC236}">
                    <a16:creationId xmlns:a16="http://schemas.microsoft.com/office/drawing/2014/main" id="{AF76A87E-8A12-DC4A-A21B-03E20F7FD6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73067" y="195212"/>
                <a:ext cx="52830" cy="48771"/>
              </a:xfrm>
              <a:custGeom>
                <a:avLst/>
                <a:gdLst/>
                <a:ahLst/>
                <a:cxnLst>
                  <a:cxn ang="0">
                    <a:pos x="5" y="64"/>
                  </a:cxn>
                  <a:cxn ang="0">
                    <a:pos x="17" y="45"/>
                  </a:cxn>
                  <a:cxn ang="0">
                    <a:pos x="27" y="27"/>
                  </a:cxn>
                  <a:cxn ang="0">
                    <a:pos x="34" y="22"/>
                  </a:cxn>
                  <a:cxn ang="0">
                    <a:pos x="42" y="16"/>
                  </a:cxn>
                  <a:cxn ang="0">
                    <a:pos x="51" y="13"/>
                  </a:cxn>
                  <a:cxn ang="0">
                    <a:pos x="61" y="9"/>
                  </a:cxn>
                  <a:cxn ang="0">
                    <a:pos x="82" y="4"/>
                  </a:cxn>
                  <a:cxn ang="0">
                    <a:pos x="100" y="1"/>
                  </a:cxn>
                  <a:cxn ang="0">
                    <a:pos x="108" y="0"/>
                  </a:cxn>
                  <a:cxn ang="0">
                    <a:pos x="113" y="0"/>
                  </a:cxn>
                  <a:cxn ang="0">
                    <a:pos x="116" y="1"/>
                  </a:cxn>
                  <a:cxn ang="0">
                    <a:pos x="117" y="5"/>
                  </a:cxn>
                  <a:cxn ang="0">
                    <a:pos x="116" y="7"/>
                  </a:cxn>
                  <a:cxn ang="0">
                    <a:pos x="112" y="13"/>
                  </a:cxn>
                  <a:cxn ang="0">
                    <a:pos x="108" y="16"/>
                  </a:cxn>
                  <a:cxn ang="0">
                    <a:pos x="103" y="20"/>
                  </a:cxn>
                  <a:cxn ang="0">
                    <a:pos x="94" y="28"/>
                  </a:cxn>
                  <a:cxn ang="0">
                    <a:pos x="86" y="36"/>
                  </a:cxn>
                  <a:cxn ang="0">
                    <a:pos x="78" y="44"/>
                  </a:cxn>
                  <a:cxn ang="0">
                    <a:pos x="72" y="53"/>
                  </a:cxn>
                  <a:cxn ang="0">
                    <a:pos x="57" y="70"/>
                  </a:cxn>
                  <a:cxn ang="0">
                    <a:pos x="42" y="85"/>
                  </a:cxn>
                  <a:cxn ang="0">
                    <a:pos x="35" y="92"/>
                  </a:cxn>
                  <a:cxn ang="0">
                    <a:pos x="27" y="97"/>
                  </a:cxn>
                  <a:cxn ang="0">
                    <a:pos x="21" y="101"/>
                  </a:cxn>
                  <a:cxn ang="0">
                    <a:pos x="13" y="105"/>
                  </a:cxn>
                  <a:cxn ang="0">
                    <a:pos x="11" y="105"/>
                  </a:cxn>
                  <a:cxn ang="0">
                    <a:pos x="8" y="105"/>
                  </a:cxn>
                  <a:cxn ang="0">
                    <a:pos x="5" y="103"/>
                  </a:cxn>
                  <a:cxn ang="0">
                    <a:pos x="3" y="101"/>
                  </a:cxn>
                  <a:cxn ang="0">
                    <a:pos x="2" y="98"/>
                  </a:cxn>
                  <a:cxn ang="0">
                    <a:pos x="0" y="94"/>
                  </a:cxn>
                  <a:cxn ang="0">
                    <a:pos x="0" y="88"/>
                  </a:cxn>
                  <a:cxn ang="0">
                    <a:pos x="0" y="81"/>
                  </a:cxn>
                  <a:cxn ang="0">
                    <a:pos x="5" y="64"/>
                  </a:cxn>
                </a:cxnLst>
                <a:rect l="0" t="0" r="r" b="b"/>
                <a:pathLst>
                  <a:path w="117" h="105">
                    <a:moveTo>
                      <a:pt x="5" y="64"/>
                    </a:moveTo>
                    <a:lnTo>
                      <a:pt x="17" y="45"/>
                    </a:lnTo>
                    <a:lnTo>
                      <a:pt x="27" y="27"/>
                    </a:lnTo>
                    <a:lnTo>
                      <a:pt x="34" y="22"/>
                    </a:lnTo>
                    <a:lnTo>
                      <a:pt x="42" y="16"/>
                    </a:lnTo>
                    <a:lnTo>
                      <a:pt x="51" y="13"/>
                    </a:lnTo>
                    <a:lnTo>
                      <a:pt x="61" y="9"/>
                    </a:lnTo>
                    <a:lnTo>
                      <a:pt x="82" y="4"/>
                    </a:lnTo>
                    <a:lnTo>
                      <a:pt x="100" y="1"/>
                    </a:lnTo>
                    <a:lnTo>
                      <a:pt x="108" y="0"/>
                    </a:lnTo>
                    <a:lnTo>
                      <a:pt x="113" y="0"/>
                    </a:lnTo>
                    <a:lnTo>
                      <a:pt x="116" y="1"/>
                    </a:lnTo>
                    <a:lnTo>
                      <a:pt x="117" y="5"/>
                    </a:lnTo>
                    <a:lnTo>
                      <a:pt x="116" y="7"/>
                    </a:lnTo>
                    <a:lnTo>
                      <a:pt x="112" y="13"/>
                    </a:lnTo>
                    <a:lnTo>
                      <a:pt x="108" y="16"/>
                    </a:lnTo>
                    <a:lnTo>
                      <a:pt x="103" y="20"/>
                    </a:lnTo>
                    <a:lnTo>
                      <a:pt x="94" y="28"/>
                    </a:lnTo>
                    <a:lnTo>
                      <a:pt x="86" y="36"/>
                    </a:lnTo>
                    <a:lnTo>
                      <a:pt x="78" y="44"/>
                    </a:lnTo>
                    <a:lnTo>
                      <a:pt x="72" y="53"/>
                    </a:lnTo>
                    <a:lnTo>
                      <a:pt x="57" y="70"/>
                    </a:lnTo>
                    <a:lnTo>
                      <a:pt x="42" y="85"/>
                    </a:lnTo>
                    <a:lnTo>
                      <a:pt x="35" y="92"/>
                    </a:lnTo>
                    <a:lnTo>
                      <a:pt x="27" y="97"/>
                    </a:lnTo>
                    <a:lnTo>
                      <a:pt x="21" y="101"/>
                    </a:lnTo>
                    <a:lnTo>
                      <a:pt x="13" y="105"/>
                    </a:lnTo>
                    <a:lnTo>
                      <a:pt x="11" y="105"/>
                    </a:lnTo>
                    <a:lnTo>
                      <a:pt x="8" y="105"/>
                    </a:lnTo>
                    <a:lnTo>
                      <a:pt x="5" y="103"/>
                    </a:lnTo>
                    <a:lnTo>
                      <a:pt x="3" y="101"/>
                    </a:lnTo>
                    <a:lnTo>
                      <a:pt x="2" y="98"/>
                    </a:lnTo>
                    <a:lnTo>
                      <a:pt x="0" y="94"/>
                    </a:lnTo>
                    <a:lnTo>
                      <a:pt x="0" y="88"/>
                    </a:lnTo>
                    <a:lnTo>
                      <a:pt x="0" y="81"/>
                    </a:lnTo>
                    <a:lnTo>
                      <a:pt x="5" y="6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6" name="Freeform 27">
                <a:extLst>
                  <a:ext uri="{FF2B5EF4-FFF2-40B4-BE49-F238E27FC236}">
                    <a16:creationId xmlns:a16="http://schemas.microsoft.com/office/drawing/2014/main" id="{82778529-C7B4-084F-98B7-79E12F9FD4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96556" y="215081"/>
                <a:ext cx="54651" cy="45158"/>
              </a:xfrm>
              <a:custGeom>
                <a:avLst/>
                <a:gdLst/>
                <a:ahLst/>
                <a:cxnLst>
                  <a:cxn ang="0">
                    <a:pos x="11" y="52"/>
                  </a:cxn>
                  <a:cxn ang="0">
                    <a:pos x="22" y="38"/>
                  </a:cxn>
                  <a:cxn ang="0">
                    <a:pos x="39" y="20"/>
                  </a:cxn>
                  <a:cxn ang="0">
                    <a:pos x="48" y="11"/>
                  </a:cxn>
                  <a:cxn ang="0">
                    <a:pos x="57" y="4"/>
                  </a:cxn>
                  <a:cxn ang="0">
                    <a:pos x="61" y="2"/>
                  </a:cxn>
                  <a:cxn ang="0">
                    <a:pos x="65" y="0"/>
                  </a:cxn>
                  <a:cxn ang="0">
                    <a:pos x="69" y="0"/>
                  </a:cxn>
                  <a:cxn ang="0">
                    <a:pos x="73" y="0"/>
                  </a:cxn>
                  <a:cxn ang="0">
                    <a:pos x="77" y="8"/>
                  </a:cxn>
                  <a:cxn ang="0">
                    <a:pos x="81" y="12"/>
                  </a:cxn>
                  <a:cxn ang="0">
                    <a:pos x="86" y="15"/>
                  </a:cxn>
                  <a:cxn ang="0">
                    <a:pos x="91" y="15"/>
                  </a:cxn>
                  <a:cxn ang="0">
                    <a:pos x="104" y="16"/>
                  </a:cxn>
                  <a:cxn ang="0">
                    <a:pos x="117" y="20"/>
                  </a:cxn>
                  <a:cxn ang="0">
                    <a:pos x="117" y="20"/>
                  </a:cxn>
                  <a:cxn ang="0">
                    <a:pos x="117" y="21"/>
                  </a:cxn>
                  <a:cxn ang="0">
                    <a:pos x="116" y="25"/>
                  </a:cxn>
                  <a:cxn ang="0">
                    <a:pos x="113" y="29"/>
                  </a:cxn>
                  <a:cxn ang="0">
                    <a:pos x="111" y="33"/>
                  </a:cxn>
                  <a:cxn ang="0">
                    <a:pos x="105" y="38"/>
                  </a:cxn>
                  <a:cxn ang="0">
                    <a:pos x="96" y="46"/>
                  </a:cxn>
                  <a:cxn ang="0">
                    <a:pos x="89" y="52"/>
                  </a:cxn>
                  <a:cxn ang="0">
                    <a:pos x="78" y="64"/>
                  </a:cxn>
                  <a:cxn ang="0">
                    <a:pos x="68" y="76"/>
                  </a:cxn>
                  <a:cxn ang="0">
                    <a:pos x="61" y="81"/>
                  </a:cxn>
                  <a:cxn ang="0">
                    <a:pos x="56" y="86"/>
                  </a:cxn>
                  <a:cxn ang="0">
                    <a:pos x="48" y="90"/>
                  </a:cxn>
                  <a:cxn ang="0">
                    <a:pos x="41" y="94"/>
                  </a:cxn>
                  <a:cxn ang="0">
                    <a:pos x="34" y="95"/>
                  </a:cxn>
                  <a:cxn ang="0">
                    <a:pos x="28" y="98"/>
                  </a:cxn>
                  <a:cxn ang="0">
                    <a:pos x="21" y="99"/>
                  </a:cxn>
                  <a:cxn ang="0">
                    <a:pos x="15" y="98"/>
                  </a:cxn>
                  <a:cxn ang="0">
                    <a:pos x="8" y="96"/>
                  </a:cxn>
                  <a:cxn ang="0">
                    <a:pos x="4" y="92"/>
                  </a:cxn>
                  <a:cxn ang="0">
                    <a:pos x="2" y="87"/>
                  </a:cxn>
                  <a:cxn ang="0">
                    <a:pos x="0" y="78"/>
                  </a:cxn>
                  <a:cxn ang="0">
                    <a:pos x="11" y="52"/>
                  </a:cxn>
                </a:cxnLst>
                <a:rect l="0" t="0" r="r" b="b"/>
                <a:pathLst>
                  <a:path w="117" h="99">
                    <a:moveTo>
                      <a:pt x="11" y="52"/>
                    </a:moveTo>
                    <a:lnTo>
                      <a:pt x="22" y="38"/>
                    </a:lnTo>
                    <a:lnTo>
                      <a:pt x="39" y="20"/>
                    </a:lnTo>
                    <a:lnTo>
                      <a:pt x="48" y="11"/>
                    </a:lnTo>
                    <a:lnTo>
                      <a:pt x="57" y="4"/>
                    </a:lnTo>
                    <a:lnTo>
                      <a:pt x="61" y="2"/>
                    </a:lnTo>
                    <a:lnTo>
                      <a:pt x="65" y="0"/>
                    </a:lnTo>
                    <a:lnTo>
                      <a:pt x="69" y="0"/>
                    </a:lnTo>
                    <a:lnTo>
                      <a:pt x="73" y="0"/>
                    </a:lnTo>
                    <a:lnTo>
                      <a:pt x="77" y="8"/>
                    </a:lnTo>
                    <a:lnTo>
                      <a:pt x="81" y="12"/>
                    </a:lnTo>
                    <a:lnTo>
                      <a:pt x="86" y="15"/>
                    </a:lnTo>
                    <a:lnTo>
                      <a:pt x="91" y="15"/>
                    </a:lnTo>
                    <a:lnTo>
                      <a:pt x="104" y="16"/>
                    </a:lnTo>
                    <a:lnTo>
                      <a:pt x="117" y="20"/>
                    </a:lnTo>
                    <a:lnTo>
                      <a:pt x="117" y="20"/>
                    </a:lnTo>
                    <a:lnTo>
                      <a:pt x="117" y="21"/>
                    </a:lnTo>
                    <a:lnTo>
                      <a:pt x="116" y="25"/>
                    </a:lnTo>
                    <a:lnTo>
                      <a:pt x="113" y="29"/>
                    </a:lnTo>
                    <a:lnTo>
                      <a:pt x="111" y="33"/>
                    </a:lnTo>
                    <a:lnTo>
                      <a:pt x="105" y="38"/>
                    </a:lnTo>
                    <a:lnTo>
                      <a:pt x="96" y="46"/>
                    </a:lnTo>
                    <a:lnTo>
                      <a:pt x="89" y="52"/>
                    </a:lnTo>
                    <a:lnTo>
                      <a:pt x="78" y="64"/>
                    </a:lnTo>
                    <a:lnTo>
                      <a:pt x="68" y="76"/>
                    </a:lnTo>
                    <a:lnTo>
                      <a:pt x="61" y="81"/>
                    </a:lnTo>
                    <a:lnTo>
                      <a:pt x="56" y="86"/>
                    </a:lnTo>
                    <a:lnTo>
                      <a:pt x="48" y="90"/>
                    </a:lnTo>
                    <a:lnTo>
                      <a:pt x="41" y="94"/>
                    </a:lnTo>
                    <a:lnTo>
                      <a:pt x="34" y="95"/>
                    </a:lnTo>
                    <a:lnTo>
                      <a:pt x="28" y="98"/>
                    </a:lnTo>
                    <a:lnTo>
                      <a:pt x="21" y="99"/>
                    </a:lnTo>
                    <a:lnTo>
                      <a:pt x="15" y="98"/>
                    </a:lnTo>
                    <a:lnTo>
                      <a:pt x="8" y="96"/>
                    </a:lnTo>
                    <a:lnTo>
                      <a:pt x="4" y="92"/>
                    </a:lnTo>
                    <a:lnTo>
                      <a:pt x="2" y="87"/>
                    </a:lnTo>
                    <a:lnTo>
                      <a:pt x="0" y="78"/>
                    </a:lnTo>
                    <a:lnTo>
                      <a:pt x="11" y="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7" name="Freeform 28">
                <a:extLst>
                  <a:ext uri="{FF2B5EF4-FFF2-40B4-BE49-F238E27FC236}">
                    <a16:creationId xmlns:a16="http://schemas.microsoft.com/office/drawing/2014/main" id="{5E3977D8-E842-B84B-94DE-4B41E40580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40084" y="251207"/>
                <a:ext cx="30969" cy="48771"/>
              </a:xfrm>
              <a:custGeom>
                <a:avLst/>
                <a:gdLst/>
                <a:ahLst/>
                <a:cxnLst>
                  <a:cxn ang="0">
                    <a:pos x="5" y="86"/>
                  </a:cxn>
                  <a:cxn ang="0">
                    <a:pos x="9" y="71"/>
                  </a:cxn>
                  <a:cxn ang="0">
                    <a:pos x="14" y="57"/>
                  </a:cxn>
                  <a:cxn ang="0">
                    <a:pos x="22" y="42"/>
                  </a:cxn>
                  <a:cxn ang="0">
                    <a:pos x="30" y="31"/>
                  </a:cxn>
                  <a:cxn ang="0">
                    <a:pos x="36" y="22"/>
                  </a:cxn>
                  <a:cxn ang="0">
                    <a:pos x="45" y="10"/>
                  </a:cxn>
                  <a:cxn ang="0">
                    <a:pos x="52" y="5"/>
                  </a:cxn>
                  <a:cxn ang="0">
                    <a:pos x="57" y="1"/>
                  </a:cxn>
                  <a:cxn ang="0">
                    <a:pos x="60" y="0"/>
                  </a:cxn>
                  <a:cxn ang="0">
                    <a:pos x="62" y="0"/>
                  </a:cxn>
                  <a:cxn ang="0">
                    <a:pos x="65" y="0"/>
                  </a:cxn>
                  <a:cxn ang="0">
                    <a:pos x="66" y="1"/>
                  </a:cxn>
                  <a:cxn ang="0">
                    <a:pos x="67" y="5"/>
                  </a:cxn>
                  <a:cxn ang="0">
                    <a:pos x="66" y="10"/>
                  </a:cxn>
                  <a:cxn ang="0">
                    <a:pos x="66" y="14"/>
                  </a:cxn>
                  <a:cxn ang="0">
                    <a:pos x="64" y="18"/>
                  </a:cxn>
                  <a:cxn ang="0">
                    <a:pos x="60" y="27"/>
                  </a:cxn>
                  <a:cxn ang="0">
                    <a:pos x="56" y="35"/>
                  </a:cxn>
                  <a:cxn ang="0">
                    <a:pos x="49" y="57"/>
                  </a:cxn>
                  <a:cxn ang="0">
                    <a:pos x="38" y="83"/>
                  </a:cxn>
                  <a:cxn ang="0">
                    <a:pos x="35" y="89"/>
                  </a:cxn>
                  <a:cxn ang="0">
                    <a:pos x="31" y="94"/>
                  </a:cxn>
                  <a:cxn ang="0">
                    <a:pos x="26" y="99"/>
                  </a:cxn>
                  <a:cxn ang="0">
                    <a:pos x="22" y="103"/>
                  </a:cxn>
                  <a:cxn ang="0">
                    <a:pos x="17" y="106"/>
                  </a:cxn>
                  <a:cxn ang="0">
                    <a:pos x="12" y="107"/>
                  </a:cxn>
                  <a:cxn ang="0">
                    <a:pos x="7" y="107"/>
                  </a:cxn>
                  <a:cxn ang="0">
                    <a:pos x="0" y="105"/>
                  </a:cxn>
                  <a:cxn ang="0">
                    <a:pos x="5" y="86"/>
                  </a:cxn>
                </a:cxnLst>
                <a:rect l="0" t="0" r="r" b="b"/>
                <a:pathLst>
                  <a:path w="67" h="107">
                    <a:moveTo>
                      <a:pt x="5" y="86"/>
                    </a:moveTo>
                    <a:lnTo>
                      <a:pt x="9" y="71"/>
                    </a:lnTo>
                    <a:lnTo>
                      <a:pt x="14" y="57"/>
                    </a:lnTo>
                    <a:lnTo>
                      <a:pt x="22" y="42"/>
                    </a:lnTo>
                    <a:lnTo>
                      <a:pt x="30" y="31"/>
                    </a:lnTo>
                    <a:lnTo>
                      <a:pt x="36" y="22"/>
                    </a:lnTo>
                    <a:lnTo>
                      <a:pt x="45" y="10"/>
                    </a:lnTo>
                    <a:lnTo>
                      <a:pt x="52" y="5"/>
                    </a:lnTo>
                    <a:lnTo>
                      <a:pt x="57" y="1"/>
                    </a:lnTo>
                    <a:lnTo>
                      <a:pt x="60" y="0"/>
                    </a:lnTo>
                    <a:lnTo>
                      <a:pt x="62" y="0"/>
                    </a:lnTo>
                    <a:lnTo>
                      <a:pt x="65" y="0"/>
                    </a:lnTo>
                    <a:lnTo>
                      <a:pt x="66" y="1"/>
                    </a:lnTo>
                    <a:lnTo>
                      <a:pt x="67" y="5"/>
                    </a:lnTo>
                    <a:lnTo>
                      <a:pt x="66" y="10"/>
                    </a:lnTo>
                    <a:lnTo>
                      <a:pt x="66" y="14"/>
                    </a:lnTo>
                    <a:lnTo>
                      <a:pt x="64" y="18"/>
                    </a:lnTo>
                    <a:lnTo>
                      <a:pt x="60" y="27"/>
                    </a:lnTo>
                    <a:lnTo>
                      <a:pt x="56" y="35"/>
                    </a:lnTo>
                    <a:lnTo>
                      <a:pt x="49" y="57"/>
                    </a:lnTo>
                    <a:lnTo>
                      <a:pt x="38" y="83"/>
                    </a:lnTo>
                    <a:lnTo>
                      <a:pt x="35" y="89"/>
                    </a:lnTo>
                    <a:lnTo>
                      <a:pt x="31" y="94"/>
                    </a:lnTo>
                    <a:lnTo>
                      <a:pt x="26" y="99"/>
                    </a:lnTo>
                    <a:lnTo>
                      <a:pt x="22" y="103"/>
                    </a:lnTo>
                    <a:lnTo>
                      <a:pt x="17" y="106"/>
                    </a:lnTo>
                    <a:lnTo>
                      <a:pt x="12" y="107"/>
                    </a:lnTo>
                    <a:lnTo>
                      <a:pt x="7" y="107"/>
                    </a:lnTo>
                    <a:lnTo>
                      <a:pt x="0" y="105"/>
                    </a:lnTo>
                    <a:lnTo>
                      <a:pt x="5" y="8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8" name="Freeform 29">
                <a:extLst>
                  <a:ext uri="{FF2B5EF4-FFF2-40B4-BE49-F238E27FC236}">
                    <a16:creationId xmlns:a16="http://schemas.microsoft.com/office/drawing/2014/main" id="{9BFE5A3E-04F4-624E-9036-797C3BB69D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59930" y="621500"/>
                <a:ext cx="27326" cy="34320"/>
              </a:xfrm>
              <a:custGeom>
                <a:avLst/>
                <a:gdLst/>
                <a:ahLst/>
                <a:cxnLst>
                  <a:cxn ang="0">
                    <a:pos x="6" y="48"/>
                  </a:cxn>
                  <a:cxn ang="0">
                    <a:pos x="13" y="44"/>
                  </a:cxn>
                  <a:cxn ang="0">
                    <a:pos x="18" y="40"/>
                  </a:cxn>
                  <a:cxn ang="0">
                    <a:pos x="23" y="34"/>
                  </a:cxn>
                  <a:cxn ang="0">
                    <a:pos x="28" y="28"/>
                  </a:cxn>
                  <a:cxn ang="0">
                    <a:pos x="33" y="22"/>
                  </a:cxn>
                  <a:cxn ang="0">
                    <a:pos x="40" y="10"/>
                  </a:cxn>
                  <a:cxn ang="0">
                    <a:pos x="44" y="6"/>
                  </a:cxn>
                  <a:cxn ang="0">
                    <a:pos x="48" y="3"/>
                  </a:cxn>
                  <a:cxn ang="0">
                    <a:pos x="53" y="0"/>
                  </a:cxn>
                  <a:cxn ang="0">
                    <a:pos x="57" y="0"/>
                  </a:cxn>
                  <a:cxn ang="0">
                    <a:pos x="59" y="1"/>
                  </a:cxn>
                  <a:cxn ang="0">
                    <a:pos x="60" y="5"/>
                  </a:cxn>
                  <a:cxn ang="0">
                    <a:pos x="60" y="9"/>
                  </a:cxn>
                  <a:cxn ang="0">
                    <a:pos x="60" y="13"/>
                  </a:cxn>
                  <a:cxn ang="0">
                    <a:pos x="59" y="22"/>
                  </a:cxn>
                  <a:cxn ang="0">
                    <a:pos x="58" y="28"/>
                  </a:cxn>
                  <a:cxn ang="0">
                    <a:pos x="53" y="36"/>
                  </a:cxn>
                  <a:cxn ang="0">
                    <a:pos x="51" y="45"/>
                  </a:cxn>
                  <a:cxn ang="0">
                    <a:pos x="50" y="51"/>
                  </a:cxn>
                  <a:cxn ang="0">
                    <a:pos x="49" y="53"/>
                  </a:cxn>
                  <a:cxn ang="0">
                    <a:pos x="48" y="56"/>
                  </a:cxn>
                  <a:cxn ang="0">
                    <a:pos x="45" y="58"/>
                  </a:cxn>
                  <a:cxn ang="0">
                    <a:pos x="40" y="61"/>
                  </a:cxn>
                  <a:cxn ang="0">
                    <a:pos x="33" y="66"/>
                  </a:cxn>
                  <a:cxn ang="0">
                    <a:pos x="24" y="71"/>
                  </a:cxn>
                  <a:cxn ang="0">
                    <a:pos x="16" y="75"/>
                  </a:cxn>
                  <a:cxn ang="0">
                    <a:pos x="11" y="75"/>
                  </a:cxn>
                  <a:cxn ang="0">
                    <a:pos x="7" y="74"/>
                  </a:cxn>
                  <a:cxn ang="0">
                    <a:pos x="3" y="71"/>
                  </a:cxn>
                  <a:cxn ang="0">
                    <a:pos x="0" y="67"/>
                  </a:cxn>
                  <a:cxn ang="0">
                    <a:pos x="6" y="48"/>
                  </a:cxn>
                </a:cxnLst>
                <a:rect l="0" t="0" r="r" b="b"/>
                <a:pathLst>
                  <a:path w="60" h="75">
                    <a:moveTo>
                      <a:pt x="6" y="48"/>
                    </a:moveTo>
                    <a:lnTo>
                      <a:pt x="13" y="44"/>
                    </a:lnTo>
                    <a:lnTo>
                      <a:pt x="18" y="40"/>
                    </a:lnTo>
                    <a:lnTo>
                      <a:pt x="23" y="34"/>
                    </a:lnTo>
                    <a:lnTo>
                      <a:pt x="28" y="28"/>
                    </a:lnTo>
                    <a:lnTo>
                      <a:pt x="33" y="22"/>
                    </a:lnTo>
                    <a:lnTo>
                      <a:pt x="40" y="10"/>
                    </a:lnTo>
                    <a:lnTo>
                      <a:pt x="44" y="6"/>
                    </a:lnTo>
                    <a:lnTo>
                      <a:pt x="48" y="3"/>
                    </a:lnTo>
                    <a:lnTo>
                      <a:pt x="53" y="0"/>
                    </a:lnTo>
                    <a:lnTo>
                      <a:pt x="57" y="0"/>
                    </a:lnTo>
                    <a:lnTo>
                      <a:pt x="59" y="1"/>
                    </a:lnTo>
                    <a:lnTo>
                      <a:pt x="60" y="5"/>
                    </a:lnTo>
                    <a:lnTo>
                      <a:pt x="60" y="9"/>
                    </a:lnTo>
                    <a:lnTo>
                      <a:pt x="60" y="13"/>
                    </a:lnTo>
                    <a:lnTo>
                      <a:pt x="59" y="22"/>
                    </a:lnTo>
                    <a:lnTo>
                      <a:pt x="58" y="28"/>
                    </a:lnTo>
                    <a:lnTo>
                      <a:pt x="53" y="36"/>
                    </a:lnTo>
                    <a:lnTo>
                      <a:pt x="51" y="45"/>
                    </a:lnTo>
                    <a:lnTo>
                      <a:pt x="50" y="51"/>
                    </a:lnTo>
                    <a:lnTo>
                      <a:pt x="49" y="53"/>
                    </a:lnTo>
                    <a:lnTo>
                      <a:pt x="48" y="56"/>
                    </a:lnTo>
                    <a:lnTo>
                      <a:pt x="45" y="58"/>
                    </a:lnTo>
                    <a:lnTo>
                      <a:pt x="40" y="61"/>
                    </a:lnTo>
                    <a:lnTo>
                      <a:pt x="33" y="66"/>
                    </a:lnTo>
                    <a:lnTo>
                      <a:pt x="24" y="71"/>
                    </a:lnTo>
                    <a:lnTo>
                      <a:pt x="16" y="75"/>
                    </a:lnTo>
                    <a:lnTo>
                      <a:pt x="11" y="75"/>
                    </a:lnTo>
                    <a:lnTo>
                      <a:pt x="7" y="74"/>
                    </a:lnTo>
                    <a:lnTo>
                      <a:pt x="3" y="71"/>
                    </a:lnTo>
                    <a:lnTo>
                      <a:pt x="0" y="67"/>
                    </a:lnTo>
                    <a:lnTo>
                      <a:pt x="6" y="4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39" name="Freeform 30">
                <a:extLst>
                  <a:ext uri="{FF2B5EF4-FFF2-40B4-BE49-F238E27FC236}">
                    <a16:creationId xmlns:a16="http://schemas.microsoft.com/office/drawing/2014/main" id="{37781432-72A4-B848-874B-2FCF12D8DE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13615" y="1121846"/>
                <a:ext cx="67403" cy="39739"/>
              </a:xfrm>
              <a:custGeom>
                <a:avLst/>
                <a:gdLst/>
                <a:ahLst/>
                <a:cxnLst>
                  <a:cxn ang="0">
                    <a:pos x="26" y="40"/>
                  </a:cxn>
                  <a:cxn ang="0">
                    <a:pos x="36" y="36"/>
                  </a:cxn>
                  <a:cxn ang="0">
                    <a:pos x="48" y="31"/>
                  </a:cxn>
                  <a:cxn ang="0">
                    <a:pos x="58" y="23"/>
                  </a:cxn>
                  <a:cxn ang="0">
                    <a:pos x="69" y="16"/>
                  </a:cxn>
                  <a:cxn ang="0">
                    <a:pos x="80" y="9"/>
                  </a:cxn>
                  <a:cxn ang="0">
                    <a:pos x="91" y="3"/>
                  </a:cxn>
                  <a:cxn ang="0">
                    <a:pos x="97" y="1"/>
                  </a:cxn>
                  <a:cxn ang="0">
                    <a:pos x="102" y="0"/>
                  </a:cxn>
                  <a:cxn ang="0">
                    <a:pos x="107" y="0"/>
                  </a:cxn>
                  <a:cxn ang="0">
                    <a:pos x="114" y="0"/>
                  </a:cxn>
                  <a:cxn ang="0">
                    <a:pos x="116" y="1"/>
                  </a:cxn>
                  <a:cxn ang="0">
                    <a:pos x="119" y="2"/>
                  </a:cxn>
                  <a:cxn ang="0">
                    <a:pos x="120" y="5"/>
                  </a:cxn>
                  <a:cxn ang="0">
                    <a:pos x="120" y="7"/>
                  </a:cxn>
                  <a:cxn ang="0">
                    <a:pos x="122" y="13"/>
                  </a:cxn>
                  <a:cxn ang="0">
                    <a:pos x="124" y="18"/>
                  </a:cxn>
                  <a:cxn ang="0">
                    <a:pos x="132" y="25"/>
                  </a:cxn>
                  <a:cxn ang="0">
                    <a:pos x="142" y="35"/>
                  </a:cxn>
                  <a:cxn ang="0">
                    <a:pos x="146" y="40"/>
                  </a:cxn>
                  <a:cxn ang="0">
                    <a:pos x="148" y="45"/>
                  </a:cxn>
                  <a:cxn ang="0">
                    <a:pos x="148" y="46"/>
                  </a:cxn>
                  <a:cxn ang="0">
                    <a:pos x="148" y="49"/>
                  </a:cxn>
                  <a:cxn ang="0">
                    <a:pos x="146" y="51"/>
                  </a:cxn>
                  <a:cxn ang="0">
                    <a:pos x="142" y="54"/>
                  </a:cxn>
                  <a:cxn ang="0">
                    <a:pos x="137" y="58"/>
                  </a:cxn>
                  <a:cxn ang="0">
                    <a:pos x="132" y="60"/>
                  </a:cxn>
                  <a:cxn ang="0">
                    <a:pos x="126" y="62"/>
                  </a:cxn>
                  <a:cxn ang="0">
                    <a:pos x="119" y="63"/>
                  </a:cxn>
                  <a:cxn ang="0">
                    <a:pos x="105" y="64"/>
                  </a:cxn>
                  <a:cxn ang="0">
                    <a:pos x="93" y="66"/>
                  </a:cxn>
                  <a:cxn ang="0">
                    <a:pos x="74" y="70"/>
                  </a:cxn>
                  <a:cxn ang="0">
                    <a:pos x="54" y="76"/>
                  </a:cxn>
                  <a:cxn ang="0">
                    <a:pos x="45" y="80"/>
                  </a:cxn>
                  <a:cxn ang="0">
                    <a:pos x="35" y="82"/>
                  </a:cxn>
                  <a:cxn ang="0">
                    <a:pos x="30" y="84"/>
                  </a:cxn>
                  <a:cxn ang="0">
                    <a:pos x="25" y="85"/>
                  </a:cxn>
                  <a:cxn ang="0">
                    <a:pos x="19" y="85"/>
                  </a:cxn>
                  <a:cxn ang="0">
                    <a:pos x="14" y="84"/>
                  </a:cxn>
                  <a:cxn ang="0">
                    <a:pos x="6" y="81"/>
                  </a:cxn>
                  <a:cxn ang="0">
                    <a:pos x="2" y="77"/>
                  </a:cxn>
                  <a:cxn ang="0">
                    <a:pos x="0" y="72"/>
                  </a:cxn>
                  <a:cxn ang="0">
                    <a:pos x="0" y="67"/>
                  </a:cxn>
                  <a:cxn ang="0">
                    <a:pos x="1" y="62"/>
                  </a:cxn>
                  <a:cxn ang="0">
                    <a:pos x="4" y="57"/>
                  </a:cxn>
                  <a:cxn ang="0">
                    <a:pos x="9" y="51"/>
                  </a:cxn>
                  <a:cxn ang="0">
                    <a:pos x="13" y="46"/>
                  </a:cxn>
                  <a:cxn ang="0">
                    <a:pos x="26" y="40"/>
                  </a:cxn>
                </a:cxnLst>
                <a:rect l="0" t="0" r="r" b="b"/>
                <a:pathLst>
                  <a:path w="148" h="85">
                    <a:moveTo>
                      <a:pt x="26" y="40"/>
                    </a:moveTo>
                    <a:lnTo>
                      <a:pt x="36" y="36"/>
                    </a:lnTo>
                    <a:lnTo>
                      <a:pt x="48" y="31"/>
                    </a:lnTo>
                    <a:lnTo>
                      <a:pt x="58" y="23"/>
                    </a:lnTo>
                    <a:lnTo>
                      <a:pt x="69" y="16"/>
                    </a:lnTo>
                    <a:lnTo>
                      <a:pt x="80" y="9"/>
                    </a:lnTo>
                    <a:lnTo>
                      <a:pt x="91" y="3"/>
                    </a:lnTo>
                    <a:lnTo>
                      <a:pt x="97" y="1"/>
                    </a:lnTo>
                    <a:lnTo>
                      <a:pt x="102" y="0"/>
                    </a:lnTo>
                    <a:lnTo>
                      <a:pt x="107" y="0"/>
                    </a:lnTo>
                    <a:lnTo>
                      <a:pt x="114" y="0"/>
                    </a:lnTo>
                    <a:lnTo>
                      <a:pt x="116" y="1"/>
                    </a:lnTo>
                    <a:lnTo>
                      <a:pt x="119" y="2"/>
                    </a:lnTo>
                    <a:lnTo>
                      <a:pt x="120" y="5"/>
                    </a:lnTo>
                    <a:lnTo>
                      <a:pt x="120" y="7"/>
                    </a:lnTo>
                    <a:lnTo>
                      <a:pt x="122" y="13"/>
                    </a:lnTo>
                    <a:lnTo>
                      <a:pt x="124" y="18"/>
                    </a:lnTo>
                    <a:lnTo>
                      <a:pt x="132" y="25"/>
                    </a:lnTo>
                    <a:lnTo>
                      <a:pt x="142" y="35"/>
                    </a:lnTo>
                    <a:lnTo>
                      <a:pt x="146" y="40"/>
                    </a:lnTo>
                    <a:lnTo>
                      <a:pt x="148" y="45"/>
                    </a:lnTo>
                    <a:lnTo>
                      <a:pt x="148" y="46"/>
                    </a:lnTo>
                    <a:lnTo>
                      <a:pt x="148" y="49"/>
                    </a:lnTo>
                    <a:lnTo>
                      <a:pt x="146" y="51"/>
                    </a:lnTo>
                    <a:lnTo>
                      <a:pt x="142" y="54"/>
                    </a:lnTo>
                    <a:lnTo>
                      <a:pt x="137" y="58"/>
                    </a:lnTo>
                    <a:lnTo>
                      <a:pt x="132" y="60"/>
                    </a:lnTo>
                    <a:lnTo>
                      <a:pt x="126" y="62"/>
                    </a:lnTo>
                    <a:lnTo>
                      <a:pt x="119" y="63"/>
                    </a:lnTo>
                    <a:lnTo>
                      <a:pt x="105" y="64"/>
                    </a:lnTo>
                    <a:lnTo>
                      <a:pt x="93" y="66"/>
                    </a:lnTo>
                    <a:lnTo>
                      <a:pt x="74" y="70"/>
                    </a:lnTo>
                    <a:lnTo>
                      <a:pt x="54" y="76"/>
                    </a:lnTo>
                    <a:lnTo>
                      <a:pt x="45" y="80"/>
                    </a:lnTo>
                    <a:lnTo>
                      <a:pt x="35" y="82"/>
                    </a:lnTo>
                    <a:lnTo>
                      <a:pt x="30" y="84"/>
                    </a:lnTo>
                    <a:lnTo>
                      <a:pt x="25" y="85"/>
                    </a:lnTo>
                    <a:lnTo>
                      <a:pt x="19" y="85"/>
                    </a:lnTo>
                    <a:lnTo>
                      <a:pt x="14" y="84"/>
                    </a:lnTo>
                    <a:lnTo>
                      <a:pt x="6" y="81"/>
                    </a:lnTo>
                    <a:lnTo>
                      <a:pt x="2" y="77"/>
                    </a:lnTo>
                    <a:lnTo>
                      <a:pt x="0" y="72"/>
                    </a:lnTo>
                    <a:lnTo>
                      <a:pt x="0" y="67"/>
                    </a:lnTo>
                    <a:lnTo>
                      <a:pt x="1" y="62"/>
                    </a:lnTo>
                    <a:lnTo>
                      <a:pt x="4" y="57"/>
                    </a:lnTo>
                    <a:lnTo>
                      <a:pt x="9" y="51"/>
                    </a:lnTo>
                    <a:lnTo>
                      <a:pt x="13" y="46"/>
                    </a:lnTo>
                    <a:lnTo>
                      <a:pt x="26" y="4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0" name="Freeform 31">
                <a:extLst>
                  <a:ext uri="{FF2B5EF4-FFF2-40B4-BE49-F238E27FC236}">
                    <a16:creationId xmlns:a16="http://schemas.microsoft.com/office/drawing/2014/main" id="{7A803E4F-2B85-F748-A2A0-C752B194E0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17258" y="1085719"/>
                <a:ext cx="45543" cy="19870"/>
              </a:xfrm>
              <a:custGeom>
                <a:avLst/>
                <a:gdLst/>
                <a:ahLst/>
                <a:cxnLst>
                  <a:cxn ang="0">
                    <a:pos x="24" y="21"/>
                  </a:cxn>
                  <a:cxn ang="0">
                    <a:pos x="33" y="18"/>
                  </a:cxn>
                  <a:cxn ang="0">
                    <a:pos x="43" y="15"/>
                  </a:cxn>
                  <a:cxn ang="0">
                    <a:pos x="53" y="11"/>
                  </a:cxn>
                  <a:cxn ang="0">
                    <a:pos x="62" y="8"/>
                  </a:cxn>
                  <a:cxn ang="0">
                    <a:pos x="78" y="3"/>
                  </a:cxn>
                  <a:cxn ang="0">
                    <a:pos x="92" y="0"/>
                  </a:cxn>
                  <a:cxn ang="0">
                    <a:pos x="95" y="5"/>
                  </a:cxn>
                  <a:cxn ang="0">
                    <a:pos x="96" y="12"/>
                  </a:cxn>
                  <a:cxn ang="0">
                    <a:pos x="97" y="18"/>
                  </a:cxn>
                  <a:cxn ang="0">
                    <a:pos x="97" y="25"/>
                  </a:cxn>
                  <a:cxn ang="0">
                    <a:pos x="96" y="27"/>
                  </a:cxn>
                  <a:cxn ang="0">
                    <a:pos x="96" y="30"/>
                  </a:cxn>
                  <a:cxn ang="0">
                    <a:pos x="95" y="33"/>
                  </a:cxn>
                  <a:cxn ang="0">
                    <a:pos x="92" y="34"/>
                  </a:cxn>
                  <a:cxn ang="0">
                    <a:pos x="87" y="37"/>
                  </a:cxn>
                  <a:cxn ang="0">
                    <a:pos x="81" y="38"/>
                  </a:cxn>
                  <a:cxn ang="0">
                    <a:pos x="68" y="38"/>
                  </a:cxn>
                  <a:cxn ang="0">
                    <a:pos x="57" y="38"/>
                  </a:cxn>
                  <a:cxn ang="0">
                    <a:pos x="44" y="39"/>
                  </a:cxn>
                  <a:cxn ang="0">
                    <a:pos x="33" y="42"/>
                  </a:cxn>
                  <a:cxn ang="0">
                    <a:pos x="22" y="42"/>
                  </a:cxn>
                  <a:cxn ang="0">
                    <a:pos x="15" y="42"/>
                  </a:cxn>
                  <a:cxn ang="0">
                    <a:pos x="8" y="38"/>
                  </a:cxn>
                  <a:cxn ang="0">
                    <a:pos x="0" y="34"/>
                  </a:cxn>
                  <a:cxn ang="0">
                    <a:pos x="24" y="21"/>
                  </a:cxn>
                </a:cxnLst>
                <a:rect l="0" t="0" r="r" b="b"/>
                <a:pathLst>
                  <a:path w="97" h="42">
                    <a:moveTo>
                      <a:pt x="24" y="21"/>
                    </a:moveTo>
                    <a:lnTo>
                      <a:pt x="33" y="18"/>
                    </a:lnTo>
                    <a:lnTo>
                      <a:pt x="43" y="15"/>
                    </a:lnTo>
                    <a:lnTo>
                      <a:pt x="53" y="11"/>
                    </a:lnTo>
                    <a:lnTo>
                      <a:pt x="62" y="8"/>
                    </a:lnTo>
                    <a:lnTo>
                      <a:pt x="78" y="3"/>
                    </a:lnTo>
                    <a:lnTo>
                      <a:pt x="92" y="0"/>
                    </a:lnTo>
                    <a:lnTo>
                      <a:pt x="95" y="5"/>
                    </a:lnTo>
                    <a:lnTo>
                      <a:pt x="96" y="12"/>
                    </a:lnTo>
                    <a:lnTo>
                      <a:pt x="97" y="18"/>
                    </a:lnTo>
                    <a:lnTo>
                      <a:pt x="97" y="25"/>
                    </a:lnTo>
                    <a:lnTo>
                      <a:pt x="96" y="27"/>
                    </a:lnTo>
                    <a:lnTo>
                      <a:pt x="96" y="30"/>
                    </a:lnTo>
                    <a:lnTo>
                      <a:pt x="95" y="33"/>
                    </a:lnTo>
                    <a:lnTo>
                      <a:pt x="92" y="34"/>
                    </a:lnTo>
                    <a:lnTo>
                      <a:pt x="87" y="37"/>
                    </a:lnTo>
                    <a:lnTo>
                      <a:pt x="81" y="38"/>
                    </a:lnTo>
                    <a:lnTo>
                      <a:pt x="68" y="38"/>
                    </a:lnTo>
                    <a:lnTo>
                      <a:pt x="57" y="38"/>
                    </a:lnTo>
                    <a:lnTo>
                      <a:pt x="44" y="39"/>
                    </a:lnTo>
                    <a:lnTo>
                      <a:pt x="33" y="42"/>
                    </a:lnTo>
                    <a:lnTo>
                      <a:pt x="22" y="42"/>
                    </a:lnTo>
                    <a:lnTo>
                      <a:pt x="15" y="42"/>
                    </a:lnTo>
                    <a:lnTo>
                      <a:pt x="8" y="38"/>
                    </a:lnTo>
                    <a:lnTo>
                      <a:pt x="0" y="34"/>
                    </a:lnTo>
                    <a:lnTo>
                      <a:pt x="24" y="2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1" name="Freeform 32">
                <a:extLst>
                  <a:ext uri="{FF2B5EF4-FFF2-40B4-BE49-F238E27FC236}">
                    <a16:creationId xmlns:a16="http://schemas.microsoft.com/office/drawing/2014/main" id="{01F45E3F-E30C-A14C-AD9B-9D1C64BAF9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375360" y="1161584"/>
                <a:ext cx="30969" cy="25288"/>
              </a:xfrm>
              <a:custGeom>
                <a:avLst/>
                <a:gdLst/>
                <a:ahLst/>
                <a:cxnLst>
                  <a:cxn ang="0">
                    <a:pos x="35" y="0"/>
                  </a:cxn>
                  <a:cxn ang="0">
                    <a:pos x="24" y="2"/>
                  </a:cxn>
                  <a:cxn ang="0">
                    <a:pos x="15" y="6"/>
                  </a:cxn>
                  <a:cxn ang="0">
                    <a:pos x="11" y="10"/>
                  </a:cxn>
                  <a:cxn ang="0">
                    <a:pos x="7" y="14"/>
                  </a:cxn>
                  <a:cxn ang="0">
                    <a:pos x="4" y="18"/>
                  </a:cxn>
                  <a:cxn ang="0">
                    <a:pos x="0" y="23"/>
                  </a:cxn>
                  <a:cxn ang="0">
                    <a:pos x="0" y="28"/>
                  </a:cxn>
                  <a:cxn ang="0">
                    <a:pos x="3" y="33"/>
                  </a:cxn>
                  <a:cxn ang="0">
                    <a:pos x="7" y="40"/>
                  </a:cxn>
                  <a:cxn ang="0">
                    <a:pos x="9" y="44"/>
                  </a:cxn>
                  <a:cxn ang="0">
                    <a:pos x="13" y="49"/>
                  </a:cxn>
                  <a:cxn ang="0">
                    <a:pos x="17" y="51"/>
                  </a:cxn>
                  <a:cxn ang="0">
                    <a:pos x="22" y="53"/>
                  </a:cxn>
                  <a:cxn ang="0">
                    <a:pos x="27" y="54"/>
                  </a:cxn>
                  <a:cxn ang="0">
                    <a:pos x="38" y="54"/>
                  </a:cxn>
                  <a:cxn ang="0">
                    <a:pos x="48" y="53"/>
                  </a:cxn>
                  <a:cxn ang="0">
                    <a:pos x="52" y="53"/>
                  </a:cxn>
                  <a:cxn ang="0">
                    <a:pos x="56" y="51"/>
                  </a:cxn>
                  <a:cxn ang="0">
                    <a:pos x="59" y="50"/>
                  </a:cxn>
                  <a:cxn ang="0">
                    <a:pos x="61" y="48"/>
                  </a:cxn>
                  <a:cxn ang="0">
                    <a:pos x="64" y="42"/>
                  </a:cxn>
                  <a:cxn ang="0">
                    <a:pos x="65" y="35"/>
                  </a:cxn>
                  <a:cxn ang="0">
                    <a:pos x="65" y="27"/>
                  </a:cxn>
                  <a:cxn ang="0">
                    <a:pos x="61" y="19"/>
                  </a:cxn>
                  <a:cxn ang="0">
                    <a:pos x="56" y="13"/>
                  </a:cxn>
                  <a:cxn ang="0">
                    <a:pos x="51" y="6"/>
                  </a:cxn>
                  <a:cxn ang="0">
                    <a:pos x="35" y="0"/>
                  </a:cxn>
                </a:cxnLst>
                <a:rect l="0" t="0" r="r" b="b"/>
                <a:pathLst>
                  <a:path w="65" h="54">
                    <a:moveTo>
                      <a:pt x="35" y="0"/>
                    </a:moveTo>
                    <a:lnTo>
                      <a:pt x="24" y="2"/>
                    </a:lnTo>
                    <a:lnTo>
                      <a:pt x="15" y="6"/>
                    </a:lnTo>
                    <a:lnTo>
                      <a:pt x="11" y="10"/>
                    </a:lnTo>
                    <a:lnTo>
                      <a:pt x="7" y="14"/>
                    </a:lnTo>
                    <a:lnTo>
                      <a:pt x="4" y="18"/>
                    </a:lnTo>
                    <a:lnTo>
                      <a:pt x="0" y="23"/>
                    </a:lnTo>
                    <a:lnTo>
                      <a:pt x="0" y="28"/>
                    </a:lnTo>
                    <a:lnTo>
                      <a:pt x="3" y="33"/>
                    </a:lnTo>
                    <a:lnTo>
                      <a:pt x="7" y="40"/>
                    </a:lnTo>
                    <a:lnTo>
                      <a:pt x="9" y="44"/>
                    </a:lnTo>
                    <a:lnTo>
                      <a:pt x="13" y="49"/>
                    </a:lnTo>
                    <a:lnTo>
                      <a:pt x="17" y="51"/>
                    </a:lnTo>
                    <a:lnTo>
                      <a:pt x="22" y="53"/>
                    </a:lnTo>
                    <a:lnTo>
                      <a:pt x="27" y="54"/>
                    </a:lnTo>
                    <a:lnTo>
                      <a:pt x="38" y="54"/>
                    </a:lnTo>
                    <a:lnTo>
                      <a:pt x="48" y="53"/>
                    </a:lnTo>
                    <a:lnTo>
                      <a:pt x="52" y="53"/>
                    </a:lnTo>
                    <a:lnTo>
                      <a:pt x="56" y="51"/>
                    </a:lnTo>
                    <a:lnTo>
                      <a:pt x="59" y="50"/>
                    </a:lnTo>
                    <a:lnTo>
                      <a:pt x="61" y="48"/>
                    </a:lnTo>
                    <a:lnTo>
                      <a:pt x="64" y="42"/>
                    </a:lnTo>
                    <a:lnTo>
                      <a:pt x="65" y="35"/>
                    </a:lnTo>
                    <a:lnTo>
                      <a:pt x="65" y="27"/>
                    </a:lnTo>
                    <a:lnTo>
                      <a:pt x="61" y="19"/>
                    </a:lnTo>
                    <a:lnTo>
                      <a:pt x="56" y="13"/>
                    </a:lnTo>
                    <a:lnTo>
                      <a:pt x="51" y="6"/>
                    </a:lnTo>
                    <a:lnTo>
                      <a:pt x="35" y="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2" name="Freeform 33">
                <a:extLst>
                  <a:ext uri="{FF2B5EF4-FFF2-40B4-BE49-F238E27FC236}">
                    <a16:creationId xmlns:a16="http://schemas.microsoft.com/office/drawing/2014/main" id="{DAB044DE-4D25-9F4D-9A2E-3E7D9FE857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00092" y="1665544"/>
                <a:ext cx="52830" cy="65027"/>
              </a:xfrm>
              <a:custGeom>
                <a:avLst/>
                <a:gdLst/>
                <a:ahLst/>
                <a:cxnLst>
                  <a:cxn ang="0">
                    <a:pos x="70" y="73"/>
                  </a:cxn>
                  <a:cxn ang="0">
                    <a:pos x="66" y="65"/>
                  </a:cxn>
                  <a:cxn ang="0">
                    <a:pos x="63" y="57"/>
                  </a:cxn>
                  <a:cxn ang="0">
                    <a:pos x="52" y="43"/>
                  </a:cxn>
                  <a:cxn ang="0">
                    <a:pos x="35" y="24"/>
                  </a:cxn>
                  <a:cxn ang="0">
                    <a:pos x="26" y="13"/>
                  </a:cxn>
                  <a:cxn ang="0">
                    <a:pos x="18" y="6"/>
                  </a:cxn>
                  <a:cxn ang="0">
                    <a:pos x="14" y="3"/>
                  </a:cxn>
                  <a:cxn ang="0">
                    <a:pos x="10" y="2"/>
                  </a:cxn>
                  <a:cxn ang="0">
                    <a:pos x="8" y="0"/>
                  </a:cxn>
                  <a:cxn ang="0">
                    <a:pos x="5" y="2"/>
                  </a:cxn>
                  <a:cxn ang="0">
                    <a:pos x="1" y="4"/>
                  </a:cxn>
                  <a:cxn ang="0">
                    <a:pos x="0" y="8"/>
                  </a:cxn>
                  <a:cxn ang="0">
                    <a:pos x="0" y="13"/>
                  </a:cxn>
                  <a:cxn ang="0">
                    <a:pos x="1" y="19"/>
                  </a:cxn>
                  <a:cxn ang="0">
                    <a:pos x="5" y="29"/>
                  </a:cxn>
                  <a:cxn ang="0">
                    <a:pos x="10" y="35"/>
                  </a:cxn>
                  <a:cxn ang="0">
                    <a:pos x="22" y="47"/>
                  </a:cxn>
                  <a:cxn ang="0">
                    <a:pos x="37" y="57"/>
                  </a:cxn>
                  <a:cxn ang="0">
                    <a:pos x="44" y="64"/>
                  </a:cxn>
                  <a:cxn ang="0">
                    <a:pos x="50" y="70"/>
                  </a:cxn>
                  <a:cxn ang="0">
                    <a:pos x="54" y="77"/>
                  </a:cxn>
                  <a:cxn ang="0">
                    <a:pos x="57" y="85"/>
                  </a:cxn>
                  <a:cxn ang="0">
                    <a:pos x="57" y="101"/>
                  </a:cxn>
                  <a:cxn ang="0">
                    <a:pos x="59" y="121"/>
                  </a:cxn>
                  <a:cxn ang="0">
                    <a:pos x="62" y="130"/>
                  </a:cxn>
                  <a:cxn ang="0">
                    <a:pos x="67" y="136"/>
                  </a:cxn>
                  <a:cxn ang="0">
                    <a:pos x="70" y="140"/>
                  </a:cxn>
                  <a:cxn ang="0">
                    <a:pos x="72" y="143"/>
                  </a:cxn>
                  <a:cxn ang="0">
                    <a:pos x="76" y="144"/>
                  </a:cxn>
                  <a:cxn ang="0">
                    <a:pos x="80" y="146"/>
                  </a:cxn>
                  <a:cxn ang="0">
                    <a:pos x="87" y="146"/>
                  </a:cxn>
                  <a:cxn ang="0">
                    <a:pos x="92" y="144"/>
                  </a:cxn>
                  <a:cxn ang="0">
                    <a:pos x="98" y="143"/>
                  </a:cxn>
                  <a:cxn ang="0">
                    <a:pos x="103" y="140"/>
                  </a:cxn>
                  <a:cxn ang="0">
                    <a:pos x="109" y="138"/>
                  </a:cxn>
                  <a:cxn ang="0">
                    <a:pos x="112" y="134"/>
                  </a:cxn>
                  <a:cxn ang="0">
                    <a:pos x="115" y="129"/>
                  </a:cxn>
                  <a:cxn ang="0">
                    <a:pos x="116" y="123"/>
                  </a:cxn>
                  <a:cxn ang="0">
                    <a:pos x="116" y="117"/>
                  </a:cxn>
                  <a:cxn ang="0">
                    <a:pos x="114" y="112"/>
                  </a:cxn>
                  <a:cxn ang="0">
                    <a:pos x="109" y="107"/>
                  </a:cxn>
                  <a:cxn ang="0">
                    <a:pos x="103" y="103"/>
                  </a:cxn>
                  <a:cxn ang="0">
                    <a:pos x="90" y="95"/>
                  </a:cxn>
                  <a:cxn ang="0">
                    <a:pos x="79" y="90"/>
                  </a:cxn>
                  <a:cxn ang="0">
                    <a:pos x="70" y="73"/>
                  </a:cxn>
                </a:cxnLst>
                <a:rect l="0" t="0" r="r" b="b"/>
                <a:pathLst>
                  <a:path w="116" h="146">
                    <a:moveTo>
                      <a:pt x="70" y="73"/>
                    </a:moveTo>
                    <a:lnTo>
                      <a:pt x="66" y="65"/>
                    </a:lnTo>
                    <a:lnTo>
                      <a:pt x="63" y="57"/>
                    </a:lnTo>
                    <a:lnTo>
                      <a:pt x="52" y="43"/>
                    </a:lnTo>
                    <a:lnTo>
                      <a:pt x="35" y="24"/>
                    </a:lnTo>
                    <a:lnTo>
                      <a:pt x="26" y="13"/>
                    </a:lnTo>
                    <a:lnTo>
                      <a:pt x="18" y="6"/>
                    </a:lnTo>
                    <a:lnTo>
                      <a:pt x="14" y="3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5" y="2"/>
                    </a:lnTo>
                    <a:lnTo>
                      <a:pt x="1" y="4"/>
                    </a:lnTo>
                    <a:lnTo>
                      <a:pt x="0" y="8"/>
                    </a:lnTo>
                    <a:lnTo>
                      <a:pt x="0" y="13"/>
                    </a:lnTo>
                    <a:lnTo>
                      <a:pt x="1" y="19"/>
                    </a:lnTo>
                    <a:lnTo>
                      <a:pt x="5" y="29"/>
                    </a:lnTo>
                    <a:lnTo>
                      <a:pt x="10" y="35"/>
                    </a:lnTo>
                    <a:lnTo>
                      <a:pt x="22" y="47"/>
                    </a:lnTo>
                    <a:lnTo>
                      <a:pt x="37" y="57"/>
                    </a:lnTo>
                    <a:lnTo>
                      <a:pt x="44" y="64"/>
                    </a:lnTo>
                    <a:lnTo>
                      <a:pt x="50" y="70"/>
                    </a:lnTo>
                    <a:lnTo>
                      <a:pt x="54" y="77"/>
                    </a:lnTo>
                    <a:lnTo>
                      <a:pt x="57" y="85"/>
                    </a:lnTo>
                    <a:lnTo>
                      <a:pt x="57" y="101"/>
                    </a:lnTo>
                    <a:lnTo>
                      <a:pt x="59" y="121"/>
                    </a:lnTo>
                    <a:lnTo>
                      <a:pt x="62" y="130"/>
                    </a:lnTo>
                    <a:lnTo>
                      <a:pt x="67" y="136"/>
                    </a:lnTo>
                    <a:lnTo>
                      <a:pt x="70" y="140"/>
                    </a:lnTo>
                    <a:lnTo>
                      <a:pt x="72" y="143"/>
                    </a:lnTo>
                    <a:lnTo>
                      <a:pt x="76" y="144"/>
                    </a:lnTo>
                    <a:lnTo>
                      <a:pt x="80" y="146"/>
                    </a:lnTo>
                    <a:lnTo>
                      <a:pt x="87" y="146"/>
                    </a:lnTo>
                    <a:lnTo>
                      <a:pt x="92" y="144"/>
                    </a:lnTo>
                    <a:lnTo>
                      <a:pt x="98" y="143"/>
                    </a:lnTo>
                    <a:lnTo>
                      <a:pt x="103" y="140"/>
                    </a:lnTo>
                    <a:lnTo>
                      <a:pt x="109" y="138"/>
                    </a:lnTo>
                    <a:lnTo>
                      <a:pt x="112" y="134"/>
                    </a:lnTo>
                    <a:lnTo>
                      <a:pt x="115" y="129"/>
                    </a:lnTo>
                    <a:lnTo>
                      <a:pt x="116" y="123"/>
                    </a:lnTo>
                    <a:lnTo>
                      <a:pt x="116" y="117"/>
                    </a:lnTo>
                    <a:lnTo>
                      <a:pt x="114" y="112"/>
                    </a:lnTo>
                    <a:lnTo>
                      <a:pt x="109" y="107"/>
                    </a:lnTo>
                    <a:lnTo>
                      <a:pt x="103" y="103"/>
                    </a:lnTo>
                    <a:lnTo>
                      <a:pt x="90" y="95"/>
                    </a:lnTo>
                    <a:lnTo>
                      <a:pt x="79" y="90"/>
                    </a:lnTo>
                    <a:lnTo>
                      <a:pt x="70" y="73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3" name="Freeform 34">
                <a:extLst>
                  <a:ext uri="{FF2B5EF4-FFF2-40B4-BE49-F238E27FC236}">
                    <a16:creationId xmlns:a16="http://schemas.microsoft.com/office/drawing/2014/main" id="{F0E5B2A7-50E7-5F46-8AB5-7ADC41775B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94626" y="1815467"/>
                <a:ext cx="18217" cy="30708"/>
              </a:xfrm>
              <a:custGeom>
                <a:avLst/>
                <a:gdLst/>
                <a:ahLst/>
                <a:cxnLst>
                  <a:cxn ang="0">
                    <a:pos x="20" y="68"/>
                  </a:cxn>
                  <a:cxn ang="0">
                    <a:pos x="14" y="68"/>
                  </a:cxn>
                  <a:cxn ang="0">
                    <a:pos x="12" y="68"/>
                  </a:cxn>
                  <a:cxn ang="0">
                    <a:pos x="9" y="66"/>
                  </a:cxn>
                  <a:cxn ang="0">
                    <a:pos x="5" y="64"/>
                  </a:cxn>
                  <a:cxn ang="0">
                    <a:pos x="3" y="57"/>
                  </a:cxn>
                  <a:cxn ang="0">
                    <a:pos x="1" y="50"/>
                  </a:cxn>
                  <a:cxn ang="0">
                    <a:pos x="0" y="42"/>
                  </a:cxn>
                  <a:cxn ang="0">
                    <a:pos x="3" y="35"/>
                  </a:cxn>
                  <a:cxn ang="0">
                    <a:pos x="5" y="28"/>
                  </a:cxn>
                  <a:cxn ang="0">
                    <a:pos x="8" y="21"/>
                  </a:cxn>
                  <a:cxn ang="0">
                    <a:pos x="9" y="15"/>
                  </a:cxn>
                  <a:cxn ang="0">
                    <a:pos x="10" y="9"/>
                  </a:cxn>
                  <a:cxn ang="0">
                    <a:pos x="12" y="6"/>
                  </a:cxn>
                  <a:cxn ang="0">
                    <a:pos x="14" y="4"/>
                  </a:cxn>
                  <a:cxn ang="0">
                    <a:pos x="16" y="2"/>
                  </a:cxn>
                  <a:cxn ang="0">
                    <a:pos x="20" y="0"/>
                  </a:cxn>
                  <a:cxn ang="0">
                    <a:pos x="23" y="0"/>
                  </a:cxn>
                  <a:cxn ang="0">
                    <a:pos x="27" y="0"/>
                  </a:cxn>
                  <a:cxn ang="0">
                    <a:pos x="30" y="0"/>
                  </a:cxn>
                  <a:cxn ang="0">
                    <a:pos x="32" y="3"/>
                  </a:cxn>
                  <a:cxn ang="0">
                    <a:pos x="35" y="4"/>
                  </a:cxn>
                  <a:cxn ang="0">
                    <a:pos x="36" y="8"/>
                  </a:cxn>
                  <a:cxn ang="0">
                    <a:pos x="38" y="12"/>
                  </a:cxn>
                  <a:cxn ang="0">
                    <a:pos x="38" y="16"/>
                  </a:cxn>
                  <a:cxn ang="0">
                    <a:pos x="38" y="25"/>
                  </a:cxn>
                  <a:cxn ang="0">
                    <a:pos x="39" y="33"/>
                  </a:cxn>
                  <a:cxn ang="0">
                    <a:pos x="40" y="39"/>
                  </a:cxn>
                  <a:cxn ang="0">
                    <a:pos x="40" y="43"/>
                  </a:cxn>
                  <a:cxn ang="0">
                    <a:pos x="38" y="47"/>
                  </a:cxn>
                  <a:cxn ang="0">
                    <a:pos x="35" y="52"/>
                  </a:cxn>
                  <a:cxn ang="0">
                    <a:pos x="20" y="68"/>
                  </a:cxn>
                </a:cxnLst>
                <a:rect l="0" t="0" r="r" b="b"/>
                <a:pathLst>
                  <a:path w="40" h="68">
                    <a:moveTo>
                      <a:pt x="20" y="68"/>
                    </a:moveTo>
                    <a:lnTo>
                      <a:pt x="14" y="68"/>
                    </a:lnTo>
                    <a:lnTo>
                      <a:pt x="12" y="68"/>
                    </a:lnTo>
                    <a:lnTo>
                      <a:pt x="9" y="66"/>
                    </a:lnTo>
                    <a:lnTo>
                      <a:pt x="5" y="64"/>
                    </a:lnTo>
                    <a:lnTo>
                      <a:pt x="3" y="57"/>
                    </a:lnTo>
                    <a:lnTo>
                      <a:pt x="1" y="50"/>
                    </a:lnTo>
                    <a:lnTo>
                      <a:pt x="0" y="42"/>
                    </a:lnTo>
                    <a:lnTo>
                      <a:pt x="3" y="35"/>
                    </a:lnTo>
                    <a:lnTo>
                      <a:pt x="5" y="28"/>
                    </a:lnTo>
                    <a:lnTo>
                      <a:pt x="8" y="21"/>
                    </a:lnTo>
                    <a:lnTo>
                      <a:pt x="9" y="15"/>
                    </a:lnTo>
                    <a:lnTo>
                      <a:pt x="10" y="9"/>
                    </a:lnTo>
                    <a:lnTo>
                      <a:pt x="12" y="6"/>
                    </a:lnTo>
                    <a:lnTo>
                      <a:pt x="14" y="4"/>
                    </a:lnTo>
                    <a:lnTo>
                      <a:pt x="16" y="2"/>
                    </a:lnTo>
                    <a:lnTo>
                      <a:pt x="20" y="0"/>
                    </a:lnTo>
                    <a:lnTo>
                      <a:pt x="23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3"/>
                    </a:lnTo>
                    <a:lnTo>
                      <a:pt x="35" y="4"/>
                    </a:lnTo>
                    <a:lnTo>
                      <a:pt x="36" y="8"/>
                    </a:lnTo>
                    <a:lnTo>
                      <a:pt x="38" y="12"/>
                    </a:lnTo>
                    <a:lnTo>
                      <a:pt x="38" y="16"/>
                    </a:lnTo>
                    <a:lnTo>
                      <a:pt x="38" y="25"/>
                    </a:lnTo>
                    <a:lnTo>
                      <a:pt x="39" y="33"/>
                    </a:lnTo>
                    <a:lnTo>
                      <a:pt x="40" y="39"/>
                    </a:lnTo>
                    <a:lnTo>
                      <a:pt x="40" y="43"/>
                    </a:lnTo>
                    <a:lnTo>
                      <a:pt x="38" y="47"/>
                    </a:lnTo>
                    <a:lnTo>
                      <a:pt x="35" y="52"/>
                    </a:lnTo>
                    <a:lnTo>
                      <a:pt x="20" y="6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4" name="Freeform 35">
                <a:extLst>
                  <a:ext uri="{FF2B5EF4-FFF2-40B4-BE49-F238E27FC236}">
                    <a16:creationId xmlns:a16="http://schemas.microsoft.com/office/drawing/2014/main" id="{8D7607B8-C7DD-D84C-A3B1-8575EE2090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63658" y="1833530"/>
                <a:ext cx="21860" cy="30708"/>
              </a:xfrm>
              <a:custGeom>
                <a:avLst/>
                <a:gdLst/>
                <a:ahLst/>
                <a:cxnLst>
                  <a:cxn ang="0">
                    <a:pos x="44" y="31"/>
                  </a:cxn>
                  <a:cxn ang="0">
                    <a:pos x="36" y="22"/>
                  </a:cxn>
                  <a:cxn ang="0">
                    <a:pos x="29" y="11"/>
                  </a:cxn>
                  <a:cxn ang="0">
                    <a:pos x="23" y="7"/>
                  </a:cxn>
                  <a:cxn ang="0">
                    <a:pos x="17" y="1"/>
                  </a:cxn>
                  <a:cxn ang="0">
                    <a:pos x="13" y="0"/>
                  </a:cxn>
                  <a:cxn ang="0">
                    <a:pos x="9" y="0"/>
                  </a:cxn>
                  <a:cxn ang="0">
                    <a:pos x="6" y="1"/>
                  </a:cxn>
                  <a:cxn ang="0">
                    <a:pos x="4" y="5"/>
                  </a:cxn>
                  <a:cxn ang="0">
                    <a:pos x="1" y="17"/>
                  </a:cxn>
                  <a:cxn ang="0">
                    <a:pos x="0" y="30"/>
                  </a:cxn>
                  <a:cxn ang="0">
                    <a:pos x="3" y="36"/>
                  </a:cxn>
                  <a:cxn ang="0">
                    <a:pos x="4" y="43"/>
                  </a:cxn>
                  <a:cxn ang="0">
                    <a:pos x="5" y="49"/>
                  </a:cxn>
                  <a:cxn ang="0">
                    <a:pos x="6" y="57"/>
                  </a:cxn>
                  <a:cxn ang="0">
                    <a:pos x="8" y="61"/>
                  </a:cxn>
                  <a:cxn ang="0">
                    <a:pos x="9" y="64"/>
                  </a:cxn>
                  <a:cxn ang="0">
                    <a:pos x="12" y="66"/>
                  </a:cxn>
                  <a:cxn ang="0">
                    <a:pos x="14" y="69"/>
                  </a:cxn>
                  <a:cxn ang="0">
                    <a:pos x="19" y="71"/>
                  </a:cxn>
                  <a:cxn ang="0">
                    <a:pos x="25" y="71"/>
                  </a:cxn>
                  <a:cxn ang="0">
                    <a:pos x="29" y="70"/>
                  </a:cxn>
                  <a:cxn ang="0">
                    <a:pos x="34" y="68"/>
                  </a:cxn>
                  <a:cxn ang="0">
                    <a:pos x="38" y="64"/>
                  </a:cxn>
                  <a:cxn ang="0">
                    <a:pos x="40" y="60"/>
                  </a:cxn>
                  <a:cxn ang="0">
                    <a:pos x="43" y="55"/>
                  </a:cxn>
                  <a:cxn ang="0">
                    <a:pos x="45" y="51"/>
                  </a:cxn>
                  <a:cxn ang="0">
                    <a:pos x="44" y="31"/>
                  </a:cxn>
                </a:cxnLst>
                <a:rect l="0" t="0" r="r" b="b"/>
                <a:pathLst>
                  <a:path w="45" h="71">
                    <a:moveTo>
                      <a:pt x="44" y="31"/>
                    </a:moveTo>
                    <a:lnTo>
                      <a:pt x="36" y="22"/>
                    </a:lnTo>
                    <a:lnTo>
                      <a:pt x="29" y="11"/>
                    </a:lnTo>
                    <a:lnTo>
                      <a:pt x="23" y="7"/>
                    </a:lnTo>
                    <a:lnTo>
                      <a:pt x="17" y="1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6" y="1"/>
                    </a:lnTo>
                    <a:lnTo>
                      <a:pt x="4" y="5"/>
                    </a:lnTo>
                    <a:lnTo>
                      <a:pt x="1" y="17"/>
                    </a:lnTo>
                    <a:lnTo>
                      <a:pt x="0" y="30"/>
                    </a:lnTo>
                    <a:lnTo>
                      <a:pt x="3" y="36"/>
                    </a:lnTo>
                    <a:lnTo>
                      <a:pt x="4" y="43"/>
                    </a:lnTo>
                    <a:lnTo>
                      <a:pt x="5" y="49"/>
                    </a:lnTo>
                    <a:lnTo>
                      <a:pt x="6" y="57"/>
                    </a:lnTo>
                    <a:lnTo>
                      <a:pt x="8" y="61"/>
                    </a:lnTo>
                    <a:lnTo>
                      <a:pt x="9" y="64"/>
                    </a:lnTo>
                    <a:lnTo>
                      <a:pt x="12" y="66"/>
                    </a:lnTo>
                    <a:lnTo>
                      <a:pt x="14" y="69"/>
                    </a:lnTo>
                    <a:lnTo>
                      <a:pt x="19" y="71"/>
                    </a:lnTo>
                    <a:lnTo>
                      <a:pt x="25" y="71"/>
                    </a:lnTo>
                    <a:lnTo>
                      <a:pt x="29" y="70"/>
                    </a:lnTo>
                    <a:lnTo>
                      <a:pt x="34" y="68"/>
                    </a:lnTo>
                    <a:lnTo>
                      <a:pt x="38" y="64"/>
                    </a:lnTo>
                    <a:lnTo>
                      <a:pt x="40" y="60"/>
                    </a:lnTo>
                    <a:lnTo>
                      <a:pt x="43" y="55"/>
                    </a:lnTo>
                    <a:lnTo>
                      <a:pt x="45" y="51"/>
                    </a:lnTo>
                    <a:lnTo>
                      <a:pt x="44" y="3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5" name="Freeform 36">
                <a:extLst>
                  <a:ext uri="{FF2B5EF4-FFF2-40B4-BE49-F238E27FC236}">
                    <a16:creationId xmlns:a16="http://schemas.microsoft.com/office/drawing/2014/main" id="{5921F261-6C5A-314A-88C1-2D778F6C37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36332" y="1851593"/>
                <a:ext cx="18217" cy="25288"/>
              </a:xfrm>
              <a:custGeom>
                <a:avLst/>
                <a:gdLst/>
                <a:ahLst/>
                <a:cxnLst>
                  <a:cxn ang="0">
                    <a:pos x="39" y="28"/>
                  </a:cxn>
                  <a:cxn ang="0">
                    <a:pos x="34" y="18"/>
                  </a:cxn>
                  <a:cxn ang="0">
                    <a:pos x="28" y="9"/>
                  </a:cxn>
                  <a:cxn ang="0">
                    <a:pos x="25" y="6"/>
                  </a:cxn>
                  <a:cxn ang="0">
                    <a:pos x="20" y="3"/>
                  </a:cxn>
                  <a:cxn ang="0">
                    <a:pos x="16" y="0"/>
                  </a:cxn>
                  <a:cxn ang="0">
                    <a:pos x="11" y="0"/>
                  </a:cxn>
                  <a:cxn ang="0">
                    <a:pos x="8" y="0"/>
                  </a:cxn>
                  <a:cxn ang="0">
                    <a:pos x="6" y="2"/>
                  </a:cxn>
                  <a:cxn ang="0">
                    <a:pos x="4" y="3"/>
                  </a:cxn>
                  <a:cxn ang="0">
                    <a:pos x="3" y="6"/>
                  </a:cxn>
                  <a:cxn ang="0">
                    <a:pos x="3" y="11"/>
                  </a:cxn>
                  <a:cxn ang="0">
                    <a:pos x="2" y="15"/>
                  </a:cxn>
                  <a:cxn ang="0">
                    <a:pos x="2" y="22"/>
                  </a:cxn>
                  <a:cxn ang="0">
                    <a:pos x="2" y="30"/>
                  </a:cxn>
                  <a:cxn ang="0">
                    <a:pos x="0" y="38"/>
                  </a:cxn>
                  <a:cxn ang="0">
                    <a:pos x="0" y="44"/>
                  </a:cxn>
                  <a:cxn ang="0">
                    <a:pos x="0" y="47"/>
                  </a:cxn>
                  <a:cxn ang="0">
                    <a:pos x="0" y="51"/>
                  </a:cxn>
                  <a:cxn ang="0">
                    <a:pos x="2" y="53"/>
                  </a:cxn>
                  <a:cxn ang="0">
                    <a:pos x="3" y="57"/>
                  </a:cxn>
                  <a:cxn ang="0">
                    <a:pos x="7" y="60"/>
                  </a:cxn>
                  <a:cxn ang="0">
                    <a:pos x="11" y="60"/>
                  </a:cxn>
                  <a:cxn ang="0">
                    <a:pos x="15" y="60"/>
                  </a:cxn>
                  <a:cxn ang="0">
                    <a:pos x="19" y="57"/>
                  </a:cxn>
                  <a:cxn ang="0">
                    <a:pos x="28" y="52"/>
                  </a:cxn>
                  <a:cxn ang="0">
                    <a:pos x="34" y="46"/>
                  </a:cxn>
                  <a:cxn ang="0">
                    <a:pos x="39" y="28"/>
                  </a:cxn>
                </a:cxnLst>
                <a:rect l="0" t="0" r="r" b="b"/>
                <a:pathLst>
                  <a:path w="39" h="60">
                    <a:moveTo>
                      <a:pt x="39" y="28"/>
                    </a:moveTo>
                    <a:lnTo>
                      <a:pt x="34" y="18"/>
                    </a:lnTo>
                    <a:lnTo>
                      <a:pt x="28" y="9"/>
                    </a:lnTo>
                    <a:lnTo>
                      <a:pt x="25" y="6"/>
                    </a:lnTo>
                    <a:lnTo>
                      <a:pt x="20" y="3"/>
                    </a:lnTo>
                    <a:lnTo>
                      <a:pt x="16" y="0"/>
                    </a:lnTo>
                    <a:lnTo>
                      <a:pt x="11" y="0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3"/>
                    </a:lnTo>
                    <a:lnTo>
                      <a:pt x="3" y="6"/>
                    </a:lnTo>
                    <a:lnTo>
                      <a:pt x="3" y="11"/>
                    </a:lnTo>
                    <a:lnTo>
                      <a:pt x="2" y="15"/>
                    </a:lnTo>
                    <a:lnTo>
                      <a:pt x="2" y="22"/>
                    </a:lnTo>
                    <a:lnTo>
                      <a:pt x="2" y="30"/>
                    </a:lnTo>
                    <a:lnTo>
                      <a:pt x="0" y="38"/>
                    </a:lnTo>
                    <a:lnTo>
                      <a:pt x="0" y="44"/>
                    </a:lnTo>
                    <a:lnTo>
                      <a:pt x="0" y="47"/>
                    </a:lnTo>
                    <a:lnTo>
                      <a:pt x="0" y="51"/>
                    </a:lnTo>
                    <a:lnTo>
                      <a:pt x="2" y="53"/>
                    </a:lnTo>
                    <a:lnTo>
                      <a:pt x="3" y="57"/>
                    </a:lnTo>
                    <a:lnTo>
                      <a:pt x="7" y="60"/>
                    </a:lnTo>
                    <a:lnTo>
                      <a:pt x="11" y="60"/>
                    </a:lnTo>
                    <a:lnTo>
                      <a:pt x="15" y="60"/>
                    </a:lnTo>
                    <a:lnTo>
                      <a:pt x="19" y="57"/>
                    </a:lnTo>
                    <a:lnTo>
                      <a:pt x="28" y="52"/>
                    </a:lnTo>
                    <a:lnTo>
                      <a:pt x="34" y="46"/>
                    </a:lnTo>
                    <a:lnTo>
                      <a:pt x="39" y="2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6" name="Freeform 37">
                <a:extLst>
                  <a:ext uri="{FF2B5EF4-FFF2-40B4-BE49-F238E27FC236}">
                    <a16:creationId xmlns:a16="http://schemas.microsoft.com/office/drawing/2014/main" id="{53C68308-8888-6B49-949D-940C4FA539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29045" y="1959971"/>
                <a:ext cx="16396" cy="37933"/>
              </a:xfrm>
              <a:custGeom>
                <a:avLst/>
                <a:gdLst/>
                <a:ahLst/>
                <a:cxnLst>
                  <a:cxn ang="0">
                    <a:pos x="0" y="55"/>
                  </a:cxn>
                  <a:cxn ang="0">
                    <a:pos x="1" y="42"/>
                  </a:cxn>
                  <a:cxn ang="0">
                    <a:pos x="5" y="31"/>
                  </a:cxn>
                  <a:cxn ang="0">
                    <a:pos x="7" y="23"/>
                  </a:cxn>
                  <a:cxn ang="0">
                    <a:pos x="13" y="13"/>
                  </a:cxn>
                  <a:cxn ang="0">
                    <a:pos x="15" y="7"/>
                  </a:cxn>
                  <a:cxn ang="0">
                    <a:pos x="19" y="3"/>
                  </a:cxn>
                  <a:cxn ang="0">
                    <a:pos x="22" y="1"/>
                  </a:cxn>
                  <a:cxn ang="0">
                    <a:pos x="24" y="0"/>
                  </a:cxn>
                  <a:cxn ang="0">
                    <a:pos x="28" y="0"/>
                  </a:cxn>
                  <a:cxn ang="0">
                    <a:pos x="31" y="1"/>
                  </a:cxn>
                  <a:cxn ang="0">
                    <a:pos x="32" y="2"/>
                  </a:cxn>
                  <a:cxn ang="0">
                    <a:pos x="33" y="5"/>
                  </a:cxn>
                  <a:cxn ang="0">
                    <a:pos x="35" y="10"/>
                  </a:cxn>
                  <a:cxn ang="0">
                    <a:pos x="35" y="16"/>
                  </a:cxn>
                  <a:cxn ang="0">
                    <a:pos x="29" y="29"/>
                  </a:cxn>
                  <a:cxn ang="0">
                    <a:pos x="24" y="42"/>
                  </a:cxn>
                  <a:cxn ang="0">
                    <a:pos x="24" y="55"/>
                  </a:cxn>
                  <a:cxn ang="0">
                    <a:pos x="24" y="67"/>
                  </a:cxn>
                  <a:cxn ang="0">
                    <a:pos x="23" y="71"/>
                  </a:cxn>
                  <a:cxn ang="0">
                    <a:pos x="20" y="75"/>
                  </a:cxn>
                  <a:cxn ang="0">
                    <a:pos x="18" y="79"/>
                  </a:cxn>
                  <a:cxn ang="0">
                    <a:pos x="14" y="81"/>
                  </a:cxn>
                  <a:cxn ang="0">
                    <a:pos x="10" y="83"/>
                  </a:cxn>
                  <a:cxn ang="0">
                    <a:pos x="6" y="83"/>
                  </a:cxn>
                  <a:cxn ang="0">
                    <a:pos x="3" y="80"/>
                  </a:cxn>
                  <a:cxn ang="0">
                    <a:pos x="1" y="76"/>
                  </a:cxn>
                  <a:cxn ang="0">
                    <a:pos x="0" y="55"/>
                  </a:cxn>
                </a:cxnLst>
                <a:rect l="0" t="0" r="r" b="b"/>
                <a:pathLst>
                  <a:path w="35" h="83">
                    <a:moveTo>
                      <a:pt x="0" y="55"/>
                    </a:moveTo>
                    <a:lnTo>
                      <a:pt x="1" y="42"/>
                    </a:lnTo>
                    <a:lnTo>
                      <a:pt x="5" y="31"/>
                    </a:lnTo>
                    <a:lnTo>
                      <a:pt x="7" y="23"/>
                    </a:lnTo>
                    <a:lnTo>
                      <a:pt x="13" y="13"/>
                    </a:lnTo>
                    <a:lnTo>
                      <a:pt x="15" y="7"/>
                    </a:lnTo>
                    <a:lnTo>
                      <a:pt x="19" y="3"/>
                    </a:lnTo>
                    <a:lnTo>
                      <a:pt x="22" y="1"/>
                    </a:lnTo>
                    <a:lnTo>
                      <a:pt x="24" y="0"/>
                    </a:lnTo>
                    <a:lnTo>
                      <a:pt x="28" y="0"/>
                    </a:lnTo>
                    <a:lnTo>
                      <a:pt x="31" y="1"/>
                    </a:lnTo>
                    <a:lnTo>
                      <a:pt x="32" y="2"/>
                    </a:lnTo>
                    <a:lnTo>
                      <a:pt x="33" y="5"/>
                    </a:lnTo>
                    <a:lnTo>
                      <a:pt x="35" y="10"/>
                    </a:lnTo>
                    <a:lnTo>
                      <a:pt x="35" y="16"/>
                    </a:lnTo>
                    <a:lnTo>
                      <a:pt x="29" y="29"/>
                    </a:lnTo>
                    <a:lnTo>
                      <a:pt x="24" y="42"/>
                    </a:lnTo>
                    <a:lnTo>
                      <a:pt x="24" y="55"/>
                    </a:lnTo>
                    <a:lnTo>
                      <a:pt x="24" y="67"/>
                    </a:lnTo>
                    <a:lnTo>
                      <a:pt x="23" y="71"/>
                    </a:lnTo>
                    <a:lnTo>
                      <a:pt x="20" y="75"/>
                    </a:lnTo>
                    <a:lnTo>
                      <a:pt x="18" y="79"/>
                    </a:lnTo>
                    <a:lnTo>
                      <a:pt x="14" y="81"/>
                    </a:lnTo>
                    <a:lnTo>
                      <a:pt x="10" y="83"/>
                    </a:lnTo>
                    <a:lnTo>
                      <a:pt x="6" y="83"/>
                    </a:lnTo>
                    <a:lnTo>
                      <a:pt x="3" y="80"/>
                    </a:lnTo>
                    <a:lnTo>
                      <a:pt x="1" y="76"/>
                    </a:lnTo>
                    <a:lnTo>
                      <a:pt x="0" y="55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7" name="Freeform 38">
                <a:extLst>
                  <a:ext uri="{FF2B5EF4-FFF2-40B4-BE49-F238E27FC236}">
                    <a16:creationId xmlns:a16="http://schemas.microsoft.com/office/drawing/2014/main" id="{8B48BE31-FD07-5743-873B-4483901399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49085" y="-381000"/>
                <a:ext cx="2366377" cy="2651655"/>
              </a:xfrm>
              <a:custGeom>
                <a:avLst/>
                <a:gdLst/>
                <a:ahLst/>
                <a:cxnLst>
                  <a:cxn ang="0">
                    <a:pos x="1262" y="5155"/>
                  </a:cxn>
                  <a:cxn ang="0">
                    <a:pos x="1023" y="5499"/>
                  </a:cxn>
                  <a:cxn ang="0">
                    <a:pos x="729" y="5726"/>
                  </a:cxn>
                  <a:cxn ang="0">
                    <a:pos x="189" y="5817"/>
                  </a:cxn>
                  <a:cxn ang="0">
                    <a:pos x="135" y="5424"/>
                  </a:cxn>
                  <a:cxn ang="0">
                    <a:pos x="161" y="5138"/>
                  </a:cxn>
                  <a:cxn ang="0">
                    <a:pos x="70" y="5103"/>
                  </a:cxn>
                  <a:cxn ang="0">
                    <a:pos x="343" y="4777"/>
                  </a:cxn>
                  <a:cxn ang="0">
                    <a:pos x="194" y="4891"/>
                  </a:cxn>
                  <a:cxn ang="0">
                    <a:pos x="268" y="4626"/>
                  </a:cxn>
                  <a:cxn ang="0">
                    <a:pos x="387" y="4455"/>
                  </a:cxn>
                  <a:cxn ang="0">
                    <a:pos x="692" y="4389"/>
                  </a:cxn>
                  <a:cxn ang="0">
                    <a:pos x="483" y="4349"/>
                  </a:cxn>
                  <a:cxn ang="0">
                    <a:pos x="241" y="4232"/>
                  </a:cxn>
                  <a:cxn ang="0">
                    <a:pos x="420" y="4080"/>
                  </a:cxn>
                  <a:cxn ang="0">
                    <a:pos x="337" y="3933"/>
                  </a:cxn>
                  <a:cxn ang="0">
                    <a:pos x="532" y="3879"/>
                  </a:cxn>
                  <a:cxn ang="0">
                    <a:pos x="635" y="3845"/>
                  </a:cxn>
                  <a:cxn ang="0">
                    <a:pos x="764" y="3817"/>
                  </a:cxn>
                  <a:cxn ang="0">
                    <a:pos x="709" y="3681"/>
                  </a:cxn>
                  <a:cxn ang="0">
                    <a:pos x="969" y="3651"/>
                  </a:cxn>
                  <a:cxn ang="0">
                    <a:pos x="1108" y="3565"/>
                  </a:cxn>
                  <a:cxn ang="0">
                    <a:pos x="1311" y="3423"/>
                  </a:cxn>
                  <a:cxn ang="0">
                    <a:pos x="1510" y="3436"/>
                  </a:cxn>
                  <a:cxn ang="0">
                    <a:pos x="1586" y="3337"/>
                  </a:cxn>
                  <a:cxn ang="0">
                    <a:pos x="1361" y="3266"/>
                  </a:cxn>
                  <a:cxn ang="0">
                    <a:pos x="1748" y="3051"/>
                  </a:cxn>
                  <a:cxn ang="0">
                    <a:pos x="1926" y="2797"/>
                  </a:cxn>
                  <a:cxn ang="0">
                    <a:pos x="1979" y="2677"/>
                  </a:cxn>
                  <a:cxn ang="0">
                    <a:pos x="2071" y="2387"/>
                  </a:cxn>
                  <a:cxn ang="0">
                    <a:pos x="2267" y="2267"/>
                  </a:cxn>
                  <a:cxn ang="0">
                    <a:pos x="2275" y="2045"/>
                  </a:cxn>
                  <a:cxn ang="0">
                    <a:pos x="2547" y="1853"/>
                  </a:cxn>
                  <a:cxn ang="0">
                    <a:pos x="2529" y="1739"/>
                  </a:cxn>
                  <a:cxn ang="0">
                    <a:pos x="2679" y="1665"/>
                  </a:cxn>
                  <a:cxn ang="0">
                    <a:pos x="2540" y="1560"/>
                  </a:cxn>
                  <a:cxn ang="0">
                    <a:pos x="2748" y="1436"/>
                  </a:cxn>
                  <a:cxn ang="0">
                    <a:pos x="2981" y="1371"/>
                  </a:cxn>
                  <a:cxn ang="0">
                    <a:pos x="3031" y="1098"/>
                  </a:cxn>
                  <a:cxn ang="0">
                    <a:pos x="3231" y="841"/>
                  </a:cxn>
                  <a:cxn ang="0">
                    <a:pos x="3315" y="781"/>
                  </a:cxn>
                  <a:cxn ang="0">
                    <a:pos x="3467" y="810"/>
                  </a:cxn>
                  <a:cxn ang="0">
                    <a:pos x="3730" y="630"/>
                  </a:cxn>
                  <a:cxn ang="0">
                    <a:pos x="3849" y="464"/>
                  </a:cxn>
                  <a:cxn ang="0">
                    <a:pos x="3978" y="482"/>
                  </a:cxn>
                  <a:cxn ang="0">
                    <a:pos x="4074" y="173"/>
                  </a:cxn>
                  <a:cxn ang="0">
                    <a:pos x="4269" y="498"/>
                  </a:cxn>
                  <a:cxn ang="0">
                    <a:pos x="4478" y="345"/>
                  </a:cxn>
                  <a:cxn ang="0">
                    <a:pos x="4570" y="101"/>
                  </a:cxn>
                  <a:cxn ang="0">
                    <a:pos x="4708" y="142"/>
                  </a:cxn>
                  <a:cxn ang="0">
                    <a:pos x="4684" y="239"/>
                  </a:cxn>
                  <a:cxn ang="0">
                    <a:pos x="4858" y="182"/>
                  </a:cxn>
                  <a:cxn ang="0">
                    <a:pos x="4805" y="450"/>
                  </a:cxn>
                  <a:cxn ang="0">
                    <a:pos x="5096" y="643"/>
                  </a:cxn>
                  <a:cxn ang="0">
                    <a:pos x="5067" y="871"/>
                  </a:cxn>
                  <a:cxn ang="0">
                    <a:pos x="4714" y="573"/>
                  </a:cxn>
                  <a:cxn ang="0">
                    <a:pos x="4401" y="1056"/>
                  </a:cxn>
                  <a:cxn ang="0">
                    <a:pos x="3656" y="873"/>
                  </a:cxn>
                  <a:cxn ang="0">
                    <a:pos x="3066" y="1503"/>
                  </a:cxn>
                  <a:cxn ang="0">
                    <a:pos x="2566" y="2140"/>
                  </a:cxn>
                  <a:cxn ang="0">
                    <a:pos x="2083" y="3271"/>
                  </a:cxn>
                  <a:cxn ang="0">
                    <a:pos x="1810" y="4383"/>
                  </a:cxn>
                  <a:cxn ang="0">
                    <a:pos x="1564" y="5231"/>
                  </a:cxn>
                </a:cxnLst>
                <a:rect l="0" t="0" r="r" b="b"/>
                <a:pathLst>
                  <a:path w="5194" h="5872">
                    <a:moveTo>
                      <a:pt x="1412" y="5521"/>
                    </a:moveTo>
                    <a:lnTo>
                      <a:pt x="1416" y="5520"/>
                    </a:lnTo>
                    <a:lnTo>
                      <a:pt x="1418" y="5519"/>
                    </a:lnTo>
                    <a:lnTo>
                      <a:pt x="1421" y="5516"/>
                    </a:lnTo>
                    <a:lnTo>
                      <a:pt x="1422" y="5514"/>
                    </a:lnTo>
                    <a:lnTo>
                      <a:pt x="1422" y="5508"/>
                    </a:lnTo>
                    <a:lnTo>
                      <a:pt x="1420" y="5503"/>
                    </a:lnTo>
                    <a:lnTo>
                      <a:pt x="1416" y="5498"/>
                    </a:lnTo>
                    <a:lnTo>
                      <a:pt x="1409" y="5492"/>
                    </a:lnTo>
                    <a:lnTo>
                      <a:pt x="1398" y="5483"/>
                    </a:lnTo>
                    <a:lnTo>
                      <a:pt x="1387" y="5477"/>
                    </a:lnTo>
                    <a:lnTo>
                      <a:pt x="1378" y="5475"/>
                    </a:lnTo>
                    <a:lnTo>
                      <a:pt x="1368" y="5472"/>
                    </a:lnTo>
                    <a:lnTo>
                      <a:pt x="1363" y="5471"/>
                    </a:lnTo>
                    <a:lnTo>
                      <a:pt x="1359" y="5470"/>
                    </a:lnTo>
                    <a:lnTo>
                      <a:pt x="1355" y="5467"/>
                    </a:lnTo>
                    <a:lnTo>
                      <a:pt x="1352" y="5463"/>
                    </a:lnTo>
                    <a:lnTo>
                      <a:pt x="1346" y="5453"/>
                    </a:lnTo>
                    <a:lnTo>
                      <a:pt x="1341" y="5448"/>
                    </a:lnTo>
                    <a:lnTo>
                      <a:pt x="1338" y="5445"/>
                    </a:lnTo>
                    <a:lnTo>
                      <a:pt x="1334" y="5444"/>
                    </a:lnTo>
                    <a:lnTo>
                      <a:pt x="1329" y="5442"/>
                    </a:lnTo>
                    <a:lnTo>
                      <a:pt x="1323" y="5442"/>
                    </a:lnTo>
                    <a:lnTo>
                      <a:pt x="1299" y="5444"/>
                    </a:lnTo>
                    <a:lnTo>
                      <a:pt x="1285" y="5444"/>
                    </a:lnTo>
                    <a:lnTo>
                      <a:pt x="1284" y="5442"/>
                    </a:lnTo>
                    <a:lnTo>
                      <a:pt x="1282" y="5441"/>
                    </a:lnTo>
                    <a:lnTo>
                      <a:pt x="1281" y="5437"/>
                    </a:lnTo>
                    <a:lnTo>
                      <a:pt x="1281" y="5435"/>
                    </a:lnTo>
                    <a:lnTo>
                      <a:pt x="1282" y="5424"/>
                    </a:lnTo>
                    <a:lnTo>
                      <a:pt x="1289" y="5409"/>
                    </a:lnTo>
                    <a:lnTo>
                      <a:pt x="1289" y="5405"/>
                    </a:lnTo>
                    <a:lnTo>
                      <a:pt x="1289" y="5401"/>
                    </a:lnTo>
                    <a:lnTo>
                      <a:pt x="1288" y="5398"/>
                    </a:lnTo>
                    <a:lnTo>
                      <a:pt x="1285" y="5396"/>
                    </a:lnTo>
                    <a:lnTo>
                      <a:pt x="1280" y="5391"/>
                    </a:lnTo>
                    <a:lnTo>
                      <a:pt x="1275" y="5384"/>
                    </a:lnTo>
                    <a:lnTo>
                      <a:pt x="1273" y="5378"/>
                    </a:lnTo>
                    <a:lnTo>
                      <a:pt x="1272" y="5367"/>
                    </a:lnTo>
                    <a:lnTo>
                      <a:pt x="1272" y="5354"/>
                    </a:lnTo>
                    <a:lnTo>
                      <a:pt x="1272" y="5340"/>
                    </a:lnTo>
                    <a:lnTo>
                      <a:pt x="1272" y="5313"/>
                    </a:lnTo>
                    <a:lnTo>
                      <a:pt x="1272" y="5292"/>
                    </a:lnTo>
                    <a:lnTo>
                      <a:pt x="1273" y="5274"/>
                    </a:lnTo>
                    <a:lnTo>
                      <a:pt x="1275" y="5256"/>
                    </a:lnTo>
                    <a:lnTo>
                      <a:pt x="1276" y="5238"/>
                    </a:lnTo>
                    <a:lnTo>
                      <a:pt x="1277" y="5220"/>
                    </a:lnTo>
                    <a:lnTo>
                      <a:pt x="1279" y="5208"/>
                    </a:lnTo>
                    <a:lnTo>
                      <a:pt x="1281" y="5199"/>
                    </a:lnTo>
                    <a:lnTo>
                      <a:pt x="1284" y="5188"/>
                    </a:lnTo>
                    <a:lnTo>
                      <a:pt x="1288" y="5179"/>
                    </a:lnTo>
                    <a:lnTo>
                      <a:pt x="1292" y="5169"/>
                    </a:lnTo>
                    <a:lnTo>
                      <a:pt x="1295" y="5160"/>
                    </a:lnTo>
                    <a:lnTo>
                      <a:pt x="1298" y="5152"/>
                    </a:lnTo>
                    <a:lnTo>
                      <a:pt x="1299" y="5143"/>
                    </a:lnTo>
                    <a:lnTo>
                      <a:pt x="1299" y="5141"/>
                    </a:lnTo>
                    <a:lnTo>
                      <a:pt x="1298" y="5138"/>
                    </a:lnTo>
                    <a:lnTo>
                      <a:pt x="1295" y="5137"/>
                    </a:lnTo>
                    <a:lnTo>
                      <a:pt x="1293" y="5137"/>
                    </a:lnTo>
                    <a:lnTo>
                      <a:pt x="1286" y="5137"/>
                    </a:lnTo>
                    <a:lnTo>
                      <a:pt x="1279" y="5141"/>
                    </a:lnTo>
                    <a:lnTo>
                      <a:pt x="1272" y="5144"/>
                    </a:lnTo>
                    <a:lnTo>
                      <a:pt x="1266" y="5151"/>
                    </a:lnTo>
                    <a:lnTo>
                      <a:pt x="1262" y="5155"/>
                    </a:lnTo>
                    <a:lnTo>
                      <a:pt x="1260" y="5159"/>
                    </a:lnTo>
                    <a:lnTo>
                      <a:pt x="1259" y="5163"/>
                    </a:lnTo>
                    <a:lnTo>
                      <a:pt x="1259" y="5166"/>
                    </a:lnTo>
                    <a:lnTo>
                      <a:pt x="1259" y="5187"/>
                    </a:lnTo>
                    <a:lnTo>
                      <a:pt x="1260" y="5217"/>
                    </a:lnTo>
                    <a:lnTo>
                      <a:pt x="1260" y="5233"/>
                    </a:lnTo>
                    <a:lnTo>
                      <a:pt x="1260" y="5245"/>
                    </a:lnTo>
                    <a:lnTo>
                      <a:pt x="1259" y="5257"/>
                    </a:lnTo>
                    <a:lnTo>
                      <a:pt x="1257" y="5264"/>
                    </a:lnTo>
                    <a:lnTo>
                      <a:pt x="1253" y="5268"/>
                    </a:lnTo>
                    <a:lnTo>
                      <a:pt x="1249" y="5271"/>
                    </a:lnTo>
                    <a:lnTo>
                      <a:pt x="1244" y="5275"/>
                    </a:lnTo>
                    <a:lnTo>
                      <a:pt x="1238" y="5277"/>
                    </a:lnTo>
                    <a:lnTo>
                      <a:pt x="1233" y="5278"/>
                    </a:lnTo>
                    <a:lnTo>
                      <a:pt x="1228" y="5277"/>
                    </a:lnTo>
                    <a:lnTo>
                      <a:pt x="1223" y="5274"/>
                    </a:lnTo>
                    <a:lnTo>
                      <a:pt x="1219" y="5270"/>
                    </a:lnTo>
                    <a:lnTo>
                      <a:pt x="1215" y="5261"/>
                    </a:lnTo>
                    <a:lnTo>
                      <a:pt x="1210" y="5245"/>
                    </a:lnTo>
                    <a:lnTo>
                      <a:pt x="1209" y="5238"/>
                    </a:lnTo>
                    <a:lnTo>
                      <a:pt x="1206" y="5231"/>
                    </a:lnTo>
                    <a:lnTo>
                      <a:pt x="1203" y="5227"/>
                    </a:lnTo>
                    <a:lnTo>
                      <a:pt x="1201" y="5226"/>
                    </a:lnTo>
                    <a:lnTo>
                      <a:pt x="1197" y="5239"/>
                    </a:lnTo>
                    <a:lnTo>
                      <a:pt x="1192" y="5251"/>
                    </a:lnTo>
                    <a:lnTo>
                      <a:pt x="1185" y="5264"/>
                    </a:lnTo>
                    <a:lnTo>
                      <a:pt x="1180" y="5277"/>
                    </a:lnTo>
                    <a:lnTo>
                      <a:pt x="1179" y="5282"/>
                    </a:lnTo>
                    <a:lnTo>
                      <a:pt x="1180" y="5288"/>
                    </a:lnTo>
                    <a:lnTo>
                      <a:pt x="1183" y="5295"/>
                    </a:lnTo>
                    <a:lnTo>
                      <a:pt x="1185" y="5302"/>
                    </a:lnTo>
                    <a:lnTo>
                      <a:pt x="1189" y="5310"/>
                    </a:lnTo>
                    <a:lnTo>
                      <a:pt x="1192" y="5318"/>
                    </a:lnTo>
                    <a:lnTo>
                      <a:pt x="1194" y="5326"/>
                    </a:lnTo>
                    <a:lnTo>
                      <a:pt x="1194" y="5334"/>
                    </a:lnTo>
                    <a:lnTo>
                      <a:pt x="1194" y="5350"/>
                    </a:lnTo>
                    <a:lnTo>
                      <a:pt x="1192" y="5365"/>
                    </a:lnTo>
                    <a:lnTo>
                      <a:pt x="1189" y="5378"/>
                    </a:lnTo>
                    <a:lnTo>
                      <a:pt x="1185" y="5388"/>
                    </a:lnTo>
                    <a:lnTo>
                      <a:pt x="1172" y="5407"/>
                    </a:lnTo>
                    <a:lnTo>
                      <a:pt x="1154" y="5431"/>
                    </a:lnTo>
                    <a:lnTo>
                      <a:pt x="1150" y="5439"/>
                    </a:lnTo>
                    <a:lnTo>
                      <a:pt x="1148" y="5446"/>
                    </a:lnTo>
                    <a:lnTo>
                      <a:pt x="1145" y="5454"/>
                    </a:lnTo>
                    <a:lnTo>
                      <a:pt x="1145" y="5462"/>
                    </a:lnTo>
                    <a:lnTo>
                      <a:pt x="1145" y="5477"/>
                    </a:lnTo>
                    <a:lnTo>
                      <a:pt x="1145" y="5493"/>
                    </a:lnTo>
                    <a:lnTo>
                      <a:pt x="1145" y="5501"/>
                    </a:lnTo>
                    <a:lnTo>
                      <a:pt x="1145" y="5507"/>
                    </a:lnTo>
                    <a:lnTo>
                      <a:pt x="1143" y="5512"/>
                    </a:lnTo>
                    <a:lnTo>
                      <a:pt x="1140" y="5516"/>
                    </a:lnTo>
                    <a:lnTo>
                      <a:pt x="1135" y="5520"/>
                    </a:lnTo>
                    <a:lnTo>
                      <a:pt x="1130" y="5523"/>
                    </a:lnTo>
                    <a:lnTo>
                      <a:pt x="1121" y="5523"/>
                    </a:lnTo>
                    <a:lnTo>
                      <a:pt x="1110" y="5523"/>
                    </a:lnTo>
                    <a:lnTo>
                      <a:pt x="1089" y="5521"/>
                    </a:lnTo>
                    <a:lnTo>
                      <a:pt x="1060" y="5521"/>
                    </a:lnTo>
                    <a:lnTo>
                      <a:pt x="1045" y="5520"/>
                    </a:lnTo>
                    <a:lnTo>
                      <a:pt x="1034" y="5519"/>
                    </a:lnTo>
                    <a:lnTo>
                      <a:pt x="1029" y="5518"/>
                    </a:lnTo>
                    <a:lnTo>
                      <a:pt x="1025" y="5516"/>
                    </a:lnTo>
                    <a:lnTo>
                      <a:pt x="1022" y="5514"/>
                    </a:lnTo>
                    <a:lnTo>
                      <a:pt x="1022" y="5511"/>
                    </a:lnTo>
                    <a:lnTo>
                      <a:pt x="1023" y="5499"/>
                    </a:lnTo>
                    <a:lnTo>
                      <a:pt x="1026" y="5485"/>
                    </a:lnTo>
                    <a:lnTo>
                      <a:pt x="1026" y="5480"/>
                    </a:lnTo>
                    <a:lnTo>
                      <a:pt x="1025" y="5473"/>
                    </a:lnTo>
                    <a:lnTo>
                      <a:pt x="1022" y="5468"/>
                    </a:lnTo>
                    <a:lnTo>
                      <a:pt x="1017" y="5463"/>
                    </a:lnTo>
                    <a:lnTo>
                      <a:pt x="1012" y="5462"/>
                    </a:lnTo>
                    <a:lnTo>
                      <a:pt x="1005" y="5462"/>
                    </a:lnTo>
                    <a:lnTo>
                      <a:pt x="997" y="5462"/>
                    </a:lnTo>
                    <a:lnTo>
                      <a:pt x="988" y="5463"/>
                    </a:lnTo>
                    <a:lnTo>
                      <a:pt x="972" y="5466"/>
                    </a:lnTo>
                    <a:lnTo>
                      <a:pt x="959" y="5468"/>
                    </a:lnTo>
                    <a:lnTo>
                      <a:pt x="962" y="5472"/>
                    </a:lnTo>
                    <a:lnTo>
                      <a:pt x="966" y="5477"/>
                    </a:lnTo>
                    <a:lnTo>
                      <a:pt x="969" y="5483"/>
                    </a:lnTo>
                    <a:lnTo>
                      <a:pt x="970" y="5488"/>
                    </a:lnTo>
                    <a:lnTo>
                      <a:pt x="972" y="5493"/>
                    </a:lnTo>
                    <a:lnTo>
                      <a:pt x="972" y="5499"/>
                    </a:lnTo>
                    <a:lnTo>
                      <a:pt x="970" y="5505"/>
                    </a:lnTo>
                    <a:lnTo>
                      <a:pt x="969" y="5511"/>
                    </a:lnTo>
                    <a:lnTo>
                      <a:pt x="966" y="5516"/>
                    </a:lnTo>
                    <a:lnTo>
                      <a:pt x="964" y="5523"/>
                    </a:lnTo>
                    <a:lnTo>
                      <a:pt x="961" y="5528"/>
                    </a:lnTo>
                    <a:lnTo>
                      <a:pt x="957" y="5532"/>
                    </a:lnTo>
                    <a:lnTo>
                      <a:pt x="952" y="5536"/>
                    </a:lnTo>
                    <a:lnTo>
                      <a:pt x="948" y="5540"/>
                    </a:lnTo>
                    <a:lnTo>
                      <a:pt x="943" y="5542"/>
                    </a:lnTo>
                    <a:lnTo>
                      <a:pt x="938" y="5543"/>
                    </a:lnTo>
                    <a:lnTo>
                      <a:pt x="929" y="5546"/>
                    </a:lnTo>
                    <a:lnTo>
                      <a:pt x="922" y="5550"/>
                    </a:lnTo>
                    <a:lnTo>
                      <a:pt x="917" y="5554"/>
                    </a:lnTo>
                    <a:lnTo>
                      <a:pt x="913" y="5558"/>
                    </a:lnTo>
                    <a:lnTo>
                      <a:pt x="908" y="5567"/>
                    </a:lnTo>
                    <a:lnTo>
                      <a:pt x="904" y="5576"/>
                    </a:lnTo>
                    <a:lnTo>
                      <a:pt x="902" y="5585"/>
                    </a:lnTo>
                    <a:lnTo>
                      <a:pt x="896" y="5594"/>
                    </a:lnTo>
                    <a:lnTo>
                      <a:pt x="893" y="5598"/>
                    </a:lnTo>
                    <a:lnTo>
                      <a:pt x="889" y="5600"/>
                    </a:lnTo>
                    <a:lnTo>
                      <a:pt x="882" y="5603"/>
                    </a:lnTo>
                    <a:lnTo>
                      <a:pt x="876" y="5604"/>
                    </a:lnTo>
                    <a:lnTo>
                      <a:pt x="859" y="5604"/>
                    </a:lnTo>
                    <a:lnTo>
                      <a:pt x="842" y="5604"/>
                    </a:lnTo>
                    <a:lnTo>
                      <a:pt x="838" y="5604"/>
                    </a:lnTo>
                    <a:lnTo>
                      <a:pt x="834" y="5604"/>
                    </a:lnTo>
                    <a:lnTo>
                      <a:pt x="833" y="5606"/>
                    </a:lnTo>
                    <a:lnTo>
                      <a:pt x="832" y="5608"/>
                    </a:lnTo>
                    <a:lnTo>
                      <a:pt x="830" y="5611"/>
                    </a:lnTo>
                    <a:lnTo>
                      <a:pt x="832" y="5613"/>
                    </a:lnTo>
                    <a:lnTo>
                      <a:pt x="834" y="5617"/>
                    </a:lnTo>
                    <a:lnTo>
                      <a:pt x="838" y="5622"/>
                    </a:lnTo>
                    <a:lnTo>
                      <a:pt x="842" y="5628"/>
                    </a:lnTo>
                    <a:lnTo>
                      <a:pt x="843" y="5633"/>
                    </a:lnTo>
                    <a:lnTo>
                      <a:pt x="843" y="5638"/>
                    </a:lnTo>
                    <a:lnTo>
                      <a:pt x="842" y="5642"/>
                    </a:lnTo>
                    <a:lnTo>
                      <a:pt x="839" y="5647"/>
                    </a:lnTo>
                    <a:lnTo>
                      <a:pt x="837" y="5651"/>
                    </a:lnTo>
                    <a:lnTo>
                      <a:pt x="832" y="5655"/>
                    </a:lnTo>
                    <a:lnTo>
                      <a:pt x="826" y="5660"/>
                    </a:lnTo>
                    <a:lnTo>
                      <a:pt x="802" y="5674"/>
                    </a:lnTo>
                    <a:lnTo>
                      <a:pt x="779" y="5685"/>
                    </a:lnTo>
                    <a:lnTo>
                      <a:pt x="771" y="5689"/>
                    </a:lnTo>
                    <a:lnTo>
                      <a:pt x="763" y="5695"/>
                    </a:lnTo>
                    <a:lnTo>
                      <a:pt x="755" y="5701"/>
                    </a:lnTo>
                    <a:lnTo>
                      <a:pt x="746" y="5709"/>
                    </a:lnTo>
                    <a:lnTo>
                      <a:pt x="729" y="5726"/>
                    </a:lnTo>
                    <a:lnTo>
                      <a:pt x="711" y="5744"/>
                    </a:lnTo>
                    <a:lnTo>
                      <a:pt x="693" y="5761"/>
                    </a:lnTo>
                    <a:lnTo>
                      <a:pt x="676" y="5777"/>
                    </a:lnTo>
                    <a:lnTo>
                      <a:pt x="668" y="5782"/>
                    </a:lnTo>
                    <a:lnTo>
                      <a:pt x="659" y="5786"/>
                    </a:lnTo>
                    <a:lnTo>
                      <a:pt x="653" y="5790"/>
                    </a:lnTo>
                    <a:lnTo>
                      <a:pt x="645" y="5790"/>
                    </a:lnTo>
                    <a:lnTo>
                      <a:pt x="632" y="5804"/>
                    </a:lnTo>
                    <a:lnTo>
                      <a:pt x="613" y="5822"/>
                    </a:lnTo>
                    <a:lnTo>
                      <a:pt x="593" y="5837"/>
                    </a:lnTo>
                    <a:lnTo>
                      <a:pt x="578" y="5849"/>
                    </a:lnTo>
                    <a:lnTo>
                      <a:pt x="574" y="5850"/>
                    </a:lnTo>
                    <a:lnTo>
                      <a:pt x="570" y="5852"/>
                    </a:lnTo>
                    <a:lnTo>
                      <a:pt x="566" y="5852"/>
                    </a:lnTo>
                    <a:lnTo>
                      <a:pt x="563" y="5850"/>
                    </a:lnTo>
                    <a:lnTo>
                      <a:pt x="557" y="5847"/>
                    </a:lnTo>
                    <a:lnTo>
                      <a:pt x="552" y="5841"/>
                    </a:lnTo>
                    <a:lnTo>
                      <a:pt x="544" y="5828"/>
                    </a:lnTo>
                    <a:lnTo>
                      <a:pt x="535" y="5819"/>
                    </a:lnTo>
                    <a:lnTo>
                      <a:pt x="527" y="5817"/>
                    </a:lnTo>
                    <a:lnTo>
                      <a:pt x="521" y="5815"/>
                    </a:lnTo>
                    <a:lnTo>
                      <a:pt x="513" y="5817"/>
                    </a:lnTo>
                    <a:lnTo>
                      <a:pt x="506" y="5819"/>
                    </a:lnTo>
                    <a:lnTo>
                      <a:pt x="491" y="5827"/>
                    </a:lnTo>
                    <a:lnTo>
                      <a:pt x="475" y="5837"/>
                    </a:lnTo>
                    <a:lnTo>
                      <a:pt x="461" y="5850"/>
                    </a:lnTo>
                    <a:lnTo>
                      <a:pt x="446" y="5861"/>
                    </a:lnTo>
                    <a:lnTo>
                      <a:pt x="438" y="5866"/>
                    </a:lnTo>
                    <a:lnTo>
                      <a:pt x="430" y="5870"/>
                    </a:lnTo>
                    <a:lnTo>
                      <a:pt x="422" y="5872"/>
                    </a:lnTo>
                    <a:lnTo>
                      <a:pt x="414" y="5872"/>
                    </a:lnTo>
                    <a:lnTo>
                      <a:pt x="404" y="5872"/>
                    </a:lnTo>
                    <a:lnTo>
                      <a:pt x="394" y="5869"/>
                    </a:lnTo>
                    <a:lnTo>
                      <a:pt x="385" y="5863"/>
                    </a:lnTo>
                    <a:lnTo>
                      <a:pt x="376" y="5858"/>
                    </a:lnTo>
                    <a:lnTo>
                      <a:pt x="367" y="5852"/>
                    </a:lnTo>
                    <a:lnTo>
                      <a:pt x="359" y="5848"/>
                    </a:lnTo>
                    <a:lnTo>
                      <a:pt x="355" y="5847"/>
                    </a:lnTo>
                    <a:lnTo>
                      <a:pt x="350" y="5845"/>
                    </a:lnTo>
                    <a:lnTo>
                      <a:pt x="346" y="5844"/>
                    </a:lnTo>
                    <a:lnTo>
                      <a:pt x="342" y="5845"/>
                    </a:lnTo>
                    <a:lnTo>
                      <a:pt x="329" y="5848"/>
                    </a:lnTo>
                    <a:lnTo>
                      <a:pt x="320" y="5849"/>
                    </a:lnTo>
                    <a:lnTo>
                      <a:pt x="316" y="5849"/>
                    </a:lnTo>
                    <a:lnTo>
                      <a:pt x="311" y="5847"/>
                    </a:lnTo>
                    <a:lnTo>
                      <a:pt x="306" y="5843"/>
                    </a:lnTo>
                    <a:lnTo>
                      <a:pt x="300" y="5837"/>
                    </a:lnTo>
                    <a:lnTo>
                      <a:pt x="293" y="5828"/>
                    </a:lnTo>
                    <a:lnTo>
                      <a:pt x="285" y="5818"/>
                    </a:lnTo>
                    <a:lnTo>
                      <a:pt x="281" y="5814"/>
                    </a:lnTo>
                    <a:lnTo>
                      <a:pt x="276" y="5810"/>
                    </a:lnTo>
                    <a:lnTo>
                      <a:pt x="272" y="5806"/>
                    </a:lnTo>
                    <a:lnTo>
                      <a:pt x="267" y="5804"/>
                    </a:lnTo>
                    <a:lnTo>
                      <a:pt x="255" y="5801"/>
                    </a:lnTo>
                    <a:lnTo>
                      <a:pt x="246" y="5801"/>
                    </a:lnTo>
                    <a:lnTo>
                      <a:pt x="238" y="5803"/>
                    </a:lnTo>
                    <a:lnTo>
                      <a:pt x="232" y="5806"/>
                    </a:lnTo>
                    <a:lnTo>
                      <a:pt x="224" y="5809"/>
                    </a:lnTo>
                    <a:lnTo>
                      <a:pt x="218" y="5813"/>
                    </a:lnTo>
                    <a:lnTo>
                      <a:pt x="210" y="5815"/>
                    </a:lnTo>
                    <a:lnTo>
                      <a:pt x="199" y="5818"/>
                    </a:lnTo>
                    <a:lnTo>
                      <a:pt x="196" y="5818"/>
                    </a:lnTo>
                    <a:lnTo>
                      <a:pt x="193" y="5818"/>
                    </a:lnTo>
                    <a:lnTo>
                      <a:pt x="189" y="5817"/>
                    </a:lnTo>
                    <a:lnTo>
                      <a:pt x="185" y="5814"/>
                    </a:lnTo>
                    <a:lnTo>
                      <a:pt x="180" y="5809"/>
                    </a:lnTo>
                    <a:lnTo>
                      <a:pt x="175" y="5801"/>
                    </a:lnTo>
                    <a:lnTo>
                      <a:pt x="172" y="5793"/>
                    </a:lnTo>
                    <a:lnTo>
                      <a:pt x="171" y="5786"/>
                    </a:lnTo>
                    <a:lnTo>
                      <a:pt x="172" y="5782"/>
                    </a:lnTo>
                    <a:lnTo>
                      <a:pt x="172" y="5778"/>
                    </a:lnTo>
                    <a:lnTo>
                      <a:pt x="175" y="5774"/>
                    </a:lnTo>
                    <a:lnTo>
                      <a:pt x="177" y="5771"/>
                    </a:lnTo>
                    <a:lnTo>
                      <a:pt x="184" y="5766"/>
                    </a:lnTo>
                    <a:lnTo>
                      <a:pt x="192" y="5762"/>
                    </a:lnTo>
                    <a:lnTo>
                      <a:pt x="199" y="5758"/>
                    </a:lnTo>
                    <a:lnTo>
                      <a:pt x="207" y="5756"/>
                    </a:lnTo>
                    <a:lnTo>
                      <a:pt x="223" y="5752"/>
                    </a:lnTo>
                    <a:lnTo>
                      <a:pt x="237" y="5744"/>
                    </a:lnTo>
                    <a:lnTo>
                      <a:pt x="241" y="5740"/>
                    </a:lnTo>
                    <a:lnTo>
                      <a:pt x="245" y="5738"/>
                    </a:lnTo>
                    <a:lnTo>
                      <a:pt x="246" y="5734"/>
                    </a:lnTo>
                    <a:lnTo>
                      <a:pt x="246" y="5731"/>
                    </a:lnTo>
                    <a:lnTo>
                      <a:pt x="245" y="5729"/>
                    </a:lnTo>
                    <a:lnTo>
                      <a:pt x="243" y="5726"/>
                    </a:lnTo>
                    <a:lnTo>
                      <a:pt x="240" y="5723"/>
                    </a:lnTo>
                    <a:lnTo>
                      <a:pt x="237" y="5721"/>
                    </a:lnTo>
                    <a:lnTo>
                      <a:pt x="219" y="5714"/>
                    </a:lnTo>
                    <a:lnTo>
                      <a:pt x="202" y="5711"/>
                    </a:lnTo>
                    <a:lnTo>
                      <a:pt x="192" y="5707"/>
                    </a:lnTo>
                    <a:lnTo>
                      <a:pt x="181" y="5701"/>
                    </a:lnTo>
                    <a:lnTo>
                      <a:pt x="170" y="5695"/>
                    </a:lnTo>
                    <a:lnTo>
                      <a:pt x="159" y="5687"/>
                    </a:lnTo>
                    <a:lnTo>
                      <a:pt x="140" y="5670"/>
                    </a:lnTo>
                    <a:lnTo>
                      <a:pt x="123" y="5654"/>
                    </a:lnTo>
                    <a:lnTo>
                      <a:pt x="111" y="5641"/>
                    </a:lnTo>
                    <a:lnTo>
                      <a:pt x="98" y="5629"/>
                    </a:lnTo>
                    <a:lnTo>
                      <a:pt x="84" y="5617"/>
                    </a:lnTo>
                    <a:lnTo>
                      <a:pt x="71" y="5606"/>
                    </a:lnTo>
                    <a:lnTo>
                      <a:pt x="57" y="5595"/>
                    </a:lnTo>
                    <a:lnTo>
                      <a:pt x="44" y="5584"/>
                    </a:lnTo>
                    <a:lnTo>
                      <a:pt x="31" y="5572"/>
                    </a:lnTo>
                    <a:lnTo>
                      <a:pt x="19" y="5559"/>
                    </a:lnTo>
                    <a:lnTo>
                      <a:pt x="14" y="5547"/>
                    </a:lnTo>
                    <a:lnTo>
                      <a:pt x="10" y="5536"/>
                    </a:lnTo>
                    <a:lnTo>
                      <a:pt x="8" y="5523"/>
                    </a:lnTo>
                    <a:lnTo>
                      <a:pt x="5" y="5510"/>
                    </a:lnTo>
                    <a:lnTo>
                      <a:pt x="1" y="5484"/>
                    </a:lnTo>
                    <a:lnTo>
                      <a:pt x="0" y="5458"/>
                    </a:lnTo>
                    <a:lnTo>
                      <a:pt x="0" y="5431"/>
                    </a:lnTo>
                    <a:lnTo>
                      <a:pt x="3" y="5404"/>
                    </a:lnTo>
                    <a:lnTo>
                      <a:pt x="6" y="5379"/>
                    </a:lnTo>
                    <a:lnTo>
                      <a:pt x="13" y="5354"/>
                    </a:lnTo>
                    <a:lnTo>
                      <a:pt x="17" y="5345"/>
                    </a:lnTo>
                    <a:lnTo>
                      <a:pt x="21" y="5340"/>
                    </a:lnTo>
                    <a:lnTo>
                      <a:pt x="26" y="5336"/>
                    </a:lnTo>
                    <a:lnTo>
                      <a:pt x="30" y="5335"/>
                    </a:lnTo>
                    <a:lnTo>
                      <a:pt x="36" y="5336"/>
                    </a:lnTo>
                    <a:lnTo>
                      <a:pt x="41" y="5339"/>
                    </a:lnTo>
                    <a:lnTo>
                      <a:pt x="47" y="5343"/>
                    </a:lnTo>
                    <a:lnTo>
                      <a:pt x="52" y="5347"/>
                    </a:lnTo>
                    <a:lnTo>
                      <a:pt x="72" y="5372"/>
                    </a:lnTo>
                    <a:lnTo>
                      <a:pt x="87" y="5389"/>
                    </a:lnTo>
                    <a:lnTo>
                      <a:pt x="106" y="5406"/>
                    </a:lnTo>
                    <a:lnTo>
                      <a:pt x="120" y="5418"/>
                    </a:lnTo>
                    <a:lnTo>
                      <a:pt x="126" y="5422"/>
                    </a:lnTo>
                    <a:lnTo>
                      <a:pt x="131" y="5424"/>
                    </a:lnTo>
                    <a:lnTo>
                      <a:pt x="135" y="5424"/>
                    </a:lnTo>
                    <a:lnTo>
                      <a:pt x="139" y="5424"/>
                    </a:lnTo>
                    <a:lnTo>
                      <a:pt x="140" y="5424"/>
                    </a:lnTo>
                    <a:lnTo>
                      <a:pt x="142" y="5422"/>
                    </a:lnTo>
                    <a:lnTo>
                      <a:pt x="144" y="5419"/>
                    </a:lnTo>
                    <a:lnTo>
                      <a:pt x="144" y="5415"/>
                    </a:lnTo>
                    <a:lnTo>
                      <a:pt x="145" y="5406"/>
                    </a:lnTo>
                    <a:lnTo>
                      <a:pt x="144" y="5393"/>
                    </a:lnTo>
                    <a:lnTo>
                      <a:pt x="141" y="5365"/>
                    </a:lnTo>
                    <a:lnTo>
                      <a:pt x="141" y="5332"/>
                    </a:lnTo>
                    <a:lnTo>
                      <a:pt x="144" y="5317"/>
                    </a:lnTo>
                    <a:lnTo>
                      <a:pt x="148" y="5302"/>
                    </a:lnTo>
                    <a:lnTo>
                      <a:pt x="151" y="5296"/>
                    </a:lnTo>
                    <a:lnTo>
                      <a:pt x="155" y="5290"/>
                    </a:lnTo>
                    <a:lnTo>
                      <a:pt x="161" y="5284"/>
                    </a:lnTo>
                    <a:lnTo>
                      <a:pt x="166" y="5279"/>
                    </a:lnTo>
                    <a:lnTo>
                      <a:pt x="177" y="5274"/>
                    </a:lnTo>
                    <a:lnTo>
                      <a:pt x="192" y="5266"/>
                    </a:lnTo>
                    <a:lnTo>
                      <a:pt x="197" y="5262"/>
                    </a:lnTo>
                    <a:lnTo>
                      <a:pt x="199" y="5257"/>
                    </a:lnTo>
                    <a:lnTo>
                      <a:pt x="201" y="5255"/>
                    </a:lnTo>
                    <a:lnTo>
                      <a:pt x="199" y="5252"/>
                    </a:lnTo>
                    <a:lnTo>
                      <a:pt x="197" y="5249"/>
                    </a:lnTo>
                    <a:lnTo>
                      <a:pt x="194" y="5247"/>
                    </a:lnTo>
                    <a:lnTo>
                      <a:pt x="185" y="5238"/>
                    </a:lnTo>
                    <a:lnTo>
                      <a:pt x="179" y="5230"/>
                    </a:lnTo>
                    <a:lnTo>
                      <a:pt x="176" y="5227"/>
                    </a:lnTo>
                    <a:lnTo>
                      <a:pt x="175" y="5223"/>
                    </a:lnTo>
                    <a:lnTo>
                      <a:pt x="175" y="5220"/>
                    </a:lnTo>
                    <a:lnTo>
                      <a:pt x="175" y="5217"/>
                    </a:lnTo>
                    <a:lnTo>
                      <a:pt x="177" y="5211"/>
                    </a:lnTo>
                    <a:lnTo>
                      <a:pt x="183" y="5203"/>
                    </a:lnTo>
                    <a:lnTo>
                      <a:pt x="190" y="5195"/>
                    </a:lnTo>
                    <a:lnTo>
                      <a:pt x="201" y="5187"/>
                    </a:lnTo>
                    <a:lnTo>
                      <a:pt x="218" y="5176"/>
                    </a:lnTo>
                    <a:lnTo>
                      <a:pt x="240" y="5160"/>
                    </a:lnTo>
                    <a:lnTo>
                      <a:pt x="250" y="5151"/>
                    </a:lnTo>
                    <a:lnTo>
                      <a:pt x="259" y="5143"/>
                    </a:lnTo>
                    <a:lnTo>
                      <a:pt x="263" y="5139"/>
                    </a:lnTo>
                    <a:lnTo>
                      <a:pt x="265" y="5135"/>
                    </a:lnTo>
                    <a:lnTo>
                      <a:pt x="267" y="5131"/>
                    </a:lnTo>
                    <a:lnTo>
                      <a:pt x="268" y="5129"/>
                    </a:lnTo>
                    <a:lnTo>
                      <a:pt x="251" y="5126"/>
                    </a:lnTo>
                    <a:lnTo>
                      <a:pt x="238" y="5122"/>
                    </a:lnTo>
                    <a:lnTo>
                      <a:pt x="236" y="5122"/>
                    </a:lnTo>
                    <a:lnTo>
                      <a:pt x="232" y="5124"/>
                    </a:lnTo>
                    <a:lnTo>
                      <a:pt x="229" y="5125"/>
                    </a:lnTo>
                    <a:lnTo>
                      <a:pt x="225" y="5128"/>
                    </a:lnTo>
                    <a:lnTo>
                      <a:pt x="218" y="5135"/>
                    </a:lnTo>
                    <a:lnTo>
                      <a:pt x="208" y="5148"/>
                    </a:lnTo>
                    <a:lnTo>
                      <a:pt x="203" y="5156"/>
                    </a:lnTo>
                    <a:lnTo>
                      <a:pt x="196" y="5165"/>
                    </a:lnTo>
                    <a:lnTo>
                      <a:pt x="185" y="5174"/>
                    </a:lnTo>
                    <a:lnTo>
                      <a:pt x="176" y="5181"/>
                    </a:lnTo>
                    <a:lnTo>
                      <a:pt x="171" y="5182"/>
                    </a:lnTo>
                    <a:lnTo>
                      <a:pt x="167" y="5183"/>
                    </a:lnTo>
                    <a:lnTo>
                      <a:pt x="163" y="5183"/>
                    </a:lnTo>
                    <a:lnTo>
                      <a:pt x="161" y="5181"/>
                    </a:lnTo>
                    <a:lnTo>
                      <a:pt x="159" y="5178"/>
                    </a:lnTo>
                    <a:lnTo>
                      <a:pt x="158" y="5173"/>
                    </a:lnTo>
                    <a:lnTo>
                      <a:pt x="159" y="5166"/>
                    </a:lnTo>
                    <a:lnTo>
                      <a:pt x="161" y="5157"/>
                    </a:lnTo>
                    <a:lnTo>
                      <a:pt x="163" y="5147"/>
                    </a:lnTo>
                    <a:lnTo>
                      <a:pt x="162" y="5141"/>
                    </a:lnTo>
                    <a:lnTo>
                      <a:pt x="161" y="5138"/>
                    </a:lnTo>
                    <a:lnTo>
                      <a:pt x="159" y="5137"/>
                    </a:lnTo>
                    <a:lnTo>
                      <a:pt x="158" y="5135"/>
                    </a:lnTo>
                    <a:lnTo>
                      <a:pt x="155" y="5135"/>
                    </a:lnTo>
                    <a:lnTo>
                      <a:pt x="150" y="5135"/>
                    </a:lnTo>
                    <a:lnTo>
                      <a:pt x="145" y="5139"/>
                    </a:lnTo>
                    <a:lnTo>
                      <a:pt x="140" y="5144"/>
                    </a:lnTo>
                    <a:lnTo>
                      <a:pt x="135" y="5152"/>
                    </a:lnTo>
                    <a:lnTo>
                      <a:pt x="127" y="5173"/>
                    </a:lnTo>
                    <a:lnTo>
                      <a:pt x="119" y="5194"/>
                    </a:lnTo>
                    <a:lnTo>
                      <a:pt x="117" y="5198"/>
                    </a:lnTo>
                    <a:lnTo>
                      <a:pt x="114" y="5200"/>
                    </a:lnTo>
                    <a:lnTo>
                      <a:pt x="113" y="5203"/>
                    </a:lnTo>
                    <a:lnTo>
                      <a:pt x="109" y="5203"/>
                    </a:lnTo>
                    <a:lnTo>
                      <a:pt x="106" y="5201"/>
                    </a:lnTo>
                    <a:lnTo>
                      <a:pt x="102" y="5200"/>
                    </a:lnTo>
                    <a:lnTo>
                      <a:pt x="98" y="5195"/>
                    </a:lnTo>
                    <a:lnTo>
                      <a:pt x="93" y="5190"/>
                    </a:lnTo>
                    <a:lnTo>
                      <a:pt x="85" y="5179"/>
                    </a:lnTo>
                    <a:lnTo>
                      <a:pt x="79" y="5173"/>
                    </a:lnTo>
                    <a:lnTo>
                      <a:pt x="74" y="5169"/>
                    </a:lnTo>
                    <a:lnTo>
                      <a:pt x="70" y="5169"/>
                    </a:lnTo>
                    <a:lnTo>
                      <a:pt x="66" y="5170"/>
                    </a:lnTo>
                    <a:lnTo>
                      <a:pt x="62" y="5173"/>
                    </a:lnTo>
                    <a:lnTo>
                      <a:pt x="60" y="5177"/>
                    </a:lnTo>
                    <a:lnTo>
                      <a:pt x="57" y="5182"/>
                    </a:lnTo>
                    <a:lnTo>
                      <a:pt x="52" y="5194"/>
                    </a:lnTo>
                    <a:lnTo>
                      <a:pt x="45" y="5204"/>
                    </a:lnTo>
                    <a:lnTo>
                      <a:pt x="40" y="5207"/>
                    </a:lnTo>
                    <a:lnTo>
                      <a:pt x="36" y="5208"/>
                    </a:lnTo>
                    <a:lnTo>
                      <a:pt x="30" y="5208"/>
                    </a:lnTo>
                    <a:lnTo>
                      <a:pt x="23" y="5205"/>
                    </a:lnTo>
                    <a:lnTo>
                      <a:pt x="18" y="5201"/>
                    </a:lnTo>
                    <a:lnTo>
                      <a:pt x="15" y="5195"/>
                    </a:lnTo>
                    <a:lnTo>
                      <a:pt x="12" y="5187"/>
                    </a:lnTo>
                    <a:lnTo>
                      <a:pt x="9" y="5178"/>
                    </a:lnTo>
                    <a:lnTo>
                      <a:pt x="6" y="5156"/>
                    </a:lnTo>
                    <a:lnTo>
                      <a:pt x="5" y="5131"/>
                    </a:lnTo>
                    <a:lnTo>
                      <a:pt x="5" y="5107"/>
                    </a:lnTo>
                    <a:lnTo>
                      <a:pt x="8" y="5084"/>
                    </a:lnTo>
                    <a:lnTo>
                      <a:pt x="9" y="5073"/>
                    </a:lnTo>
                    <a:lnTo>
                      <a:pt x="12" y="5064"/>
                    </a:lnTo>
                    <a:lnTo>
                      <a:pt x="14" y="5056"/>
                    </a:lnTo>
                    <a:lnTo>
                      <a:pt x="17" y="5051"/>
                    </a:lnTo>
                    <a:lnTo>
                      <a:pt x="21" y="5046"/>
                    </a:lnTo>
                    <a:lnTo>
                      <a:pt x="27" y="5042"/>
                    </a:lnTo>
                    <a:lnTo>
                      <a:pt x="34" y="5038"/>
                    </a:lnTo>
                    <a:lnTo>
                      <a:pt x="41" y="5034"/>
                    </a:lnTo>
                    <a:lnTo>
                      <a:pt x="58" y="5028"/>
                    </a:lnTo>
                    <a:lnTo>
                      <a:pt x="72" y="5020"/>
                    </a:lnTo>
                    <a:lnTo>
                      <a:pt x="75" y="5024"/>
                    </a:lnTo>
                    <a:lnTo>
                      <a:pt x="76" y="5029"/>
                    </a:lnTo>
                    <a:lnTo>
                      <a:pt x="76" y="5034"/>
                    </a:lnTo>
                    <a:lnTo>
                      <a:pt x="76" y="5040"/>
                    </a:lnTo>
                    <a:lnTo>
                      <a:pt x="72" y="5050"/>
                    </a:lnTo>
                    <a:lnTo>
                      <a:pt x="69" y="5060"/>
                    </a:lnTo>
                    <a:lnTo>
                      <a:pt x="63" y="5072"/>
                    </a:lnTo>
                    <a:lnTo>
                      <a:pt x="60" y="5081"/>
                    </a:lnTo>
                    <a:lnTo>
                      <a:pt x="58" y="5086"/>
                    </a:lnTo>
                    <a:lnTo>
                      <a:pt x="58" y="5090"/>
                    </a:lnTo>
                    <a:lnTo>
                      <a:pt x="58" y="5094"/>
                    </a:lnTo>
                    <a:lnTo>
                      <a:pt x="60" y="5098"/>
                    </a:lnTo>
                    <a:lnTo>
                      <a:pt x="63" y="5100"/>
                    </a:lnTo>
                    <a:lnTo>
                      <a:pt x="66" y="5103"/>
                    </a:lnTo>
                    <a:lnTo>
                      <a:pt x="70" y="5103"/>
                    </a:lnTo>
                    <a:lnTo>
                      <a:pt x="74" y="5103"/>
                    </a:lnTo>
                    <a:lnTo>
                      <a:pt x="80" y="5099"/>
                    </a:lnTo>
                    <a:lnTo>
                      <a:pt x="88" y="5091"/>
                    </a:lnTo>
                    <a:lnTo>
                      <a:pt x="101" y="5074"/>
                    </a:lnTo>
                    <a:lnTo>
                      <a:pt x="110" y="5062"/>
                    </a:lnTo>
                    <a:lnTo>
                      <a:pt x="115" y="5058"/>
                    </a:lnTo>
                    <a:lnTo>
                      <a:pt x="120" y="5056"/>
                    </a:lnTo>
                    <a:lnTo>
                      <a:pt x="126" y="5056"/>
                    </a:lnTo>
                    <a:lnTo>
                      <a:pt x="131" y="5056"/>
                    </a:lnTo>
                    <a:lnTo>
                      <a:pt x="136" y="5056"/>
                    </a:lnTo>
                    <a:lnTo>
                      <a:pt x="141" y="5056"/>
                    </a:lnTo>
                    <a:lnTo>
                      <a:pt x="145" y="5054"/>
                    </a:lnTo>
                    <a:lnTo>
                      <a:pt x="149" y="5049"/>
                    </a:lnTo>
                    <a:lnTo>
                      <a:pt x="153" y="5043"/>
                    </a:lnTo>
                    <a:lnTo>
                      <a:pt x="155" y="5038"/>
                    </a:lnTo>
                    <a:lnTo>
                      <a:pt x="159" y="5034"/>
                    </a:lnTo>
                    <a:lnTo>
                      <a:pt x="163" y="5032"/>
                    </a:lnTo>
                    <a:lnTo>
                      <a:pt x="171" y="5028"/>
                    </a:lnTo>
                    <a:lnTo>
                      <a:pt x="180" y="5027"/>
                    </a:lnTo>
                    <a:lnTo>
                      <a:pt x="188" y="5027"/>
                    </a:lnTo>
                    <a:lnTo>
                      <a:pt x="197" y="5025"/>
                    </a:lnTo>
                    <a:lnTo>
                      <a:pt x="206" y="5023"/>
                    </a:lnTo>
                    <a:lnTo>
                      <a:pt x="214" y="5019"/>
                    </a:lnTo>
                    <a:lnTo>
                      <a:pt x="219" y="5014"/>
                    </a:lnTo>
                    <a:lnTo>
                      <a:pt x="221" y="5006"/>
                    </a:lnTo>
                    <a:lnTo>
                      <a:pt x="221" y="5002"/>
                    </a:lnTo>
                    <a:lnTo>
                      <a:pt x="220" y="4998"/>
                    </a:lnTo>
                    <a:lnTo>
                      <a:pt x="219" y="4995"/>
                    </a:lnTo>
                    <a:lnTo>
                      <a:pt x="216" y="4994"/>
                    </a:lnTo>
                    <a:lnTo>
                      <a:pt x="216" y="4992"/>
                    </a:lnTo>
                    <a:lnTo>
                      <a:pt x="192" y="4992"/>
                    </a:lnTo>
                    <a:lnTo>
                      <a:pt x="176" y="4989"/>
                    </a:lnTo>
                    <a:lnTo>
                      <a:pt x="171" y="4988"/>
                    </a:lnTo>
                    <a:lnTo>
                      <a:pt x="167" y="4985"/>
                    </a:lnTo>
                    <a:lnTo>
                      <a:pt x="166" y="4983"/>
                    </a:lnTo>
                    <a:lnTo>
                      <a:pt x="164" y="4980"/>
                    </a:lnTo>
                    <a:lnTo>
                      <a:pt x="166" y="4976"/>
                    </a:lnTo>
                    <a:lnTo>
                      <a:pt x="168" y="4972"/>
                    </a:lnTo>
                    <a:lnTo>
                      <a:pt x="171" y="4968"/>
                    </a:lnTo>
                    <a:lnTo>
                      <a:pt x="175" y="4963"/>
                    </a:lnTo>
                    <a:lnTo>
                      <a:pt x="186" y="4951"/>
                    </a:lnTo>
                    <a:lnTo>
                      <a:pt x="199" y="4938"/>
                    </a:lnTo>
                    <a:lnTo>
                      <a:pt x="221" y="4928"/>
                    </a:lnTo>
                    <a:lnTo>
                      <a:pt x="243" y="4915"/>
                    </a:lnTo>
                    <a:lnTo>
                      <a:pt x="264" y="4901"/>
                    </a:lnTo>
                    <a:lnTo>
                      <a:pt x="285" y="4885"/>
                    </a:lnTo>
                    <a:lnTo>
                      <a:pt x="289" y="4883"/>
                    </a:lnTo>
                    <a:lnTo>
                      <a:pt x="290" y="4880"/>
                    </a:lnTo>
                    <a:lnTo>
                      <a:pt x="291" y="4878"/>
                    </a:lnTo>
                    <a:lnTo>
                      <a:pt x="291" y="4875"/>
                    </a:lnTo>
                    <a:lnTo>
                      <a:pt x="288" y="4870"/>
                    </a:lnTo>
                    <a:lnTo>
                      <a:pt x="282" y="4865"/>
                    </a:lnTo>
                    <a:lnTo>
                      <a:pt x="276" y="4861"/>
                    </a:lnTo>
                    <a:lnTo>
                      <a:pt x="269" y="4856"/>
                    </a:lnTo>
                    <a:lnTo>
                      <a:pt x="268" y="4853"/>
                    </a:lnTo>
                    <a:lnTo>
                      <a:pt x="267" y="4849"/>
                    </a:lnTo>
                    <a:lnTo>
                      <a:pt x="265" y="4847"/>
                    </a:lnTo>
                    <a:lnTo>
                      <a:pt x="267" y="4843"/>
                    </a:lnTo>
                    <a:lnTo>
                      <a:pt x="272" y="4834"/>
                    </a:lnTo>
                    <a:lnTo>
                      <a:pt x="281" y="4822"/>
                    </a:lnTo>
                    <a:lnTo>
                      <a:pt x="295" y="4810"/>
                    </a:lnTo>
                    <a:lnTo>
                      <a:pt x="311" y="4797"/>
                    </a:lnTo>
                    <a:lnTo>
                      <a:pt x="328" y="4786"/>
                    </a:lnTo>
                    <a:lnTo>
                      <a:pt x="343" y="4777"/>
                    </a:lnTo>
                    <a:lnTo>
                      <a:pt x="350" y="4773"/>
                    </a:lnTo>
                    <a:lnTo>
                      <a:pt x="356" y="4770"/>
                    </a:lnTo>
                    <a:lnTo>
                      <a:pt x="361" y="4767"/>
                    </a:lnTo>
                    <a:lnTo>
                      <a:pt x="367" y="4767"/>
                    </a:lnTo>
                    <a:lnTo>
                      <a:pt x="369" y="4782"/>
                    </a:lnTo>
                    <a:lnTo>
                      <a:pt x="369" y="4795"/>
                    </a:lnTo>
                    <a:lnTo>
                      <a:pt x="369" y="4809"/>
                    </a:lnTo>
                    <a:lnTo>
                      <a:pt x="368" y="4822"/>
                    </a:lnTo>
                    <a:lnTo>
                      <a:pt x="364" y="4848"/>
                    </a:lnTo>
                    <a:lnTo>
                      <a:pt x="361" y="4875"/>
                    </a:lnTo>
                    <a:lnTo>
                      <a:pt x="363" y="4891"/>
                    </a:lnTo>
                    <a:lnTo>
                      <a:pt x="364" y="4901"/>
                    </a:lnTo>
                    <a:lnTo>
                      <a:pt x="365" y="4903"/>
                    </a:lnTo>
                    <a:lnTo>
                      <a:pt x="367" y="4905"/>
                    </a:lnTo>
                    <a:lnTo>
                      <a:pt x="368" y="4906"/>
                    </a:lnTo>
                    <a:lnTo>
                      <a:pt x="369" y="4905"/>
                    </a:lnTo>
                    <a:lnTo>
                      <a:pt x="372" y="4902"/>
                    </a:lnTo>
                    <a:lnTo>
                      <a:pt x="373" y="4896"/>
                    </a:lnTo>
                    <a:lnTo>
                      <a:pt x="374" y="4888"/>
                    </a:lnTo>
                    <a:lnTo>
                      <a:pt x="374" y="4878"/>
                    </a:lnTo>
                    <a:lnTo>
                      <a:pt x="374" y="4862"/>
                    </a:lnTo>
                    <a:lnTo>
                      <a:pt x="376" y="4848"/>
                    </a:lnTo>
                    <a:lnTo>
                      <a:pt x="378" y="4834"/>
                    </a:lnTo>
                    <a:lnTo>
                      <a:pt x="382" y="4821"/>
                    </a:lnTo>
                    <a:lnTo>
                      <a:pt x="387" y="4809"/>
                    </a:lnTo>
                    <a:lnTo>
                      <a:pt x="394" y="4797"/>
                    </a:lnTo>
                    <a:lnTo>
                      <a:pt x="402" y="4787"/>
                    </a:lnTo>
                    <a:lnTo>
                      <a:pt x="409" y="4778"/>
                    </a:lnTo>
                    <a:lnTo>
                      <a:pt x="418" y="4769"/>
                    </a:lnTo>
                    <a:lnTo>
                      <a:pt x="429" y="4760"/>
                    </a:lnTo>
                    <a:lnTo>
                      <a:pt x="440" y="4752"/>
                    </a:lnTo>
                    <a:lnTo>
                      <a:pt x="452" y="4745"/>
                    </a:lnTo>
                    <a:lnTo>
                      <a:pt x="464" y="4740"/>
                    </a:lnTo>
                    <a:lnTo>
                      <a:pt x="477" y="4735"/>
                    </a:lnTo>
                    <a:lnTo>
                      <a:pt x="490" y="4730"/>
                    </a:lnTo>
                    <a:lnTo>
                      <a:pt x="503" y="4726"/>
                    </a:lnTo>
                    <a:lnTo>
                      <a:pt x="501" y="4723"/>
                    </a:lnTo>
                    <a:lnTo>
                      <a:pt x="501" y="4721"/>
                    </a:lnTo>
                    <a:lnTo>
                      <a:pt x="499" y="4720"/>
                    </a:lnTo>
                    <a:lnTo>
                      <a:pt x="497" y="4717"/>
                    </a:lnTo>
                    <a:lnTo>
                      <a:pt x="492" y="4714"/>
                    </a:lnTo>
                    <a:lnTo>
                      <a:pt x="484" y="4713"/>
                    </a:lnTo>
                    <a:lnTo>
                      <a:pt x="466" y="4712"/>
                    </a:lnTo>
                    <a:lnTo>
                      <a:pt x="444" y="4713"/>
                    </a:lnTo>
                    <a:lnTo>
                      <a:pt x="399" y="4720"/>
                    </a:lnTo>
                    <a:lnTo>
                      <a:pt x="369" y="4723"/>
                    </a:lnTo>
                    <a:lnTo>
                      <a:pt x="356" y="4723"/>
                    </a:lnTo>
                    <a:lnTo>
                      <a:pt x="343" y="4725"/>
                    </a:lnTo>
                    <a:lnTo>
                      <a:pt x="330" y="4729"/>
                    </a:lnTo>
                    <a:lnTo>
                      <a:pt x="319" y="4733"/>
                    </a:lnTo>
                    <a:lnTo>
                      <a:pt x="307" y="4738"/>
                    </a:lnTo>
                    <a:lnTo>
                      <a:pt x="297" y="4745"/>
                    </a:lnTo>
                    <a:lnTo>
                      <a:pt x="286" y="4753"/>
                    </a:lnTo>
                    <a:lnTo>
                      <a:pt x="276" y="4761"/>
                    </a:lnTo>
                    <a:lnTo>
                      <a:pt x="267" y="4770"/>
                    </a:lnTo>
                    <a:lnTo>
                      <a:pt x="258" y="4780"/>
                    </a:lnTo>
                    <a:lnTo>
                      <a:pt x="250" y="4791"/>
                    </a:lnTo>
                    <a:lnTo>
                      <a:pt x="242" y="4802"/>
                    </a:lnTo>
                    <a:lnTo>
                      <a:pt x="229" y="4824"/>
                    </a:lnTo>
                    <a:lnTo>
                      <a:pt x="218" y="4848"/>
                    </a:lnTo>
                    <a:lnTo>
                      <a:pt x="211" y="4862"/>
                    </a:lnTo>
                    <a:lnTo>
                      <a:pt x="206" y="4874"/>
                    </a:lnTo>
                    <a:lnTo>
                      <a:pt x="199" y="4884"/>
                    </a:lnTo>
                    <a:lnTo>
                      <a:pt x="194" y="4891"/>
                    </a:lnTo>
                    <a:lnTo>
                      <a:pt x="192" y="4892"/>
                    </a:lnTo>
                    <a:lnTo>
                      <a:pt x="189" y="4892"/>
                    </a:lnTo>
                    <a:lnTo>
                      <a:pt x="186" y="4892"/>
                    </a:lnTo>
                    <a:lnTo>
                      <a:pt x="183" y="4889"/>
                    </a:lnTo>
                    <a:lnTo>
                      <a:pt x="180" y="4884"/>
                    </a:lnTo>
                    <a:lnTo>
                      <a:pt x="177" y="4879"/>
                    </a:lnTo>
                    <a:lnTo>
                      <a:pt x="175" y="4870"/>
                    </a:lnTo>
                    <a:lnTo>
                      <a:pt x="172" y="4861"/>
                    </a:lnTo>
                    <a:lnTo>
                      <a:pt x="171" y="4854"/>
                    </a:lnTo>
                    <a:lnTo>
                      <a:pt x="171" y="4847"/>
                    </a:lnTo>
                    <a:lnTo>
                      <a:pt x="171" y="4840"/>
                    </a:lnTo>
                    <a:lnTo>
                      <a:pt x="172" y="4834"/>
                    </a:lnTo>
                    <a:lnTo>
                      <a:pt x="175" y="4821"/>
                    </a:lnTo>
                    <a:lnTo>
                      <a:pt x="177" y="4809"/>
                    </a:lnTo>
                    <a:lnTo>
                      <a:pt x="177" y="4804"/>
                    </a:lnTo>
                    <a:lnTo>
                      <a:pt x="176" y="4799"/>
                    </a:lnTo>
                    <a:lnTo>
                      <a:pt x="175" y="4795"/>
                    </a:lnTo>
                    <a:lnTo>
                      <a:pt x="172" y="4791"/>
                    </a:lnTo>
                    <a:lnTo>
                      <a:pt x="167" y="4787"/>
                    </a:lnTo>
                    <a:lnTo>
                      <a:pt x="161" y="4784"/>
                    </a:lnTo>
                    <a:lnTo>
                      <a:pt x="151" y="4783"/>
                    </a:lnTo>
                    <a:lnTo>
                      <a:pt x="141" y="4783"/>
                    </a:lnTo>
                    <a:lnTo>
                      <a:pt x="132" y="4783"/>
                    </a:lnTo>
                    <a:lnTo>
                      <a:pt x="126" y="4782"/>
                    </a:lnTo>
                    <a:lnTo>
                      <a:pt x="120" y="4780"/>
                    </a:lnTo>
                    <a:lnTo>
                      <a:pt x="117" y="4778"/>
                    </a:lnTo>
                    <a:lnTo>
                      <a:pt x="115" y="4775"/>
                    </a:lnTo>
                    <a:lnTo>
                      <a:pt x="115" y="4771"/>
                    </a:lnTo>
                    <a:lnTo>
                      <a:pt x="115" y="4767"/>
                    </a:lnTo>
                    <a:lnTo>
                      <a:pt x="117" y="4764"/>
                    </a:lnTo>
                    <a:lnTo>
                      <a:pt x="119" y="4755"/>
                    </a:lnTo>
                    <a:lnTo>
                      <a:pt x="122" y="4745"/>
                    </a:lnTo>
                    <a:lnTo>
                      <a:pt x="123" y="4740"/>
                    </a:lnTo>
                    <a:lnTo>
                      <a:pt x="122" y="4736"/>
                    </a:lnTo>
                    <a:lnTo>
                      <a:pt x="120" y="4731"/>
                    </a:lnTo>
                    <a:lnTo>
                      <a:pt x="117" y="4726"/>
                    </a:lnTo>
                    <a:lnTo>
                      <a:pt x="109" y="4720"/>
                    </a:lnTo>
                    <a:lnTo>
                      <a:pt x="104" y="4713"/>
                    </a:lnTo>
                    <a:lnTo>
                      <a:pt x="101" y="4708"/>
                    </a:lnTo>
                    <a:lnTo>
                      <a:pt x="100" y="4703"/>
                    </a:lnTo>
                    <a:lnTo>
                      <a:pt x="100" y="4700"/>
                    </a:lnTo>
                    <a:lnTo>
                      <a:pt x="101" y="4698"/>
                    </a:lnTo>
                    <a:lnTo>
                      <a:pt x="104" y="4695"/>
                    </a:lnTo>
                    <a:lnTo>
                      <a:pt x="106" y="4692"/>
                    </a:lnTo>
                    <a:lnTo>
                      <a:pt x="115" y="4688"/>
                    </a:lnTo>
                    <a:lnTo>
                      <a:pt x="123" y="4685"/>
                    </a:lnTo>
                    <a:lnTo>
                      <a:pt x="128" y="4682"/>
                    </a:lnTo>
                    <a:lnTo>
                      <a:pt x="131" y="4678"/>
                    </a:lnTo>
                    <a:lnTo>
                      <a:pt x="135" y="4673"/>
                    </a:lnTo>
                    <a:lnTo>
                      <a:pt x="136" y="4668"/>
                    </a:lnTo>
                    <a:lnTo>
                      <a:pt x="141" y="4669"/>
                    </a:lnTo>
                    <a:lnTo>
                      <a:pt x="146" y="4670"/>
                    </a:lnTo>
                    <a:lnTo>
                      <a:pt x="151" y="4673"/>
                    </a:lnTo>
                    <a:lnTo>
                      <a:pt x="157" y="4676"/>
                    </a:lnTo>
                    <a:lnTo>
                      <a:pt x="167" y="4683"/>
                    </a:lnTo>
                    <a:lnTo>
                      <a:pt x="179" y="4691"/>
                    </a:lnTo>
                    <a:lnTo>
                      <a:pt x="190" y="4696"/>
                    </a:lnTo>
                    <a:lnTo>
                      <a:pt x="201" y="4700"/>
                    </a:lnTo>
                    <a:lnTo>
                      <a:pt x="206" y="4700"/>
                    </a:lnTo>
                    <a:lnTo>
                      <a:pt x="211" y="4699"/>
                    </a:lnTo>
                    <a:lnTo>
                      <a:pt x="215" y="4696"/>
                    </a:lnTo>
                    <a:lnTo>
                      <a:pt x="220" y="4691"/>
                    </a:lnTo>
                    <a:lnTo>
                      <a:pt x="267" y="4630"/>
                    </a:lnTo>
                    <a:lnTo>
                      <a:pt x="268" y="4626"/>
                    </a:lnTo>
                    <a:lnTo>
                      <a:pt x="268" y="4621"/>
                    </a:lnTo>
                    <a:lnTo>
                      <a:pt x="267" y="4615"/>
                    </a:lnTo>
                    <a:lnTo>
                      <a:pt x="265" y="4607"/>
                    </a:lnTo>
                    <a:lnTo>
                      <a:pt x="263" y="4593"/>
                    </a:lnTo>
                    <a:lnTo>
                      <a:pt x="262" y="4582"/>
                    </a:lnTo>
                    <a:lnTo>
                      <a:pt x="260" y="4576"/>
                    </a:lnTo>
                    <a:lnTo>
                      <a:pt x="258" y="4572"/>
                    </a:lnTo>
                    <a:lnTo>
                      <a:pt x="254" y="4569"/>
                    </a:lnTo>
                    <a:lnTo>
                      <a:pt x="250" y="4568"/>
                    </a:lnTo>
                    <a:lnTo>
                      <a:pt x="240" y="4568"/>
                    </a:lnTo>
                    <a:lnTo>
                      <a:pt x="227" y="4571"/>
                    </a:lnTo>
                    <a:lnTo>
                      <a:pt x="214" y="4573"/>
                    </a:lnTo>
                    <a:lnTo>
                      <a:pt x="202" y="4574"/>
                    </a:lnTo>
                    <a:lnTo>
                      <a:pt x="197" y="4574"/>
                    </a:lnTo>
                    <a:lnTo>
                      <a:pt x="192" y="4573"/>
                    </a:lnTo>
                    <a:lnTo>
                      <a:pt x="188" y="4569"/>
                    </a:lnTo>
                    <a:lnTo>
                      <a:pt x="185" y="4565"/>
                    </a:lnTo>
                    <a:lnTo>
                      <a:pt x="172" y="4530"/>
                    </a:lnTo>
                    <a:lnTo>
                      <a:pt x="171" y="4529"/>
                    </a:lnTo>
                    <a:lnTo>
                      <a:pt x="172" y="4527"/>
                    </a:lnTo>
                    <a:lnTo>
                      <a:pt x="174" y="4525"/>
                    </a:lnTo>
                    <a:lnTo>
                      <a:pt x="175" y="4524"/>
                    </a:lnTo>
                    <a:lnTo>
                      <a:pt x="181" y="4521"/>
                    </a:lnTo>
                    <a:lnTo>
                      <a:pt x="188" y="4519"/>
                    </a:lnTo>
                    <a:lnTo>
                      <a:pt x="194" y="4517"/>
                    </a:lnTo>
                    <a:lnTo>
                      <a:pt x="201" y="4514"/>
                    </a:lnTo>
                    <a:lnTo>
                      <a:pt x="203" y="4511"/>
                    </a:lnTo>
                    <a:lnTo>
                      <a:pt x="205" y="4508"/>
                    </a:lnTo>
                    <a:lnTo>
                      <a:pt x="205" y="4506"/>
                    </a:lnTo>
                    <a:lnTo>
                      <a:pt x="205" y="4502"/>
                    </a:lnTo>
                    <a:lnTo>
                      <a:pt x="202" y="4501"/>
                    </a:lnTo>
                    <a:lnTo>
                      <a:pt x="196" y="4499"/>
                    </a:lnTo>
                    <a:lnTo>
                      <a:pt x="185" y="4499"/>
                    </a:lnTo>
                    <a:lnTo>
                      <a:pt x="174" y="4499"/>
                    </a:lnTo>
                    <a:lnTo>
                      <a:pt x="149" y="4498"/>
                    </a:lnTo>
                    <a:lnTo>
                      <a:pt x="131" y="4497"/>
                    </a:lnTo>
                    <a:lnTo>
                      <a:pt x="120" y="4493"/>
                    </a:lnTo>
                    <a:lnTo>
                      <a:pt x="114" y="4489"/>
                    </a:lnTo>
                    <a:lnTo>
                      <a:pt x="109" y="4485"/>
                    </a:lnTo>
                    <a:lnTo>
                      <a:pt x="105" y="4480"/>
                    </a:lnTo>
                    <a:lnTo>
                      <a:pt x="104" y="4476"/>
                    </a:lnTo>
                    <a:lnTo>
                      <a:pt x="105" y="4471"/>
                    </a:lnTo>
                    <a:lnTo>
                      <a:pt x="106" y="4467"/>
                    </a:lnTo>
                    <a:lnTo>
                      <a:pt x="109" y="4462"/>
                    </a:lnTo>
                    <a:lnTo>
                      <a:pt x="117" y="4453"/>
                    </a:lnTo>
                    <a:lnTo>
                      <a:pt x="127" y="4444"/>
                    </a:lnTo>
                    <a:lnTo>
                      <a:pt x="137" y="4436"/>
                    </a:lnTo>
                    <a:lnTo>
                      <a:pt x="148" y="4429"/>
                    </a:lnTo>
                    <a:lnTo>
                      <a:pt x="151" y="4415"/>
                    </a:lnTo>
                    <a:lnTo>
                      <a:pt x="154" y="4406"/>
                    </a:lnTo>
                    <a:lnTo>
                      <a:pt x="174" y="4409"/>
                    </a:lnTo>
                    <a:lnTo>
                      <a:pt x="192" y="4409"/>
                    </a:lnTo>
                    <a:lnTo>
                      <a:pt x="210" y="4409"/>
                    </a:lnTo>
                    <a:lnTo>
                      <a:pt x="228" y="4410"/>
                    </a:lnTo>
                    <a:lnTo>
                      <a:pt x="260" y="4414"/>
                    </a:lnTo>
                    <a:lnTo>
                      <a:pt x="291" y="4419"/>
                    </a:lnTo>
                    <a:lnTo>
                      <a:pt x="306" y="4423"/>
                    </a:lnTo>
                    <a:lnTo>
                      <a:pt x="321" y="4428"/>
                    </a:lnTo>
                    <a:lnTo>
                      <a:pt x="335" y="4433"/>
                    </a:lnTo>
                    <a:lnTo>
                      <a:pt x="351" y="4440"/>
                    </a:lnTo>
                    <a:lnTo>
                      <a:pt x="361" y="4445"/>
                    </a:lnTo>
                    <a:lnTo>
                      <a:pt x="370" y="4450"/>
                    </a:lnTo>
                    <a:lnTo>
                      <a:pt x="380" y="4453"/>
                    </a:lnTo>
                    <a:lnTo>
                      <a:pt x="387" y="4455"/>
                    </a:lnTo>
                    <a:lnTo>
                      <a:pt x="396" y="4455"/>
                    </a:lnTo>
                    <a:lnTo>
                      <a:pt x="405" y="4455"/>
                    </a:lnTo>
                    <a:lnTo>
                      <a:pt x="416" y="4454"/>
                    </a:lnTo>
                    <a:lnTo>
                      <a:pt x="427" y="4451"/>
                    </a:lnTo>
                    <a:lnTo>
                      <a:pt x="447" y="4440"/>
                    </a:lnTo>
                    <a:lnTo>
                      <a:pt x="461" y="4431"/>
                    </a:lnTo>
                    <a:lnTo>
                      <a:pt x="464" y="4433"/>
                    </a:lnTo>
                    <a:lnTo>
                      <a:pt x="468" y="4438"/>
                    </a:lnTo>
                    <a:lnTo>
                      <a:pt x="473" y="4445"/>
                    </a:lnTo>
                    <a:lnTo>
                      <a:pt x="478" y="4454"/>
                    </a:lnTo>
                    <a:lnTo>
                      <a:pt x="488" y="4472"/>
                    </a:lnTo>
                    <a:lnTo>
                      <a:pt x="495" y="4484"/>
                    </a:lnTo>
                    <a:lnTo>
                      <a:pt x="496" y="4489"/>
                    </a:lnTo>
                    <a:lnTo>
                      <a:pt x="497" y="4494"/>
                    </a:lnTo>
                    <a:lnTo>
                      <a:pt x="497" y="4501"/>
                    </a:lnTo>
                    <a:lnTo>
                      <a:pt x="496" y="4506"/>
                    </a:lnTo>
                    <a:lnTo>
                      <a:pt x="495" y="4517"/>
                    </a:lnTo>
                    <a:lnTo>
                      <a:pt x="492" y="4529"/>
                    </a:lnTo>
                    <a:lnTo>
                      <a:pt x="492" y="4534"/>
                    </a:lnTo>
                    <a:lnTo>
                      <a:pt x="492" y="4539"/>
                    </a:lnTo>
                    <a:lnTo>
                      <a:pt x="492" y="4542"/>
                    </a:lnTo>
                    <a:lnTo>
                      <a:pt x="494" y="4546"/>
                    </a:lnTo>
                    <a:lnTo>
                      <a:pt x="497" y="4547"/>
                    </a:lnTo>
                    <a:lnTo>
                      <a:pt x="501" y="4549"/>
                    </a:lnTo>
                    <a:lnTo>
                      <a:pt x="506" y="4549"/>
                    </a:lnTo>
                    <a:lnTo>
                      <a:pt x="514" y="4547"/>
                    </a:lnTo>
                    <a:lnTo>
                      <a:pt x="561" y="4533"/>
                    </a:lnTo>
                    <a:lnTo>
                      <a:pt x="561" y="4532"/>
                    </a:lnTo>
                    <a:lnTo>
                      <a:pt x="560" y="4528"/>
                    </a:lnTo>
                    <a:lnTo>
                      <a:pt x="556" y="4521"/>
                    </a:lnTo>
                    <a:lnTo>
                      <a:pt x="551" y="4515"/>
                    </a:lnTo>
                    <a:lnTo>
                      <a:pt x="540" y="4503"/>
                    </a:lnTo>
                    <a:lnTo>
                      <a:pt x="535" y="4494"/>
                    </a:lnTo>
                    <a:lnTo>
                      <a:pt x="534" y="4492"/>
                    </a:lnTo>
                    <a:lnTo>
                      <a:pt x="534" y="4489"/>
                    </a:lnTo>
                    <a:lnTo>
                      <a:pt x="534" y="4486"/>
                    </a:lnTo>
                    <a:lnTo>
                      <a:pt x="535" y="4484"/>
                    </a:lnTo>
                    <a:lnTo>
                      <a:pt x="540" y="4480"/>
                    </a:lnTo>
                    <a:lnTo>
                      <a:pt x="547" y="4476"/>
                    </a:lnTo>
                    <a:lnTo>
                      <a:pt x="554" y="4472"/>
                    </a:lnTo>
                    <a:lnTo>
                      <a:pt x="565" y="4470"/>
                    </a:lnTo>
                    <a:lnTo>
                      <a:pt x="575" y="4467"/>
                    </a:lnTo>
                    <a:lnTo>
                      <a:pt x="587" y="4464"/>
                    </a:lnTo>
                    <a:lnTo>
                      <a:pt x="610" y="4462"/>
                    </a:lnTo>
                    <a:lnTo>
                      <a:pt x="633" y="4460"/>
                    </a:lnTo>
                    <a:lnTo>
                      <a:pt x="653" y="4459"/>
                    </a:lnTo>
                    <a:lnTo>
                      <a:pt x="666" y="4460"/>
                    </a:lnTo>
                    <a:lnTo>
                      <a:pt x="676" y="4460"/>
                    </a:lnTo>
                    <a:lnTo>
                      <a:pt x="687" y="4458"/>
                    </a:lnTo>
                    <a:lnTo>
                      <a:pt x="698" y="4454"/>
                    </a:lnTo>
                    <a:lnTo>
                      <a:pt x="711" y="4448"/>
                    </a:lnTo>
                    <a:lnTo>
                      <a:pt x="722" y="4441"/>
                    </a:lnTo>
                    <a:lnTo>
                      <a:pt x="733" y="4433"/>
                    </a:lnTo>
                    <a:lnTo>
                      <a:pt x="742" y="4425"/>
                    </a:lnTo>
                    <a:lnTo>
                      <a:pt x="750" y="4419"/>
                    </a:lnTo>
                    <a:lnTo>
                      <a:pt x="750" y="4418"/>
                    </a:lnTo>
                    <a:lnTo>
                      <a:pt x="749" y="4416"/>
                    </a:lnTo>
                    <a:lnTo>
                      <a:pt x="747" y="4414"/>
                    </a:lnTo>
                    <a:lnTo>
                      <a:pt x="744" y="4413"/>
                    </a:lnTo>
                    <a:lnTo>
                      <a:pt x="733" y="4407"/>
                    </a:lnTo>
                    <a:lnTo>
                      <a:pt x="722" y="4403"/>
                    </a:lnTo>
                    <a:lnTo>
                      <a:pt x="709" y="4398"/>
                    </a:lnTo>
                    <a:lnTo>
                      <a:pt x="697" y="4393"/>
                    </a:lnTo>
                    <a:lnTo>
                      <a:pt x="692" y="4389"/>
                    </a:lnTo>
                    <a:lnTo>
                      <a:pt x="688" y="4387"/>
                    </a:lnTo>
                    <a:lnTo>
                      <a:pt x="684" y="4383"/>
                    </a:lnTo>
                    <a:lnTo>
                      <a:pt x="683" y="4379"/>
                    </a:lnTo>
                    <a:lnTo>
                      <a:pt x="680" y="4366"/>
                    </a:lnTo>
                    <a:lnTo>
                      <a:pt x="680" y="4354"/>
                    </a:lnTo>
                    <a:lnTo>
                      <a:pt x="681" y="4344"/>
                    </a:lnTo>
                    <a:lnTo>
                      <a:pt x="685" y="4334"/>
                    </a:lnTo>
                    <a:lnTo>
                      <a:pt x="688" y="4324"/>
                    </a:lnTo>
                    <a:lnTo>
                      <a:pt x="692" y="4315"/>
                    </a:lnTo>
                    <a:lnTo>
                      <a:pt x="694" y="4304"/>
                    </a:lnTo>
                    <a:lnTo>
                      <a:pt x="696" y="4292"/>
                    </a:lnTo>
                    <a:lnTo>
                      <a:pt x="666" y="4295"/>
                    </a:lnTo>
                    <a:lnTo>
                      <a:pt x="645" y="4296"/>
                    </a:lnTo>
                    <a:lnTo>
                      <a:pt x="641" y="4297"/>
                    </a:lnTo>
                    <a:lnTo>
                      <a:pt x="639" y="4299"/>
                    </a:lnTo>
                    <a:lnTo>
                      <a:pt x="636" y="4301"/>
                    </a:lnTo>
                    <a:lnTo>
                      <a:pt x="633" y="4305"/>
                    </a:lnTo>
                    <a:lnTo>
                      <a:pt x="632" y="4310"/>
                    </a:lnTo>
                    <a:lnTo>
                      <a:pt x="631" y="4317"/>
                    </a:lnTo>
                    <a:lnTo>
                      <a:pt x="630" y="4324"/>
                    </a:lnTo>
                    <a:lnTo>
                      <a:pt x="630" y="4334"/>
                    </a:lnTo>
                    <a:lnTo>
                      <a:pt x="630" y="4332"/>
                    </a:lnTo>
                    <a:lnTo>
                      <a:pt x="630" y="4330"/>
                    </a:lnTo>
                    <a:lnTo>
                      <a:pt x="633" y="4358"/>
                    </a:lnTo>
                    <a:lnTo>
                      <a:pt x="639" y="4383"/>
                    </a:lnTo>
                    <a:lnTo>
                      <a:pt x="640" y="4393"/>
                    </a:lnTo>
                    <a:lnTo>
                      <a:pt x="641" y="4403"/>
                    </a:lnTo>
                    <a:lnTo>
                      <a:pt x="641" y="4411"/>
                    </a:lnTo>
                    <a:lnTo>
                      <a:pt x="640" y="4419"/>
                    </a:lnTo>
                    <a:lnTo>
                      <a:pt x="637" y="4425"/>
                    </a:lnTo>
                    <a:lnTo>
                      <a:pt x="633" y="4431"/>
                    </a:lnTo>
                    <a:lnTo>
                      <a:pt x="627" y="4435"/>
                    </a:lnTo>
                    <a:lnTo>
                      <a:pt x="618" y="4437"/>
                    </a:lnTo>
                    <a:lnTo>
                      <a:pt x="608" y="4440"/>
                    </a:lnTo>
                    <a:lnTo>
                      <a:pt x="593" y="4440"/>
                    </a:lnTo>
                    <a:lnTo>
                      <a:pt x="576" y="4440"/>
                    </a:lnTo>
                    <a:lnTo>
                      <a:pt x="557" y="4438"/>
                    </a:lnTo>
                    <a:lnTo>
                      <a:pt x="553" y="4437"/>
                    </a:lnTo>
                    <a:lnTo>
                      <a:pt x="552" y="4436"/>
                    </a:lnTo>
                    <a:lnTo>
                      <a:pt x="549" y="4433"/>
                    </a:lnTo>
                    <a:lnTo>
                      <a:pt x="549" y="4431"/>
                    </a:lnTo>
                    <a:lnTo>
                      <a:pt x="549" y="4424"/>
                    </a:lnTo>
                    <a:lnTo>
                      <a:pt x="551" y="4416"/>
                    </a:lnTo>
                    <a:lnTo>
                      <a:pt x="554" y="4401"/>
                    </a:lnTo>
                    <a:lnTo>
                      <a:pt x="557" y="4391"/>
                    </a:lnTo>
                    <a:lnTo>
                      <a:pt x="556" y="4387"/>
                    </a:lnTo>
                    <a:lnTo>
                      <a:pt x="553" y="4384"/>
                    </a:lnTo>
                    <a:lnTo>
                      <a:pt x="549" y="4384"/>
                    </a:lnTo>
                    <a:lnTo>
                      <a:pt x="545" y="4385"/>
                    </a:lnTo>
                    <a:lnTo>
                      <a:pt x="535" y="4389"/>
                    </a:lnTo>
                    <a:lnTo>
                      <a:pt x="525" y="4397"/>
                    </a:lnTo>
                    <a:lnTo>
                      <a:pt x="513" y="4403"/>
                    </a:lnTo>
                    <a:lnTo>
                      <a:pt x="503" y="4410"/>
                    </a:lnTo>
                    <a:lnTo>
                      <a:pt x="497" y="4413"/>
                    </a:lnTo>
                    <a:lnTo>
                      <a:pt x="492" y="4413"/>
                    </a:lnTo>
                    <a:lnTo>
                      <a:pt x="488" y="4413"/>
                    </a:lnTo>
                    <a:lnTo>
                      <a:pt x="486" y="4411"/>
                    </a:lnTo>
                    <a:lnTo>
                      <a:pt x="481" y="4405"/>
                    </a:lnTo>
                    <a:lnTo>
                      <a:pt x="477" y="4398"/>
                    </a:lnTo>
                    <a:lnTo>
                      <a:pt x="474" y="4393"/>
                    </a:lnTo>
                    <a:lnTo>
                      <a:pt x="474" y="4387"/>
                    </a:lnTo>
                    <a:lnTo>
                      <a:pt x="474" y="4374"/>
                    </a:lnTo>
                    <a:lnTo>
                      <a:pt x="478" y="4361"/>
                    </a:lnTo>
                    <a:lnTo>
                      <a:pt x="483" y="4349"/>
                    </a:lnTo>
                    <a:lnTo>
                      <a:pt x="486" y="4337"/>
                    </a:lnTo>
                    <a:lnTo>
                      <a:pt x="487" y="4334"/>
                    </a:lnTo>
                    <a:lnTo>
                      <a:pt x="487" y="4328"/>
                    </a:lnTo>
                    <a:lnTo>
                      <a:pt x="486" y="4324"/>
                    </a:lnTo>
                    <a:lnTo>
                      <a:pt x="484" y="4322"/>
                    </a:lnTo>
                    <a:lnTo>
                      <a:pt x="481" y="4321"/>
                    </a:lnTo>
                    <a:lnTo>
                      <a:pt x="475" y="4323"/>
                    </a:lnTo>
                    <a:lnTo>
                      <a:pt x="468" y="4328"/>
                    </a:lnTo>
                    <a:lnTo>
                      <a:pt x="460" y="4334"/>
                    </a:lnTo>
                    <a:lnTo>
                      <a:pt x="444" y="4345"/>
                    </a:lnTo>
                    <a:lnTo>
                      <a:pt x="437" y="4354"/>
                    </a:lnTo>
                    <a:lnTo>
                      <a:pt x="430" y="4362"/>
                    </a:lnTo>
                    <a:lnTo>
                      <a:pt x="426" y="4371"/>
                    </a:lnTo>
                    <a:lnTo>
                      <a:pt x="422" y="4381"/>
                    </a:lnTo>
                    <a:lnTo>
                      <a:pt x="420" y="4391"/>
                    </a:lnTo>
                    <a:lnTo>
                      <a:pt x="416" y="4398"/>
                    </a:lnTo>
                    <a:lnTo>
                      <a:pt x="409" y="4405"/>
                    </a:lnTo>
                    <a:lnTo>
                      <a:pt x="407" y="4406"/>
                    </a:lnTo>
                    <a:lnTo>
                      <a:pt x="403" y="4409"/>
                    </a:lnTo>
                    <a:lnTo>
                      <a:pt x="398" y="4410"/>
                    </a:lnTo>
                    <a:lnTo>
                      <a:pt x="392" y="4410"/>
                    </a:lnTo>
                    <a:lnTo>
                      <a:pt x="381" y="4409"/>
                    </a:lnTo>
                    <a:lnTo>
                      <a:pt x="370" y="4406"/>
                    </a:lnTo>
                    <a:lnTo>
                      <a:pt x="360" y="4401"/>
                    </a:lnTo>
                    <a:lnTo>
                      <a:pt x="350" y="4396"/>
                    </a:lnTo>
                    <a:lnTo>
                      <a:pt x="339" y="4389"/>
                    </a:lnTo>
                    <a:lnTo>
                      <a:pt x="328" y="4384"/>
                    </a:lnTo>
                    <a:lnTo>
                      <a:pt x="317" y="4379"/>
                    </a:lnTo>
                    <a:lnTo>
                      <a:pt x="306" y="4375"/>
                    </a:lnTo>
                    <a:lnTo>
                      <a:pt x="277" y="4371"/>
                    </a:lnTo>
                    <a:lnTo>
                      <a:pt x="236" y="4366"/>
                    </a:lnTo>
                    <a:lnTo>
                      <a:pt x="215" y="4363"/>
                    </a:lnTo>
                    <a:lnTo>
                      <a:pt x="197" y="4358"/>
                    </a:lnTo>
                    <a:lnTo>
                      <a:pt x="189" y="4354"/>
                    </a:lnTo>
                    <a:lnTo>
                      <a:pt x="184" y="4352"/>
                    </a:lnTo>
                    <a:lnTo>
                      <a:pt x="179" y="4348"/>
                    </a:lnTo>
                    <a:lnTo>
                      <a:pt x="177" y="4343"/>
                    </a:lnTo>
                    <a:lnTo>
                      <a:pt x="175" y="4334"/>
                    </a:lnTo>
                    <a:lnTo>
                      <a:pt x="174" y="4322"/>
                    </a:lnTo>
                    <a:lnTo>
                      <a:pt x="172" y="4309"/>
                    </a:lnTo>
                    <a:lnTo>
                      <a:pt x="172" y="4295"/>
                    </a:lnTo>
                    <a:lnTo>
                      <a:pt x="174" y="4280"/>
                    </a:lnTo>
                    <a:lnTo>
                      <a:pt x="176" y="4269"/>
                    </a:lnTo>
                    <a:lnTo>
                      <a:pt x="177" y="4264"/>
                    </a:lnTo>
                    <a:lnTo>
                      <a:pt x="180" y="4258"/>
                    </a:lnTo>
                    <a:lnTo>
                      <a:pt x="183" y="4256"/>
                    </a:lnTo>
                    <a:lnTo>
                      <a:pt x="186" y="4253"/>
                    </a:lnTo>
                    <a:lnTo>
                      <a:pt x="186" y="4251"/>
                    </a:lnTo>
                    <a:lnTo>
                      <a:pt x="179" y="4248"/>
                    </a:lnTo>
                    <a:lnTo>
                      <a:pt x="175" y="4244"/>
                    </a:lnTo>
                    <a:lnTo>
                      <a:pt x="171" y="4242"/>
                    </a:lnTo>
                    <a:lnTo>
                      <a:pt x="170" y="4239"/>
                    </a:lnTo>
                    <a:lnTo>
                      <a:pt x="170" y="4236"/>
                    </a:lnTo>
                    <a:lnTo>
                      <a:pt x="170" y="4234"/>
                    </a:lnTo>
                    <a:lnTo>
                      <a:pt x="172" y="4231"/>
                    </a:lnTo>
                    <a:lnTo>
                      <a:pt x="175" y="4229"/>
                    </a:lnTo>
                    <a:lnTo>
                      <a:pt x="184" y="4225"/>
                    </a:lnTo>
                    <a:lnTo>
                      <a:pt x="194" y="4222"/>
                    </a:lnTo>
                    <a:lnTo>
                      <a:pt x="199" y="4222"/>
                    </a:lnTo>
                    <a:lnTo>
                      <a:pt x="206" y="4223"/>
                    </a:lnTo>
                    <a:lnTo>
                      <a:pt x="212" y="4225"/>
                    </a:lnTo>
                    <a:lnTo>
                      <a:pt x="219" y="4226"/>
                    </a:lnTo>
                    <a:lnTo>
                      <a:pt x="229" y="4230"/>
                    </a:lnTo>
                    <a:lnTo>
                      <a:pt x="241" y="4232"/>
                    </a:lnTo>
                    <a:lnTo>
                      <a:pt x="254" y="4235"/>
                    </a:lnTo>
                    <a:lnTo>
                      <a:pt x="263" y="4235"/>
                    </a:lnTo>
                    <a:lnTo>
                      <a:pt x="267" y="4234"/>
                    </a:lnTo>
                    <a:lnTo>
                      <a:pt x="271" y="4232"/>
                    </a:lnTo>
                    <a:lnTo>
                      <a:pt x="272" y="4230"/>
                    </a:lnTo>
                    <a:lnTo>
                      <a:pt x="273" y="4226"/>
                    </a:lnTo>
                    <a:lnTo>
                      <a:pt x="272" y="4222"/>
                    </a:lnTo>
                    <a:lnTo>
                      <a:pt x="269" y="4218"/>
                    </a:lnTo>
                    <a:lnTo>
                      <a:pt x="264" y="4212"/>
                    </a:lnTo>
                    <a:lnTo>
                      <a:pt x="258" y="4204"/>
                    </a:lnTo>
                    <a:lnTo>
                      <a:pt x="253" y="4199"/>
                    </a:lnTo>
                    <a:lnTo>
                      <a:pt x="250" y="4194"/>
                    </a:lnTo>
                    <a:lnTo>
                      <a:pt x="247" y="4188"/>
                    </a:lnTo>
                    <a:lnTo>
                      <a:pt x="245" y="4183"/>
                    </a:lnTo>
                    <a:lnTo>
                      <a:pt x="241" y="4173"/>
                    </a:lnTo>
                    <a:lnTo>
                      <a:pt x="234" y="4163"/>
                    </a:lnTo>
                    <a:lnTo>
                      <a:pt x="216" y="4150"/>
                    </a:lnTo>
                    <a:lnTo>
                      <a:pt x="190" y="4133"/>
                    </a:lnTo>
                    <a:lnTo>
                      <a:pt x="179" y="4122"/>
                    </a:lnTo>
                    <a:lnTo>
                      <a:pt x="171" y="4115"/>
                    </a:lnTo>
                    <a:lnTo>
                      <a:pt x="170" y="4111"/>
                    </a:lnTo>
                    <a:lnTo>
                      <a:pt x="170" y="4107"/>
                    </a:lnTo>
                    <a:lnTo>
                      <a:pt x="172" y="4103"/>
                    </a:lnTo>
                    <a:lnTo>
                      <a:pt x="177" y="4100"/>
                    </a:lnTo>
                    <a:lnTo>
                      <a:pt x="190" y="4098"/>
                    </a:lnTo>
                    <a:lnTo>
                      <a:pt x="206" y="4095"/>
                    </a:lnTo>
                    <a:lnTo>
                      <a:pt x="214" y="4093"/>
                    </a:lnTo>
                    <a:lnTo>
                      <a:pt x="220" y="4090"/>
                    </a:lnTo>
                    <a:lnTo>
                      <a:pt x="227" y="4087"/>
                    </a:lnTo>
                    <a:lnTo>
                      <a:pt x="231" y="4082"/>
                    </a:lnTo>
                    <a:lnTo>
                      <a:pt x="238" y="4072"/>
                    </a:lnTo>
                    <a:lnTo>
                      <a:pt x="245" y="4063"/>
                    </a:lnTo>
                    <a:lnTo>
                      <a:pt x="251" y="4055"/>
                    </a:lnTo>
                    <a:lnTo>
                      <a:pt x="256" y="4050"/>
                    </a:lnTo>
                    <a:lnTo>
                      <a:pt x="263" y="4047"/>
                    </a:lnTo>
                    <a:lnTo>
                      <a:pt x="268" y="4046"/>
                    </a:lnTo>
                    <a:lnTo>
                      <a:pt x="273" y="4046"/>
                    </a:lnTo>
                    <a:lnTo>
                      <a:pt x="278" y="4047"/>
                    </a:lnTo>
                    <a:lnTo>
                      <a:pt x="302" y="4064"/>
                    </a:lnTo>
                    <a:lnTo>
                      <a:pt x="337" y="4090"/>
                    </a:lnTo>
                    <a:lnTo>
                      <a:pt x="346" y="4095"/>
                    </a:lnTo>
                    <a:lnTo>
                      <a:pt x="356" y="4100"/>
                    </a:lnTo>
                    <a:lnTo>
                      <a:pt x="369" y="4104"/>
                    </a:lnTo>
                    <a:lnTo>
                      <a:pt x="383" y="4108"/>
                    </a:lnTo>
                    <a:lnTo>
                      <a:pt x="413" y="4115"/>
                    </a:lnTo>
                    <a:lnTo>
                      <a:pt x="446" y="4117"/>
                    </a:lnTo>
                    <a:lnTo>
                      <a:pt x="462" y="4118"/>
                    </a:lnTo>
                    <a:lnTo>
                      <a:pt x="478" y="4118"/>
                    </a:lnTo>
                    <a:lnTo>
                      <a:pt x="495" y="4118"/>
                    </a:lnTo>
                    <a:lnTo>
                      <a:pt x="509" y="4117"/>
                    </a:lnTo>
                    <a:lnTo>
                      <a:pt x="523" y="4116"/>
                    </a:lnTo>
                    <a:lnTo>
                      <a:pt x="535" y="4112"/>
                    </a:lnTo>
                    <a:lnTo>
                      <a:pt x="547" y="4109"/>
                    </a:lnTo>
                    <a:lnTo>
                      <a:pt x="556" y="4104"/>
                    </a:lnTo>
                    <a:lnTo>
                      <a:pt x="558" y="4103"/>
                    </a:lnTo>
                    <a:lnTo>
                      <a:pt x="558" y="4100"/>
                    </a:lnTo>
                    <a:lnTo>
                      <a:pt x="556" y="4099"/>
                    </a:lnTo>
                    <a:lnTo>
                      <a:pt x="553" y="4098"/>
                    </a:lnTo>
                    <a:lnTo>
                      <a:pt x="543" y="4096"/>
                    </a:lnTo>
                    <a:lnTo>
                      <a:pt x="530" y="4094"/>
                    </a:lnTo>
                    <a:lnTo>
                      <a:pt x="501" y="4093"/>
                    </a:lnTo>
                    <a:lnTo>
                      <a:pt x="483" y="4091"/>
                    </a:lnTo>
                    <a:lnTo>
                      <a:pt x="453" y="4087"/>
                    </a:lnTo>
                    <a:lnTo>
                      <a:pt x="420" y="4080"/>
                    </a:lnTo>
                    <a:lnTo>
                      <a:pt x="404" y="4074"/>
                    </a:lnTo>
                    <a:lnTo>
                      <a:pt x="390" y="4068"/>
                    </a:lnTo>
                    <a:lnTo>
                      <a:pt x="383" y="4064"/>
                    </a:lnTo>
                    <a:lnTo>
                      <a:pt x="377" y="4060"/>
                    </a:lnTo>
                    <a:lnTo>
                      <a:pt x="372" y="4055"/>
                    </a:lnTo>
                    <a:lnTo>
                      <a:pt x="368" y="4050"/>
                    </a:lnTo>
                    <a:lnTo>
                      <a:pt x="363" y="4043"/>
                    </a:lnTo>
                    <a:lnTo>
                      <a:pt x="356" y="4038"/>
                    </a:lnTo>
                    <a:lnTo>
                      <a:pt x="348" y="4034"/>
                    </a:lnTo>
                    <a:lnTo>
                      <a:pt x="338" y="4032"/>
                    </a:lnTo>
                    <a:lnTo>
                      <a:pt x="317" y="4027"/>
                    </a:lnTo>
                    <a:lnTo>
                      <a:pt x="295" y="4025"/>
                    </a:lnTo>
                    <a:lnTo>
                      <a:pt x="275" y="4023"/>
                    </a:lnTo>
                    <a:lnTo>
                      <a:pt x="255" y="4019"/>
                    </a:lnTo>
                    <a:lnTo>
                      <a:pt x="247" y="4016"/>
                    </a:lnTo>
                    <a:lnTo>
                      <a:pt x="240" y="4014"/>
                    </a:lnTo>
                    <a:lnTo>
                      <a:pt x="234" y="4010"/>
                    </a:lnTo>
                    <a:lnTo>
                      <a:pt x="232" y="4004"/>
                    </a:lnTo>
                    <a:lnTo>
                      <a:pt x="231" y="3997"/>
                    </a:lnTo>
                    <a:lnTo>
                      <a:pt x="232" y="3990"/>
                    </a:lnTo>
                    <a:lnTo>
                      <a:pt x="234" y="3982"/>
                    </a:lnTo>
                    <a:lnTo>
                      <a:pt x="237" y="3973"/>
                    </a:lnTo>
                    <a:lnTo>
                      <a:pt x="241" y="3964"/>
                    </a:lnTo>
                    <a:lnTo>
                      <a:pt x="245" y="3957"/>
                    </a:lnTo>
                    <a:lnTo>
                      <a:pt x="246" y="3947"/>
                    </a:lnTo>
                    <a:lnTo>
                      <a:pt x="246" y="3940"/>
                    </a:lnTo>
                    <a:lnTo>
                      <a:pt x="245" y="3923"/>
                    </a:lnTo>
                    <a:lnTo>
                      <a:pt x="245" y="3911"/>
                    </a:lnTo>
                    <a:lnTo>
                      <a:pt x="246" y="3910"/>
                    </a:lnTo>
                    <a:lnTo>
                      <a:pt x="247" y="3910"/>
                    </a:lnTo>
                    <a:lnTo>
                      <a:pt x="247" y="3910"/>
                    </a:lnTo>
                    <a:lnTo>
                      <a:pt x="249" y="3911"/>
                    </a:lnTo>
                    <a:lnTo>
                      <a:pt x="253" y="3918"/>
                    </a:lnTo>
                    <a:lnTo>
                      <a:pt x="258" y="3928"/>
                    </a:lnTo>
                    <a:lnTo>
                      <a:pt x="260" y="3945"/>
                    </a:lnTo>
                    <a:lnTo>
                      <a:pt x="262" y="3963"/>
                    </a:lnTo>
                    <a:lnTo>
                      <a:pt x="263" y="3967"/>
                    </a:lnTo>
                    <a:lnTo>
                      <a:pt x="265" y="3970"/>
                    </a:lnTo>
                    <a:lnTo>
                      <a:pt x="268" y="3972"/>
                    </a:lnTo>
                    <a:lnTo>
                      <a:pt x="271" y="3973"/>
                    </a:lnTo>
                    <a:lnTo>
                      <a:pt x="275" y="3975"/>
                    </a:lnTo>
                    <a:lnTo>
                      <a:pt x="278" y="3975"/>
                    </a:lnTo>
                    <a:lnTo>
                      <a:pt x="282" y="3975"/>
                    </a:lnTo>
                    <a:lnTo>
                      <a:pt x="286" y="3973"/>
                    </a:lnTo>
                    <a:lnTo>
                      <a:pt x="290" y="3972"/>
                    </a:lnTo>
                    <a:lnTo>
                      <a:pt x="293" y="3970"/>
                    </a:lnTo>
                    <a:lnTo>
                      <a:pt x="295" y="3967"/>
                    </a:lnTo>
                    <a:lnTo>
                      <a:pt x="297" y="3963"/>
                    </a:lnTo>
                    <a:lnTo>
                      <a:pt x="298" y="3959"/>
                    </a:lnTo>
                    <a:lnTo>
                      <a:pt x="298" y="3954"/>
                    </a:lnTo>
                    <a:lnTo>
                      <a:pt x="297" y="3947"/>
                    </a:lnTo>
                    <a:lnTo>
                      <a:pt x="294" y="3941"/>
                    </a:lnTo>
                    <a:lnTo>
                      <a:pt x="290" y="3935"/>
                    </a:lnTo>
                    <a:lnTo>
                      <a:pt x="289" y="3929"/>
                    </a:lnTo>
                    <a:lnTo>
                      <a:pt x="289" y="3927"/>
                    </a:lnTo>
                    <a:lnTo>
                      <a:pt x="289" y="3924"/>
                    </a:lnTo>
                    <a:lnTo>
                      <a:pt x="290" y="3923"/>
                    </a:lnTo>
                    <a:lnTo>
                      <a:pt x="293" y="3922"/>
                    </a:lnTo>
                    <a:lnTo>
                      <a:pt x="295" y="3923"/>
                    </a:lnTo>
                    <a:lnTo>
                      <a:pt x="299" y="3923"/>
                    </a:lnTo>
                    <a:lnTo>
                      <a:pt x="308" y="3925"/>
                    </a:lnTo>
                    <a:lnTo>
                      <a:pt x="317" y="3929"/>
                    </a:lnTo>
                    <a:lnTo>
                      <a:pt x="328" y="3932"/>
                    </a:lnTo>
                    <a:lnTo>
                      <a:pt x="337" y="3933"/>
                    </a:lnTo>
                    <a:lnTo>
                      <a:pt x="355" y="3929"/>
                    </a:lnTo>
                    <a:lnTo>
                      <a:pt x="377" y="3927"/>
                    </a:lnTo>
                    <a:lnTo>
                      <a:pt x="386" y="3925"/>
                    </a:lnTo>
                    <a:lnTo>
                      <a:pt x="394" y="3928"/>
                    </a:lnTo>
                    <a:lnTo>
                      <a:pt x="398" y="3929"/>
                    </a:lnTo>
                    <a:lnTo>
                      <a:pt x="400" y="3932"/>
                    </a:lnTo>
                    <a:lnTo>
                      <a:pt x="402" y="3936"/>
                    </a:lnTo>
                    <a:lnTo>
                      <a:pt x="403" y="3941"/>
                    </a:lnTo>
                    <a:lnTo>
                      <a:pt x="404" y="3957"/>
                    </a:lnTo>
                    <a:lnTo>
                      <a:pt x="404" y="3970"/>
                    </a:lnTo>
                    <a:lnTo>
                      <a:pt x="405" y="3980"/>
                    </a:lnTo>
                    <a:lnTo>
                      <a:pt x="408" y="3986"/>
                    </a:lnTo>
                    <a:lnTo>
                      <a:pt x="409" y="3989"/>
                    </a:lnTo>
                    <a:lnTo>
                      <a:pt x="412" y="3992"/>
                    </a:lnTo>
                    <a:lnTo>
                      <a:pt x="414" y="3993"/>
                    </a:lnTo>
                    <a:lnTo>
                      <a:pt x="418" y="3994"/>
                    </a:lnTo>
                    <a:lnTo>
                      <a:pt x="429" y="3995"/>
                    </a:lnTo>
                    <a:lnTo>
                      <a:pt x="444" y="3995"/>
                    </a:lnTo>
                    <a:lnTo>
                      <a:pt x="459" y="3997"/>
                    </a:lnTo>
                    <a:lnTo>
                      <a:pt x="465" y="3995"/>
                    </a:lnTo>
                    <a:lnTo>
                      <a:pt x="465" y="3990"/>
                    </a:lnTo>
                    <a:lnTo>
                      <a:pt x="461" y="3976"/>
                    </a:lnTo>
                    <a:lnTo>
                      <a:pt x="457" y="3967"/>
                    </a:lnTo>
                    <a:lnTo>
                      <a:pt x="449" y="3958"/>
                    </a:lnTo>
                    <a:lnTo>
                      <a:pt x="440" y="3946"/>
                    </a:lnTo>
                    <a:lnTo>
                      <a:pt x="431" y="3936"/>
                    </a:lnTo>
                    <a:lnTo>
                      <a:pt x="424" y="3924"/>
                    </a:lnTo>
                    <a:lnTo>
                      <a:pt x="418" y="3914"/>
                    </a:lnTo>
                    <a:lnTo>
                      <a:pt x="417" y="3910"/>
                    </a:lnTo>
                    <a:lnTo>
                      <a:pt x="417" y="3906"/>
                    </a:lnTo>
                    <a:lnTo>
                      <a:pt x="418" y="3902"/>
                    </a:lnTo>
                    <a:lnTo>
                      <a:pt x="420" y="3900"/>
                    </a:lnTo>
                    <a:lnTo>
                      <a:pt x="426" y="3896"/>
                    </a:lnTo>
                    <a:lnTo>
                      <a:pt x="437" y="3890"/>
                    </a:lnTo>
                    <a:lnTo>
                      <a:pt x="447" y="3884"/>
                    </a:lnTo>
                    <a:lnTo>
                      <a:pt x="460" y="3879"/>
                    </a:lnTo>
                    <a:lnTo>
                      <a:pt x="471" y="3875"/>
                    </a:lnTo>
                    <a:lnTo>
                      <a:pt x="483" y="3872"/>
                    </a:lnTo>
                    <a:lnTo>
                      <a:pt x="488" y="3872"/>
                    </a:lnTo>
                    <a:lnTo>
                      <a:pt x="492" y="3872"/>
                    </a:lnTo>
                    <a:lnTo>
                      <a:pt x="496" y="3874"/>
                    </a:lnTo>
                    <a:lnTo>
                      <a:pt x="497" y="3876"/>
                    </a:lnTo>
                    <a:lnTo>
                      <a:pt x="510" y="3903"/>
                    </a:lnTo>
                    <a:lnTo>
                      <a:pt x="523" y="3938"/>
                    </a:lnTo>
                    <a:lnTo>
                      <a:pt x="527" y="3947"/>
                    </a:lnTo>
                    <a:lnTo>
                      <a:pt x="531" y="3955"/>
                    </a:lnTo>
                    <a:lnTo>
                      <a:pt x="536" y="3963"/>
                    </a:lnTo>
                    <a:lnTo>
                      <a:pt x="540" y="3968"/>
                    </a:lnTo>
                    <a:lnTo>
                      <a:pt x="545" y="3973"/>
                    </a:lnTo>
                    <a:lnTo>
                      <a:pt x="551" y="3977"/>
                    </a:lnTo>
                    <a:lnTo>
                      <a:pt x="557" y="3979"/>
                    </a:lnTo>
                    <a:lnTo>
                      <a:pt x="563" y="3979"/>
                    </a:lnTo>
                    <a:lnTo>
                      <a:pt x="567" y="3977"/>
                    </a:lnTo>
                    <a:lnTo>
                      <a:pt x="570" y="3975"/>
                    </a:lnTo>
                    <a:lnTo>
                      <a:pt x="571" y="3972"/>
                    </a:lnTo>
                    <a:lnTo>
                      <a:pt x="573" y="3970"/>
                    </a:lnTo>
                    <a:lnTo>
                      <a:pt x="573" y="3963"/>
                    </a:lnTo>
                    <a:lnTo>
                      <a:pt x="570" y="3954"/>
                    </a:lnTo>
                    <a:lnTo>
                      <a:pt x="563" y="3937"/>
                    </a:lnTo>
                    <a:lnTo>
                      <a:pt x="557" y="3924"/>
                    </a:lnTo>
                    <a:lnTo>
                      <a:pt x="545" y="3903"/>
                    </a:lnTo>
                    <a:lnTo>
                      <a:pt x="535" y="3887"/>
                    </a:lnTo>
                    <a:lnTo>
                      <a:pt x="532" y="3883"/>
                    </a:lnTo>
                    <a:lnTo>
                      <a:pt x="532" y="3879"/>
                    </a:lnTo>
                    <a:lnTo>
                      <a:pt x="532" y="3876"/>
                    </a:lnTo>
                    <a:lnTo>
                      <a:pt x="535" y="3874"/>
                    </a:lnTo>
                    <a:lnTo>
                      <a:pt x="538" y="3871"/>
                    </a:lnTo>
                    <a:lnTo>
                      <a:pt x="541" y="3868"/>
                    </a:lnTo>
                    <a:lnTo>
                      <a:pt x="548" y="3866"/>
                    </a:lnTo>
                    <a:lnTo>
                      <a:pt x="556" y="3863"/>
                    </a:lnTo>
                    <a:lnTo>
                      <a:pt x="565" y="3862"/>
                    </a:lnTo>
                    <a:lnTo>
                      <a:pt x="574" y="3861"/>
                    </a:lnTo>
                    <a:lnTo>
                      <a:pt x="582" y="3861"/>
                    </a:lnTo>
                    <a:lnTo>
                      <a:pt x="589" y="3862"/>
                    </a:lnTo>
                    <a:lnTo>
                      <a:pt x="596" y="3863"/>
                    </a:lnTo>
                    <a:lnTo>
                      <a:pt x="601" y="3866"/>
                    </a:lnTo>
                    <a:lnTo>
                      <a:pt x="606" y="3870"/>
                    </a:lnTo>
                    <a:lnTo>
                      <a:pt x="611" y="3872"/>
                    </a:lnTo>
                    <a:lnTo>
                      <a:pt x="614" y="3878"/>
                    </a:lnTo>
                    <a:lnTo>
                      <a:pt x="618" y="3883"/>
                    </a:lnTo>
                    <a:lnTo>
                      <a:pt x="620" y="3888"/>
                    </a:lnTo>
                    <a:lnTo>
                      <a:pt x="623" y="3893"/>
                    </a:lnTo>
                    <a:lnTo>
                      <a:pt x="626" y="3905"/>
                    </a:lnTo>
                    <a:lnTo>
                      <a:pt x="628" y="3918"/>
                    </a:lnTo>
                    <a:lnTo>
                      <a:pt x="630" y="3945"/>
                    </a:lnTo>
                    <a:lnTo>
                      <a:pt x="631" y="3968"/>
                    </a:lnTo>
                    <a:lnTo>
                      <a:pt x="632" y="3979"/>
                    </a:lnTo>
                    <a:lnTo>
                      <a:pt x="633" y="3986"/>
                    </a:lnTo>
                    <a:lnTo>
                      <a:pt x="636" y="3989"/>
                    </a:lnTo>
                    <a:lnTo>
                      <a:pt x="637" y="3990"/>
                    </a:lnTo>
                    <a:lnTo>
                      <a:pt x="640" y="3992"/>
                    </a:lnTo>
                    <a:lnTo>
                      <a:pt x="642" y="3993"/>
                    </a:lnTo>
                    <a:lnTo>
                      <a:pt x="654" y="3994"/>
                    </a:lnTo>
                    <a:lnTo>
                      <a:pt x="663" y="3995"/>
                    </a:lnTo>
                    <a:lnTo>
                      <a:pt x="667" y="3995"/>
                    </a:lnTo>
                    <a:lnTo>
                      <a:pt x="668" y="3994"/>
                    </a:lnTo>
                    <a:lnTo>
                      <a:pt x="668" y="3990"/>
                    </a:lnTo>
                    <a:lnTo>
                      <a:pt x="667" y="3985"/>
                    </a:lnTo>
                    <a:lnTo>
                      <a:pt x="663" y="3973"/>
                    </a:lnTo>
                    <a:lnTo>
                      <a:pt x="661" y="3963"/>
                    </a:lnTo>
                    <a:lnTo>
                      <a:pt x="661" y="3954"/>
                    </a:lnTo>
                    <a:lnTo>
                      <a:pt x="662" y="3946"/>
                    </a:lnTo>
                    <a:lnTo>
                      <a:pt x="665" y="3941"/>
                    </a:lnTo>
                    <a:lnTo>
                      <a:pt x="667" y="3936"/>
                    </a:lnTo>
                    <a:lnTo>
                      <a:pt x="672" y="3933"/>
                    </a:lnTo>
                    <a:lnTo>
                      <a:pt x="677" y="3931"/>
                    </a:lnTo>
                    <a:lnTo>
                      <a:pt x="688" y="3927"/>
                    </a:lnTo>
                    <a:lnTo>
                      <a:pt x="698" y="3924"/>
                    </a:lnTo>
                    <a:lnTo>
                      <a:pt x="702" y="3923"/>
                    </a:lnTo>
                    <a:lnTo>
                      <a:pt x="706" y="3922"/>
                    </a:lnTo>
                    <a:lnTo>
                      <a:pt x="709" y="3920"/>
                    </a:lnTo>
                    <a:lnTo>
                      <a:pt x="709" y="3919"/>
                    </a:lnTo>
                    <a:lnTo>
                      <a:pt x="709" y="3916"/>
                    </a:lnTo>
                    <a:lnTo>
                      <a:pt x="707" y="3914"/>
                    </a:lnTo>
                    <a:lnTo>
                      <a:pt x="705" y="3911"/>
                    </a:lnTo>
                    <a:lnTo>
                      <a:pt x="701" y="3910"/>
                    </a:lnTo>
                    <a:lnTo>
                      <a:pt x="693" y="3906"/>
                    </a:lnTo>
                    <a:lnTo>
                      <a:pt x="683" y="3905"/>
                    </a:lnTo>
                    <a:lnTo>
                      <a:pt x="663" y="3900"/>
                    </a:lnTo>
                    <a:lnTo>
                      <a:pt x="649" y="3896"/>
                    </a:lnTo>
                    <a:lnTo>
                      <a:pt x="644" y="3890"/>
                    </a:lnTo>
                    <a:lnTo>
                      <a:pt x="641" y="3884"/>
                    </a:lnTo>
                    <a:lnTo>
                      <a:pt x="640" y="3876"/>
                    </a:lnTo>
                    <a:lnTo>
                      <a:pt x="640" y="3868"/>
                    </a:lnTo>
                    <a:lnTo>
                      <a:pt x="640" y="3862"/>
                    </a:lnTo>
                    <a:lnTo>
                      <a:pt x="639" y="3854"/>
                    </a:lnTo>
                    <a:lnTo>
                      <a:pt x="637" y="3849"/>
                    </a:lnTo>
                    <a:lnTo>
                      <a:pt x="635" y="3845"/>
                    </a:lnTo>
                    <a:lnTo>
                      <a:pt x="624" y="3839"/>
                    </a:lnTo>
                    <a:lnTo>
                      <a:pt x="613" y="3833"/>
                    </a:lnTo>
                    <a:lnTo>
                      <a:pt x="600" y="3831"/>
                    </a:lnTo>
                    <a:lnTo>
                      <a:pt x="587" y="3828"/>
                    </a:lnTo>
                    <a:lnTo>
                      <a:pt x="558" y="3827"/>
                    </a:lnTo>
                    <a:lnTo>
                      <a:pt x="532" y="3830"/>
                    </a:lnTo>
                    <a:lnTo>
                      <a:pt x="510" y="3830"/>
                    </a:lnTo>
                    <a:lnTo>
                      <a:pt x="478" y="3826"/>
                    </a:lnTo>
                    <a:lnTo>
                      <a:pt x="462" y="3823"/>
                    </a:lnTo>
                    <a:lnTo>
                      <a:pt x="449" y="3819"/>
                    </a:lnTo>
                    <a:lnTo>
                      <a:pt x="444" y="3815"/>
                    </a:lnTo>
                    <a:lnTo>
                      <a:pt x="442" y="3813"/>
                    </a:lnTo>
                    <a:lnTo>
                      <a:pt x="440" y="3810"/>
                    </a:lnTo>
                    <a:lnTo>
                      <a:pt x="442" y="3806"/>
                    </a:lnTo>
                    <a:lnTo>
                      <a:pt x="444" y="3801"/>
                    </a:lnTo>
                    <a:lnTo>
                      <a:pt x="448" y="3797"/>
                    </a:lnTo>
                    <a:lnTo>
                      <a:pt x="452" y="3793"/>
                    </a:lnTo>
                    <a:lnTo>
                      <a:pt x="456" y="3791"/>
                    </a:lnTo>
                    <a:lnTo>
                      <a:pt x="465" y="3787"/>
                    </a:lnTo>
                    <a:lnTo>
                      <a:pt x="475" y="3784"/>
                    </a:lnTo>
                    <a:lnTo>
                      <a:pt x="496" y="3782"/>
                    </a:lnTo>
                    <a:lnTo>
                      <a:pt x="516" y="3782"/>
                    </a:lnTo>
                    <a:lnTo>
                      <a:pt x="526" y="3782"/>
                    </a:lnTo>
                    <a:lnTo>
                      <a:pt x="532" y="3780"/>
                    </a:lnTo>
                    <a:lnTo>
                      <a:pt x="536" y="3778"/>
                    </a:lnTo>
                    <a:lnTo>
                      <a:pt x="536" y="3775"/>
                    </a:lnTo>
                    <a:lnTo>
                      <a:pt x="535" y="3771"/>
                    </a:lnTo>
                    <a:lnTo>
                      <a:pt x="531" y="3769"/>
                    </a:lnTo>
                    <a:lnTo>
                      <a:pt x="527" y="3765"/>
                    </a:lnTo>
                    <a:lnTo>
                      <a:pt x="521" y="3760"/>
                    </a:lnTo>
                    <a:lnTo>
                      <a:pt x="494" y="3745"/>
                    </a:lnTo>
                    <a:lnTo>
                      <a:pt x="479" y="3738"/>
                    </a:lnTo>
                    <a:lnTo>
                      <a:pt x="481" y="3732"/>
                    </a:lnTo>
                    <a:lnTo>
                      <a:pt x="483" y="3729"/>
                    </a:lnTo>
                    <a:lnTo>
                      <a:pt x="488" y="3727"/>
                    </a:lnTo>
                    <a:lnTo>
                      <a:pt x="494" y="3726"/>
                    </a:lnTo>
                    <a:lnTo>
                      <a:pt x="510" y="3726"/>
                    </a:lnTo>
                    <a:lnTo>
                      <a:pt x="528" y="3729"/>
                    </a:lnTo>
                    <a:lnTo>
                      <a:pt x="565" y="3736"/>
                    </a:lnTo>
                    <a:lnTo>
                      <a:pt x="588" y="3742"/>
                    </a:lnTo>
                    <a:lnTo>
                      <a:pt x="602" y="3743"/>
                    </a:lnTo>
                    <a:lnTo>
                      <a:pt x="619" y="3742"/>
                    </a:lnTo>
                    <a:lnTo>
                      <a:pt x="627" y="3740"/>
                    </a:lnTo>
                    <a:lnTo>
                      <a:pt x="635" y="3740"/>
                    </a:lnTo>
                    <a:lnTo>
                      <a:pt x="641" y="3742"/>
                    </a:lnTo>
                    <a:lnTo>
                      <a:pt x="646" y="3744"/>
                    </a:lnTo>
                    <a:lnTo>
                      <a:pt x="653" y="3748"/>
                    </a:lnTo>
                    <a:lnTo>
                      <a:pt x="658" y="3753"/>
                    </a:lnTo>
                    <a:lnTo>
                      <a:pt x="662" y="3760"/>
                    </a:lnTo>
                    <a:lnTo>
                      <a:pt x="667" y="3765"/>
                    </a:lnTo>
                    <a:lnTo>
                      <a:pt x="672" y="3770"/>
                    </a:lnTo>
                    <a:lnTo>
                      <a:pt x="677" y="3775"/>
                    </a:lnTo>
                    <a:lnTo>
                      <a:pt x="681" y="3776"/>
                    </a:lnTo>
                    <a:lnTo>
                      <a:pt x="684" y="3776"/>
                    </a:lnTo>
                    <a:lnTo>
                      <a:pt x="689" y="3776"/>
                    </a:lnTo>
                    <a:lnTo>
                      <a:pt x="693" y="3776"/>
                    </a:lnTo>
                    <a:lnTo>
                      <a:pt x="707" y="3773"/>
                    </a:lnTo>
                    <a:lnTo>
                      <a:pt x="722" y="3770"/>
                    </a:lnTo>
                    <a:lnTo>
                      <a:pt x="728" y="3771"/>
                    </a:lnTo>
                    <a:lnTo>
                      <a:pt x="734" y="3774"/>
                    </a:lnTo>
                    <a:lnTo>
                      <a:pt x="740" y="3778"/>
                    </a:lnTo>
                    <a:lnTo>
                      <a:pt x="745" y="3786"/>
                    </a:lnTo>
                    <a:lnTo>
                      <a:pt x="754" y="3800"/>
                    </a:lnTo>
                    <a:lnTo>
                      <a:pt x="764" y="3817"/>
                    </a:lnTo>
                    <a:lnTo>
                      <a:pt x="771" y="3823"/>
                    </a:lnTo>
                    <a:lnTo>
                      <a:pt x="777" y="3828"/>
                    </a:lnTo>
                    <a:lnTo>
                      <a:pt x="785" y="3832"/>
                    </a:lnTo>
                    <a:lnTo>
                      <a:pt x="794" y="3833"/>
                    </a:lnTo>
                    <a:lnTo>
                      <a:pt x="804" y="3832"/>
                    </a:lnTo>
                    <a:lnTo>
                      <a:pt x="819" y="3831"/>
                    </a:lnTo>
                    <a:lnTo>
                      <a:pt x="826" y="3830"/>
                    </a:lnTo>
                    <a:lnTo>
                      <a:pt x="832" y="3827"/>
                    </a:lnTo>
                    <a:lnTo>
                      <a:pt x="833" y="3826"/>
                    </a:lnTo>
                    <a:lnTo>
                      <a:pt x="834" y="3826"/>
                    </a:lnTo>
                    <a:lnTo>
                      <a:pt x="834" y="3824"/>
                    </a:lnTo>
                    <a:lnTo>
                      <a:pt x="834" y="3822"/>
                    </a:lnTo>
                    <a:lnTo>
                      <a:pt x="828" y="3818"/>
                    </a:lnTo>
                    <a:lnTo>
                      <a:pt x="821" y="3814"/>
                    </a:lnTo>
                    <a:lnTo>
                      <a:pt x="813" y="3810"/>
                    </a:lnTo>
                    <a:lnTo>
                      <a:pt x="806" y="3808"/>
                    </a:lnTo>
                    <a:lnTo>
                      <a:pt x="798" y="3804"/>
                    </a:lnTo>
                    <a:lnTo>
                      <a:pt x="790" y="3801"/>
                    </a:lnTo>
                    <a:lnTo>
                      <a:pt x="784" y="3797"/>
                    </a:lnTo>
                    <a:lnTo>
                      <a:pt x="779" y="3792"/>
                    </a:lnTo>
                    <a:lnTo>
                      <a:pt x="777" y="3789"/>
                    </a:lnTo>
                    <a:lnTo>
                      <a:pt x="777" y="3787"/>
                    </a:lnTo>
                    <a:lnTo>
                      <a:pt x="777" y="3784"/>
                    </a:lnTo>
                    <a:lnTo>
                      <a:pt x="779" y="3783"/>
                    </a:lnTo>
                    <a:lnTo>
                      <a:pt x="784" y="3778"/>
                    </a:lnTo>
                    <a:lnTo>
                      <a:pt x="789" y="3774"/>
                    </a:lnTo>
                    <a:lnTo>
                      <a:pt x="803" y="3767"/>
                    </a:lnTo>
                    <a:lnTo>
                      <a:pt x="813" y="3761"/>
                    </a:lnTo>
                    <a:lnTo>
                      <a:pt x="817" y="3758"/>
                    </a:lnTo>
                    <a:lnTo>
                      <a:pt x="821" y="3757"/>
                    </a:lnTo>
                    <a:lnTo>
                      <a:pt x="826" y="3756"/>
                    </a:lnTo>
                    <a:lnTo>
                      <a:pt x="833" y="3754"/>
                    </a:lnTo>
                    <a:lnTo>
                      <a:pt x="848" y="3754"/>
                    </a:lnTo>
                    <a:lnTo>
                      <a:pt x="864" y="3756"/>
                    </a:lnTo>
                    <a:lnTo>
                      <a:pt x="898" y="3760"/>
                    </a:lnTo>
                    <a:lnTo>
                      <a:pt x="922" y="3762"/>
                    </a:lnTo>
                    <a:lnTo>
                      <a:pt x="911" y="3749"/>
                    </a:lnTo>
                    <a:lnTo>
                      <a:pt x="903" y="3740"/>
                    </a:lnTo>
                    <a:lnTo>
                      <a:pt x="899" y="3736"/>
                    </a:lnTo>
                    <a:lnTo>
                      <a:pt x="893" y="3732"/>
                    </a:lnTo>
                    <a:lnTo>
                      <a:pt x="882" y="3730"/>
                    </a:lnTo>
                    <a:lnTo>
                      <a:pt x="869" y="3729"/>
                    </a:lnTo>
                    <a:lnTo>
                      <a:pt x="847" y="3732"/>
                    </a:lnTo>
                    <a:lnTo>
                      <a:pt x="812" y="3739"/>
                    </a:lnTo>
                    <a:lnTo>
                      <a:pt x="804" y="3740"/>
                    </a:lnTo>
                    <a:lnTo>
                      <a:pt x="797" y="3740"/>
                    </a:lnTo>
                    <a:lnTo>
                      <a:pt x="791" y="3740"/>
                    </a:lnTo>
                    <a:lnTo>
                      <a:pt x="786" y="3738"/>
                    </a:lnTo>
                    <a:lnTo>
                      <a:pt x="785" y="3736"/>
                    </a:lnTo>
                    <a:lnTo>
                      <a:pt x="785" y="3735"/>
                    </a:lnTo>
                    <a:lnTo>
                      <a:pt x="784" y="3734"/>
                    </a:lnTo>
                    <a:lnTo>
                      <a:pt x="785" y="3731"/>
                    </a:lnTo>
                    <a:lnTo>
                      <a:pt x="788" y="3726"/>
                    </a:lnTo>
                    <a:lnTo>
                      <a:pt x="794" y="3719"/>
                    </a:lnTo>
                    <a:lnTo>
                      <a:pt x="806" y="3712"/>
                    </a:lnTo>
                    <a:lnTo>
                      <a:pt x="815" y="3703"/>
                    </a:lnTo>
                    <a:lnTo>
                      <a:pt x="813" y="3700"/>
                    </a:lnTo>
                    <a:lnTo>
                      <a:pt x="810" y="3697"/>
                    </a:lnTo>
                    <a:lnTo>
                      <a:pt x="803" y="3696"/>
                    </a:lnTo>
                    <a:lnTo>
                      <a:pt x="794" y="3695"/>
                    </a:lnTo>
                    <a:lnTo>
                      <a:pt x="773" y="3692"/>
                    </a:lnTo>
                    <a:lnTo>
                      <a:pt x="750" y="3690"/>
                    </a:lnTo>
                    <a:lnTo>
                      <a:pt x="727" y="3686"/>
                    </a:lnTo>
                    <a:lnTo>
                      <a:pt x="709" y="3681"/>
                    </a:lnTo>
                    <a:lnTo>
                      <a:pt x="701" y="3678"/>
                    </a:lnTo>
                    <a:lnTo>
                      <a:pt x="696" y="3674"/>
                    </a:lnTo>
                    <a:lnTo>
                      <a:pt x="694" y="3672"/>
                    </a:lnTo>
                    <a:lnTo>
                      <a:pt x="693" y="3669"/>
                    </a:lnTo>
                    <a:lnTo>
                      <a:pt x="693" y="3666"/>
                    </a:lnTo>
                    <a:lnTo>
                      <a:pt x="693" y="3664"/>
                    </a:lnTo>
                    <a:lnTo>
                      <a:pt x="696" y="3659"/>
                    </a:lnTo>
                    <a:lnTo>
                      <a:pt x="698" y="3655"/>
                    </a:lnTo>
                    <a:lnTo>
                      <a:pt x="701" y="3652"/>
                    </a:lnTo>
                    <a:lnTo>
                      <a:pt x="705" y="3650"/>
                    </a:lnTo>
                    <a:lnTo>
                      <a:pt x="714" y="3644"/>
                    </a:lnTo>
                    <a:lnTo>
                      <a:pt x="723" y="3640"/>
                    </a:lnTo>
                    <a:lnTo>
                      <a:pt x="729" y="3637"/>
                    </a:lnTo>
                    <a:lnTo>
                      <a:pt x="734" y="3633"/>
                    </a:lnTo>
                    <a:lnTo>
                      <a:pt x="736" y="3630"/>
                    </a:lnTo>
                    <a:lnTo>
                      <a:pt x="736" y="3628"/>
                    </a:lnTo>
                    <a:lnTo>
                      <a:pt x="736" y="3625"/>
                    </a:lnTo>
                    <a:lnTo>
                      <a:pt x="733" y="3621"/>
                    </a:lnTo>
                    <a:lnTo>
                      <a:pt x="718" y="3602"/>
                    </a:lnTo>
                    <a:lnTo>
                      <a:pt x="710" y="3590"/>
                    </a:lnTo>
                    <a:lnTo>
                      <a:pt x="709" y="3586"/>
                    </a:lnTo>
                    <a:lnTo>
                      <a:pt x="709" y="3583"/>
                    </a:lnTo>
                    <a:lnTo>
                      <a:pt x="710" y="3582"/>
                    </a:lnTo>
                    <a:lnTo>
                      <a:pt x="712" y="3581"/>
                    </a:lnTo>
                    <a:lnTo>
                      <a:pt x="733" y="3581"/>
                    </a:lnTo>
                    <a:lnTo>
                      <a:pt x="766" y="3580"/>
                    </a:lnTo>
                    <a:lnTo>
                      <a:pt x="775" y="3578"/>
                    </a:lnTo>
                    <a:lnTo>
                      <a:pt x="781" y="3580"/>
                    </a:lnTo>
                    <a:lnTo>
                      <a:pt x="785" y="3581"/>
                    </a:lnTo>
                    <a:lnTo>
                      <a:pt x="789" y="3585"/>
                    </a:lnTo>
                    <a:lnTo>
                      <a:pt x="794" y="3595"/>
                    </a:lnTo>
                    <a:lnTo>
                      <a:pt x="802" y="3609"/>
                    </a:lnTo>
                    <a:lnTo>
                      <a:pt x="804" y="3613"/>
                    </a:lnTo>
                    <a:lnTo>
                      <a:pt x="807" y="3616"/>
                    </a:lnTo>
                    <a:lnTo>
                      <a:pt x="811" y="3618"/>
                    </a:lnTo>
                    <a:lnTo>
                      <a:pt x="815" y="3621"/>
                    </a:lnTo>
                    <a:lnTo>
                      <a:pt x="825" y="3624"/>
                    </a:lnTo>
                    <a:lnTo>
                      <a:pt x="836" y="3626"/>
                    </a:lnTo>
                    <a:lnTo>
                      <a:pt x="856" y="3629"/>
                    </a:lnTo>
                    <a:lnTo>
                      <a:pt x="874" y="3631"/>
                    </a:lnTo>
                    <a:lnTo>
                      <a:pt x="891" y="3633"/>
                    </a:lnTo>
                    <a:lnTo>
                      <a:pt x="913" y="3635"/>
                    </a:lnTo>
                    <a:lnTo>
                      <a:pt x="924" y="3637"/>
                    </a:lnTo>
                    <a:lnTo>
                      <a:pt x="934" y="3639"/>
                    </a:lnTo>
                    <a:lnTo>
                      <a:pt x="942" y="3642"/>
                    </a:lnTo>
                    <a:lnTo>
                      <a:pt x="946" y="3646"/>
                    </a:lnTo>
                    <a:lnTo>
                      <a:pt x="960" y="3668"/>
                    </a:lnTo>
                    <a:lnTo>
                      <a:pt x="972" y="3692"/>
                    </a:lnTo>
                    <a:lnTo>
                      <a:pt x="984" y="3717"/>
                    </a:lnTo>
                    <a:lnTo>
                      <a:pt x="1000" y="3739"/>
                    </a:lnTo>
                    <a:lnTo>
                      <a:pt x="1007" y="3749"/>
                    </a:lnTo>
                    <a:lnTo>
                      <a:pt x="1013" y="3756"/>
                    </a:lnTo>
                    <a:lnTo>
                      <a:pt x="1017" y="3760"/>
                    </a:lnTo>
                    <a:lnTo>
                      <a:pt x="1021" y="3761"/>
                    </a:lnTo>
                    <a:lnTo>
                      <a:pt x="1023" y="3761"/>
                    </a:lnTo>
                    <a:lnTo>
                      <a:pt x="1026" y="3758"/>
                    </a:lnTo>
                    <a:lnTo>
                      <a:pt x="1027" y="3754"/>
                    </a:lnTo>
                    <a:lnTo>
                      <a:pt x="1027" y="3751"/>
                    </a:lnTo>
                    <a:lnTo>
                      <a:pt x="1026" y="3738"/>
                    </a:lnTo>
                    <a:lnTo>
                      <a:pt x="1023" y="3725"/>
                    </a:lnTo>
                    <a:lnTo>
                      <a:pt x="1018" y="3713"/>
                    </a:lnTo>
                    <a:lnTo>
                      <a:pt x="1013" y="3704"/>
                    </a:lnTo>
                    <a:lnTo>
                      <a:pt x="995" y="3682"/>
                    </a:lnTo>
                    <a:lnTo>
                      <a:pt x="969" y="3651"/>
                    </a:lnTo>
                    <a:lnTo>
                      <a:pt x="957" y="3634"/>
                    </a:lnTo>
                    <a:lnTo>
                      <a:pt x="947" y="3620"/>
                    </a:lnTo>
                    <a:lnTo>
                      <a:pt x="942" y="3612"/>
                    </a:lnTo>
                    <a:lnTo>
                      <a:pt x="939" y="3607"/>
                    </a:lnTo>
                    <a:lnTo>
                      <a:pt x="938" y="3602"/>
                    </a:lnTo>
                    <a:lnTo>
                      <a:pt x="937" y="3596"/>
                    </a:lnTo>
                    <a:lnTo>
                      <a:pt x="938" y="3594"/>
                    </a:lnTo>
                    <a:lnTo>
                      <a:pt x="939" y="3591"/>
                    </a:lnTo>
                    <a:lnTo>
                      <a:pt x="943" y="3590"/>
                    </a:lnTo>
                    <a:lnTo>
                      <a:pt x="948" y="3590"/>
                    </a:lnTo>
                    <a:lnTo>
                      <a:pt x="960" y="3593"/>
                    </a:lnTo>
                    <a:lnTo>
                      <a:pt x="973" y="3598"/>
                    </a:lnTo>
                    <a:lnTo>
                      <a:pt x="987" y="3605"/>
                    </a:lnTo>
                    <a:lnTo>
                      <a:pt x="1000" y="3612"/>
                    </a:lnTo>
                    <a:lnTo>
                      <a:pt x="1010" y="3618"/>
                    </a:lnTo>
                    <a:lnTo>
                      <a:pt x="1016" y="3624"/>
                    </a:lnTo>
                    <a:lnTo>
                      <a:pt x="1025" y="3639"/>
                    </a:lnTo>
                    <a:lnTo>
                      <a:pt x="1036" y="3655"/>
                    </a:lnTo>
                    <a:lnTo>
                      <a:pt x="1043" y="3660"/>
                    </a:lnTo>
                    <a:lnTo>
                      <a:pt x="1049" y="3665"/>
                    </a:lnTo>
                    <a:lnTo>
                      <a:pt x="1053" y="3666"/>
                    </a:lnTo>
                    <a:lnTo>
                      <a:pt x="1057" y="3668"/>
                    </a:lnTo>
                    <a:lnTo>
                      <a:pt x="1062" y="3668"/>
                    </a:lnTo>
                    <a:lnTo>
                      <a:pt x="1066" y="3668"/>
                    </a:lnTo>
                    <a:lnTo>
                      <a:pt x="1069" y="3666"/>
                    </a:lnTo>
                    <a:lnTo>
                      <a:pt x="1071" y="3665"/>
                    </a:lnTo>
                    <a:lnTo>
                      <a:pt x="1073" y="3662"/>
                    </a:lnTo>
                    <a:lnTo>
                      <a:pt x="1074" y="3659"/>
                    </a:lnTo>
                    <a:lnTo>
                      <a:pt x="1075" y="3652"/>
                    </a:lnTo>
                    <a:lnTo>
                      <a:pt x="1074" y="3644"/>
                    </a:lnTo>
                    <a:lnTo>
                      <a:pt x="1071" y="3635"/>
                    </a:lnTo>
                    <a:lnTo>
                      <a:pt x="1067" y="3628"/>
                    </a:lnTo>
                    <a:lnTo>
                      <a:pt x="1064" y="3621"/>
                    </a:lnTo>
                    <a:lnTo>
                      <a:pt x="1060" y="3616"/>
                    </a:lnTo>
                    <a:lnTo>
                      <a:pt x="1052" y="3608"/>
                    </a:lnTo>
                    <a:lnTo>
                      <a:pt x="1045" y="3600"/>
                    </a:lnTo>
                    <a:lnTo>
                      <a:pt x="1040" y="3593"/>
                    </a:lnTo>
                    <a:lnTo>
                      <a:pt x="1035" y="3583"/>
                    </a:lnTo>
                    <a:lnTo>
                      <a:pt x="1032" y="3573"/>
                    </a:lnTo>
                    <a:lnTo>
                      <a:pt x="1030" y="3564"/>
                    </a:lnTo>
                    <a:lnTo>
                      <a:pt x="1029" y="3554"/>
                    </a:lnTo>
                    <a:lnTo>
                      <a:pt x="1029" y="3542"/>
                    </a:lnTo>
                    <a:lnTo>
                      <a:pt x="1029" y="3530"/>
                    </a:lnTo>
                    <a:lnTo>
                      <a:pt x="1031" y="3524"/>
                    </a:lnTo>
                    <a:lnTo>
                      <a:pt x="1032" y="3523"/>
                    </a:lnTo>
                    <a:lnTo>
                      <a:pt x="1034" y="3523"/>
                    </a:lnTo>
                    <a:lnTo>
                      <a:pt x="1035" y="3523"/>
                    </a:lnTo>
                    <a:lnTo>
                      <a:pt x="1036" y="3525"/>
                    </a:lnTo>
                    <a:lnTo>
                      <a:pt x="1039" y="3530"/>
                    </a:lnTo>
                    <a:lnTo>
                      <a:pt x="1042" y="3537"/>
                    </a:lnTo>
                    <a:lnTo>
                      <a:pt x="1043" y="3546"/>
                    </a:lnTo>
                    <a:lnTo>
                      <a:pt x="1043" y="3555"/>
                    </a:lnTo>
                    <a:lnTo>
                      <a:pt x="1048" y="3559"/>
                    </a:lnTo>
                    <a:lnTo>
                      <a:pt x="1053" y="3564"/>
                    </a:lnTo>
                    <a:lnTo>
                      <a:pt x="1056" y="3567"/>
                    </a:lnTo>
                    <a:lnTo>
                      <a:pt x="1058" y="3569"/>
                    </a:lnTo>
                    <a:lnTo>
                      <a:pt x="1062" y="3571"/>
                    </a:lnTo>
                    <a:lnTo>
                      <a:pt x="1065" y="3571"/>
                    </a:lnTo>
                    <a:lnTo>
                      <a:pt x="1076" y="3571"/>
                    </a:lnTo>
                    <a:lnTo>
                      <a:pt x="1089" y="3573"/>
                    </a:lnTo>
                    <a:lnTo>
                      <a:pt x="1096" y="3573"/>
                    </a:lnTo>
                    <a:lnTo>
                      <a:pt x="1101" y="3572"/>
                    </a:lnTo>
                    <a:lnTo>
                      <a:pt x="1105" y="3569"/>
                    </a:lnTo>
                    <a:lnTo>
                      <a:pt x="1108" y="3565"/>
                    </a:lnTo>
                    <a:lnTo>
                      <a:pt x="1106" y="3560"/>
                    </a:lnTo>
                    <a:lnTo>
                      <a:pt x="1105" y="3555"/>
                    </a:lnTo>
                    <a:lnTo>
                      <a:pt x="1100" y="3550"/>
                    </a:lnTo>
                    <a:lnTo>
                      <a:pt x="1092" y="3545"/>
                    </a:lnTo>
                    <a:lnTo>
                      <a:pt x="1086" y="3541"/>
                    </a:lnTo>
                    <a:lnTo>
                      <a:pt x="1080" y="3537"/>
                    </a:lnTo>
                    <a:lnTo>
                      <a:pt x="1078" y="3532"/>
                    </a:lnTo>
                    <a:lnTo>
                      <a:pt x="1075" y="3526"/>
                    </a:lnTo>
                    <a:lnTo>
                      <a:pt x="1073" y="3514"/>
                    </a:lnTo>
                    <a:lnTo>
                      <a:pt x="1071" y="3499"/>
                    </a:lnTo>
                    <a:lnTo>
                      <a:pt x="1074" y="3491"/>
                    </a:lnTo>
                    <a:lnTo>
                      <a:pt x="1076" y="3484"/>
                    </a:lnTo>
                    <a:lnTo>
                      <a:pt x="1082" y="3477"/>
                    </a:lnTo>
                    <a:lnTo>
                      <a:pt x="1087" y="3472"/>
                    </a:lnTo>
                    <a:lnTo>
                      <a:pt x="1092" y="3468"/>
                    </a:lnTo>
                    <a:lnTo>
                      <a:pt x="1100" y="3466"/>
                    </a:lnTo>
                    <a:lnTo>
                      <a:pt x="1108" y="3466"/>
                    </a:lnTo>
                    <a:lnTo>
                      <a:pt x="1117" y="3467"/>
                    </a:lnTo>
                    <a:lnTo>
                      <a:pt x="1124" y="3468"/>
                    </a:lnTo>
                    <a:lnTo>
                      <a:pt x="1133" y="3469"/>
                    </a:lnTo>
                    <a:lnTo>
                      <a:pt x="1141" y="3468"/>
                    </a:lnTo>
                    <a:lnTo>
                      <a:pt x="1149" y="3467"/>
                    </a:lnTo>
                    <a:lnTo>
                      <a:pt x="1163" y="3464"/>
                    </a:lnTo>
                    <a:lnTo>
                      <a:pt x="1176" y="3464"/>
                    </a:lnTo>
                    <a:lnTo>
                      <a:pt x="1172" y="3482"/>
                    </a:lnTo>
                    <a:lnTo>
                      <a:pt x="1170" y="3504"/>
                    </a:lnTo>
                    <a:lnTo>
                      <a:pt x="1170" y="3511"/>
                    </a:lnTo>
                    <a:lnTo>
                      <a:pt x="1170" y="3515"/>
                    </a:lnTo>
                    <a:lnTo>
                      <a:pt x="1171" y="3519"/>
                    </a:lnTo>
                    <a:lnTo>
                      <a:pt x="1174" y="3523"/>
                    </a:lnTo>
                    <a:lnTo>
                      <a:pt x="1176" y="3525"/>
                    </a:lnTo>
                    <a:lnTo>
                      <a:pt x="1181" y="3526"/>
                    </a:lnTo>
                    <a:lnTo>
                      <a:pt x="1187" y="3526"/>
                    </a:lnTo>
                    <a:lnTo>
                      <a:pt x="1193" y="3525"/>
                    </a:lnTo>
                    <a:lnTo>
                      <a:pt x="1213" y="3519"/>
                    </a:lnTo>
                    <a:lnTo>
                      <a:pt x="1232" y="3511"/>
                    </a:lnTo>
                    <a:lnTo>
                      <a:pt x="1236" y="3508"/>
                    </a:lnTo>
                    <a:lnTo>
                      <a:pt x="1238" y="3506"/>
                    </a:lnTo>
                    <a:lnTo>
                      <a:pt x="1241" y="3503"/>
                    </a:lnTo>
                    <a:lnTo>
                      <a:pt x="1241" y="3499"/>
                    </a:lnTo>
                    <a:lnTo>
                      <a:pt x="1241" y="3495"/>
                    </a:lnTo>
                    <a:lnTo>
                      <a:pt x="1238" y="3491"/>
                    </a:lnTo>
                    <a:lnTo>
                      <a:pt x="1235" y="3488"/>
                    </a:lnTo>
                    <a:lnTo>
                      <a:pt x="1229" y="3482"/>
                    </a:lnTo>
                    <a:lnTo>
                      <a:pt x="1223" y="3476"/>
                    </a:lnTo>
                    <a:lnTo>
                      <a:pt x="1219" y="3471"/>
                    </a:lnTo>
                    <a:lnTo>
                      <a:pt x="1220" y="3467"/>
                    </a:lnTo>
                    <a:lnTo>
                      <a:pt x="1222" y="3464"/>
                    </a:lnTo>
                    <a:lnTo>
                      <a:pt x="1225" y="3460"/>
                    </a:lnTo>
                    <a:lnTo>
                      <a:pt x="1228" y="3458"/>
                    </a:lnTo>
                    <a:lnTo>
                      <a:pt x="1231" y="3455"/>
                    </a:lnTo>
                    <a:lnTo>
                      <a:pt x="1231" y="3451"/>
                    </a:lnTo>
                    <a:lnTo>
                      <a:pt x="1229" y="3444"/>
                    </a:lnTo>
                    <a:lnTo>
                      <a:pt x="1229" y="3437"/>
                    </a:lnTo>
                    <a:lnTo>
                      <a:pt x="1232" y="3431"/>
                    </a:lnTo>
                    <a:lnTo>
                      <a:pt x="1237" y="3427"/>
                    </a:lnTo>
                    <a:lnTo>
                      <a:pt x="1244" y="3423"/>
                    </a:lnTo>
                    <a:lnTo>
                      <a:pt x="1250" y="3422"/>
                    </a:lnTo>
                    <a:lnTo>
                      <a:pt x="1258" y="3420"/>
                    </a:lnTo>
                    <a:lnTo>
                      <a:pt x="1266" y="3422"/>
                    </a:lnTo>
                    <a:lnTo>
                      <a:pt x="1277" y="3424"/>
                    </a:lnTo>
                    <a:lnTo>
                      <a:pt x="1289" y="3424"/>
                    </a:lnTo>
                    <a:lnTo>
                      <a:pt x="1299" y="3424"/>
                    </a:lnTo>
                    <a:lnTo>
                      <a:pt x="1311" y="3423"/>
                    </a:lnTo>
                    <a:lnTo>
                      <a:pt x="1321" y="3424"/>
                    </a:lnTo>
                    <a:lnTo>
                      <a:pt x="1332" y="3427"/>
                    </a:lnTo>
                    <a:lnTo>
                      <a:pt x="1337" y="3429"/>
                    </a:lnTo>
                    <a:lnTo>
                      <a:pt x="1341" y="3433"/>
                    </a:lnTo>
                    <a:lnTo>
                      <a:pt x="1346" y="3437"/>
                    </a:lnTo>
                    <a:lnTo>
                      <a:pt x="1350" y="3442"/>
                    </a:lnTo>
                    <a:lnTo>
                      <a:pt x="1373" y="3468"/>
                    </a:lnTo>
                    <a:lnTo>
                      <a:pt x="1382" y="3481"/>
                    </a:lnTo>
                    <a:lnTo>
                      <a:pt x="1384" y="3488"/>
                    </a:lnTo>
                    <a:lnTo>
                      <a:pt x="1382" y="3498"/>
                    </a:lnTo>
                    <a:lnTo>
                      <a:pt x="1378" y="3514"/>
                    </a:lnTo>
                    <a:lnTo>
                      <a:pt x="1373" y="3537"/>
                    </a:lnTo>
                    <a:lnTo>
                      <a:pt x="1373" y="3542"/>
                    </a:lnTo>
                    <a:lnTo>
                      <a:pt x="1373" y="3547"/>
                    </a:lnTo>
                    <a:lnTo>
                      <a:pt x="1373" y="3551"/>
                    </a:lnTo>
                    <a:lnTo>
                      <a:pt x="1374" y="3555"/>
                    </a:lnTo>
                    <a:lnTo>
                      <a:pt x="1377" y="3556"/>
                    </a:lnTo>
                    <a:lnTo>
                      <a:pt x="1381" y="3558"/>
                    </a:lnTo>
                    <a:lnTo>
                      <a:pt x="1384" y="3559"/>
                    </a:lnTo>
                    <a:lnTo>
                      <a:pt x="1387" y="3559"/>
                    </a:lnTo>
                    <a:lnTo>
                      <a:pt x="1407" y="3556"/>
                    </a:lnTo>
                    <a:lnTo>
                      <a:pt x="1426" y="3555"/>
                    </a:lnTo>
                    <a:lnTo>
                      <a:pt x="1431" y="3555"/>
                    </a:lnTo>
                    <a:lnTo>
                      <a:pt x="1442" y="3555"/>
                    </a:lnTo>
                    <a:lnTo>
                      <a:pt x="1450" y="3555"/>
                    </a:lnTo>
                    <a:lnTo>
                      <a:pt x="1453" y="3552"/>
                    </a:lnTo>
                    <a:lnTo>
                      <a:pt x="1447" y="3550"/>
                    </a:lnTo>
                    <a:lnTo>
                      <a:pt x="1442" y="3546"/>
                    </a:lnTo>
                    <a:lnTo>
                      <a:pt x="1438" y="3542"/>
                    </a:lnTo>
                    <a:lnTo>
                      <a:pt x="1435" y="3538"/>
                    </a:lnTo>
                    <a:lnTo>
                      <a:pt x="1435" y="3534"/>
                    </a:lnTo>
                    <a:lnTo>
                      <a:pt x="1435" y="3530"/>
                    </a:lnTo>
                    <a:lnTo>
                      <a:pt x="1438" y="3526"/>
                    </a:lnTo>
                    <a:lnTo>
                      <a:pt x="1441" y="3523"/>
                    </a:lnTo>
                    <a:lnTo>
                      <a:pt x="1447" y="3515"/>
                    </a:lnTo>
                    <a:lnTo>
                      <a:pt x="1457" y="3508"/>
                    </a:lnTo>
                    <a:lnTo>
                      <a:pt x="1466" y="3504"/>
                    </a:lnTo>
                    <a:lnTo>
                      <a:pt x="1477" y="3501"/>
                    </a:lnTo>
                    <a:lnTo>
                      <a:pt x="1486" y="3501"/>
                    </a:lnTo>
                    <a:lnTo>
                      <a:pt x="1499" y="3502"/>
                    </a:lnTo>
                    <a:lnTo>
                      <a:pt x="1514" y="3503"/>
                    </a:lnTo>
                    <a:lnTo>
                      <a:pt x="1530" y="3506"/>
                    </a:lnTo>
                    <a:lnTo>
                      <a:pt x="1544" y="3508"/>
                    </a:lnTo>
                    <a:lnTo>
                      <a:pt x="1556" y="3508"/>
                    </a:lnTo>
                    <a:lnTo>
                      <a:pt x="1561" y="3507"/>
                    </a:lnTo>
                    <a:lnTo>
                      <a:pt x="1564" y="3506"/>
                    </a:lnTo>
                    <a:lnTo>
                      <a:pt x="1566" y="3503"/>
                    </a:lnTo>
                    <a:lnTo>
                      <a:pt x="1566" y="3501"/>
                    </a:lnTo>
                    <a:lnTo>
                      <a:pt x="1569" y="3488"/>
                    </a:lnTo>
                    <a:lnTo>
                      <a:pt x="1573" y="3469"/>
                    </a:lnTo>
                    <a:lnTo>
                      <a:pt x="1578" y="3453"/>
                    </a:lnTo>
                    <a:lnTo>
                      <a:pt x="1579" y="3445"/>
                    </a:lnTo>
                    <a:lnTo>
                      <a:pt x="1577" y="3442"/>
                    </a:lnTo>
                    <a:lnTo>
                      <a:pt x="1573" y="3442"/>
                    </a:lnTo>
                    <a:lnTo>
                      <a:pt x="1566" y="3442"/>
                    </a:lnTo>
                    <a:lnTo>
                      <a:pt x="1558" y="3442"/>
                    </a:lnTo>
                    <a:lnTo>
                      <a:pt x="1544" y="3445"/>
                    </a:lnTo>
                    <a:lnTo>
                      <a:pt x="1535" y="3446"/>
                    </a:lnTo>
                    <a:lnTo>
                      <a:pt x="1523" y="3446"/>
                    </a:lnTo>
                    <a:lnTo>
                      <a:pt x="1514" y="3445"/>
                    </a:lnTo>
                    <a:lnTo>
                      <a:pt x="1509" y="3444"/>
                    </a:lnTo>
                    <a:lnTo>
                      <a:pt x="1508" y="3441"/>
                    </a:lnTo>
                    <a:lnTo>
                      <a:pt x="1508" y="3438"/>
                    </a:lnTo>
                    <a:lnTo>
                      <a:pt x="1510" y="3436"/>
                    </a:lnTo>
                    <a:lnTo>
                      <a:pt x="1516" y="3432"/>
                    </a:lnTo>
                    <a:lnTo>
                      <a:pt x="1521" y="3428"/>
                    </a:lnTo>
                    <a:lnTo>
                      <a:pt x="1551" y="3414"/>
                    </a:lnTo>
                    <a:lnTo>
                      <a:pt x="1570" y="3405"/>
                    </a:lnTo>
                    <a:lnTo>
                      <a:pt x="1587" y="3396"/>
                    </a:lnTo>
                    <a:lnTo>
                      <a:pt x="1606" y="3389"/>
                    </a:lnTo>
                    <a:lnTo>
                      <a:pt x="1624" y="3384"/>
                    </a:lnTo>
                    <a:lnTo>
                      <a:pt x="1641" y="3378"/>
                    </a:lnTo>
                    <a:lnTo>
                      <a:pt x="1648" y="3374"/>
                    </a:lnTo>
                    <a:lnTo>
                      <a:pt x="1656" y="3368"/>
                    </a:lnTo>
                    <a:lnTo>
                      <a:pt x="1662" y="3362"/>
                    </a:lnTo>
                    <a:lnTo>
                      <a:pt x="1667" y="3355"/>
                    </a:lnTo>
                    <a:lnTo>
                      <a:pt x="1671" y="3348"/>
                    </a:lnTo>
                    <a:lnTo>
                      <a:pt x="1675" y="3337"/>
                    </a:lnTo>
                    <a:lnTo>
                      <a:pt x="1676" y="3326"/>
                    </a:lnTo>
                    <a:lnTo>
                      <a:pt x="1678" y="3311"/>
                    </a:lnTo>
                    <a:lnTo>
                      <a:pt x="1667" y="3313"/>
                    </a:lnTo>
                    <a:lnTo>
                      <a:pt x="1654" y="3315"/>
                    </a:lnTo>
                    <a:lnTo>
                      <a:pt x="1643" y="3315"/>
                    </a:lnTo>
                    <a:lnTo>
                      <a:pt x="1631" y="3315"/>
                    </a:lnTo>
                    <a:lnTo>
                      <a:pt x="1626" y="3314"/>
                    </a:lnTo>
                    <a:lnTo>
                      <a:pt x="1622" y="3313"/>
                    </a:lnTo>
                    <a:lnTo>
                      <a:pt x="1619" y="3310"/>
                    </a:lnTo>
                    <a:lnTo>
                      <a:pt x="1617" y="3308"/>
                    </a:lnTo>
                    <a:lnTo>
                      <a:pt x="1617" y="3304"/>
                    </a:lnTo>
                    <a:lnTo>
                      <a:pt x="1618" y="3298"/>
                    </a:lnTo>
                    <a:lnTo>
                      <a:pt x="1621" y="3292"/>
                    </a:lnTo>
                    <a:lnTo>
                      <a:pt x="1626" y="3284"/>
                    </a:lnTo>
                    <a:lnTo>
                      <a:pt x="1631" y="3279"/>
                    </a:lnTo>
                    <a:lnTo>
                      <a:pt x="1639" y="3273"/>
                    </a:lnTo>
                    <a:lnTo>
                      <a:pt x="1650" y="3265"/>
                    </a:lnTo>
                    <a:lnTo>
                      <a:pt x="1662" y="3257"/>
                    </a:lnTo>
                    <a:lnTo>
                      <a:pt x="1672" y="3251"/>
                    </a:lnTo>
                    <a:lnTo>
                      <a:pt x="1681" y="3244"/>
                    </a:lnTo>
                    <a:lnTo>
                      <a:pt x="1687" y="3240"/>
                    </a:lnTo>
                    <a:lnTo>
                      <a:pt x="1688" y="3238"/>
                    </a:lnTo>
                    <a:lnTo>
                      <a:pt x="1675" y="3219"/>
                    </a:lnTo>
                    <a:lnTo>
                      <a:pt x="1663" y="3204"/>
                    </a:lnTo>
                    <a:lnTo>
                      <a:pt x="1659" y="3204"/>
                    </a:lnTo>
                    <a:lnTo>
                      <a:pt x="1656" y="3205"/>
                    </a:lnTo>
                    <a:lnTo>
                      <a:pt x="1652" y="3207"/>
                    </a:lnTo>
                    <a:lnTo>
                      <a:pt x="1649" y="3209"/>
                    </a:lnTo>
                    <a:lnTo>
                      <a:pt x="1641" y="3216"/>
                    </a:lnTo>
                    <a:lnTo>
                      <a:pt x="1634" y="3223"/>
                    </a:lnTo>
                    <a:lnTo>
                      <a:pt x="1621" y="3240"/>
                    </a:lnTo>
                    <a:lnTo>
                      <a:pt x="1609" y="3253"/>
                    </a:lnTo>
                    <a:lnTo>
                      <a:pt x="1587" y="3269"/>
                    </a:lnTo>
                    <a:lnTo>
                      <a:pt x="1552" y="3292"/>
                    </a:lnTo>
                    <a:lnTo>
                      <a:pt x="1545" y="3298"/>
                    </a:lnTo>
                    <a:lnTo>
                      <a:pt x="1539" y="3304"/>
                    </a:lnTo>
                    <a:lnTo>
                      <a:pt x="1534" y="3310"/>
                    </a:lnTo>
                    <a:lnTo>
                      <a:pt x="1531" y="3315"/>
                    </a:lnTo>
                    <a:lnTo>
                      <a:pt x="1530" y="3317"/>
                    </a:lnTo>
                    <a:lnTo>
                      <a:pt x="1530" y="3319"/>
                    </a:lnTo>
                    <a:lnTo>
                      <a:pt x="1530" y="3322"/>
                    </a:lnTo>
                    <a:lnTo>
                      <a:pt x="1531" y="3323"/>
                    </a:lnTo>
                    <a:lnTo>
                      <a:pt x="1536" y="3326"/>
                    </a:lnTo>
                    <a:lnTo>
                      <a:pt x="1544" y="3328"/>
                    </a:lnTo>
                    <a:lnTo>
                      <a:pt x="1557" y="3328"/>
                    </a:lnTo>
                    <a:lnTo>
                      <a:pt x="1575" y="3330"/>
                    </a:lnTo>
                    <a:lnTo>
                      <a:pt x="1582" y="3331"/>
                    </a:lnTo>
                    <a:lnTo>
                      <a:pt x="1586" y="3333"/>
                    </a:lnTo>
                    <a:lnTo>
                      <a:pt x="1587" y="3335"/>
                    </a:lnTo>
                    <a:lnTo>
                      <a:pt x="1586" y="3337"/>
                    </a:lnTo>
                    <a:lnTo>
                      <a:pt x="1584" y="3340"/>
                    </a:lnTo>
                    <a:lnTo>
                      <a:pt x="1580" y="3344"/>
                    </a:lnTo>
                    <a:lnTo>
                      <a:pt x="1567" y="3353"/>
                    </a:lnTo>
                    <a:lnTo>
                      <a:pt x="1549" y="3367"/>
                    </a:lnTo>
                    <a:lnTo>
                      <a:pt x="1526" y="3381"/>
                    </a:lnTo>
                    <a:lnTo>
                      <a:pt x="1501" y="3397"/>
                    </a:lnTo>
                    <a:lnTo>
                      <a:pt x="1475" y="3411"/>
                    </a:lnTo>
                    <a:lnTo>
                      <a:pt x="1452" y="3423"/>
                    </a:lnTo>
                    <a:lnTo>
                      <a:pt x="1442" y="3427"/>
                    </a:lnTo>
                    <a:lnTo>
                      <a:pt x="1433" y="3429"/>
                    </a:lnTo>
                    <a:lnTo>
                      <a:pt x="1425" y="3431"/>
                    </a:lnTo>
                    <a:lnTo>
                      <a:pt x="1418" y="3431"/>
                    </a:lnTo>
                    <a:lnTo>
                      <a:pt x="1413" y="3428"/>
                    </a:lnTo>
                    <a:lnTo>
                      <a:pt x="1404" y="3424"/>
                    </a:lnTo>
                    <a:lnTo>
                      <a:pt x="1395" y="3418"/>
                    </a:lnTo>
                    <a:lnTo>
                      <a:pt x="1386" y="3411"/>
                    </a:lnTo>
                    <a:lnTo>
                      <a:pt x="1377" y="3403"/>
                    </a:lnTo>
                    <a:lnTo>
                      <a:pt x="1371" y="3396"/>
                    </a:lnTo>
                    <a:lnTo>
                      <a:pt x="1368" y="3392"/>
                    </a:lnTo>
                    <a:lnTo>
                      <a:pt x="1367" y="3388"/>
                    </a:lnTo>
                    <a:lnTo>
                      <a:pt x="1365" y="3384"/>
                    </a:lnTo>
                    <a:lnTo>
                      <a:pt x="1367" y="3381"/>
                    </a:lnTo>
                    <a:lnTo>
                      <a:pt x="1378" y="3370"/>
                    </a:lnTo>
                    <a:lnTo>
                      <a:pt x="1402" y="3353"/>
                    </a:lnTo>
                    <a:lnTo>
                      <a:pt x="1412" y="3345"/>
                    </a:lnTo>
                    <a:lnTo>
                      <a:pt x="1418" y="3339"/>
                    </a:lnTo>
                    <a:lnTo>
                      <a:pt x="1418" y="3336"/>
                    </a:lnTo>
                    <a:lnTo>
                      <a:pt x="1418" y="3335"/>
                    </a:lnTo>
                    <a:lnTo>
                      <a:pt x="1415" y="3333"/>
                    </a:lnTo>
                    <a:lnTo>
                      <a:pt x="1409" y="3335"/>
                    </a:lnTo>
                    <a:lnTo>
                      <a:pt x="1398" y="3336"/>
                    </a:lnTo>
                    <a:lnTo>
                      <a:pt x="1380" y="3341"/>
                    </a:lnTo>
                    <a:lnTo>
                      <a:pt x="1356" y="3345"/>
                    </a:lnTo>
                    <a:lnTo>
                      <a:pt x="1333" y="3349"/>
                    </a:lnTo>
                    <a:lnTo>
                      <a:pt x="1321" y="3350"/>
                    </a:lnTo>
                    <a:lnTo>
                      <a:pt x="1312" y="3352"/>
                    </a:lnTo>
                    <a:lnTo>
                      <a:pt x="1303" y="3350"/>
                    </a:lnTo>
                    <a:lnTo>
                      <a:pt x="1298" y="3349"/>
                    </a:lnTo>
                    <a:lnTo>
                      <a:pt x="1295" y="3348"/>
                    </a:lnTo>
                    <a:lnTo>
                      <a:pt x="1294" y="3345"/>
                    </a:lnTo>
                    <a:lnTo>
                      <a:pt x="1294" y="3344"/>
                    </a:lnTo>
                    <a:lnTo>
                      <a:pt x="1294" y="3341"/>
                    </a:lnTo>
                    <a:lnTo>
                      <a:pt x="1298" y="3335"/>
                    </a:lnTo>
                    <a:lnTo>
                      <a:pt x="1304" y="3326"/>
                    </a:lnTo>
                    <a:lnTo>
                      <a:pt x="1310" y="3322"/>
                    </a:lnTo>
                    <a:lnTo>
                      <a:pt x="1316" y="3319"/>
                    </a:lnTo>
                    <a:lnTo>
                      <a:pt x="1324" y="3318"/>
                    </a:lnTo>
                    <a:lnTo>
                      <a:pt x="1332" y="3315"/>
                    </a:lnTo>
                    <a:lnTo>
                      <a:pt x="1339" y="3314"/>
                    </a:lnTo>
                    <a:lnTo>
                      <a:pt x="1347" y="3311"/>
                    </a:lnTo>
                    <a:lnTo>
                      <a:pt x="1354" y="3309"/>
                    </a:lnTo>
                    <a:lnTo>
                      <a:pt x="1359" y="3305"/>
                    </a:lnTo>
                    <a:lnTo>
                      <a:pt x="1360" y="3304"/>
                    </a:lnTo>
                    <a:lnTo>
                      <a:pt x="1361" y="3301"/>
                    </a:lnTo>
                    <a:lnTo>
                      <a:pt x="1361" y="3298"/>
                    </a:lnTo>
                    <a:lnTo>
                      <a:pt x="1360" y="3296"/>
                    </a:lnTo>
                    <a:lnTo>
                      <a:pt x="1359" y="3291"/>
                    </a:lnTo>
                    <a:lnTo>
                      <a:pt x="1356" y="3286"/>
                    </a:lnTo>
                    <a:lnTo>
                      <a:pt x="1355" y="3280"/>
                    </a:lnTo>
                    <a:lnTo>
                      <a:pt x="1354" y="3275"/>
                    </a:lnTo>
                    <a:lnTo>
                      <a:pt x="1355" y="3273"/>
                    </a:lnTo>
                    <a:lnTo>
                      <a:pt x="1356" y="3270"/>
                    </a:lnTo>
                    <a:lnTo>
                      <a:pt x="1359" y="3269"/>
                    </a:lnTo>
                    <a:lnTo>
                      <a:pt x="1361" y="3266"/>
                    </a:lnTo>
                    <a:lnTo>
                      <a:pt x="1365" y="3266"/>
                    </a:lnTo>
                    <a:lnTo>
                      <a:pt x="1368" y="3266"/>
                    </a:lnTo>
                    <a:lnTo>
                      <a:pt x="1371" y="3266"/>
                    </a:lnTo>
                    <a:lnTo>
                      <a:pt x="1374" y="3267"/>
                    </a:lnTo>
                    <a:lnTo>
                      <a:pt x="1381" y="3273"/>
                    </a:lnTo>
                    <a:lnTo>
                      <a:pt x="1389" y="3278"/>
                    </a:lnTo>
                    <a:lnTo>
                      <a:pt x="1395" y="3283"/>
                    </a:lnTo>
                    <a:lnTo>
                      <a:pt x="1403" y="3287"/>
                    </a:lnTo>
                    <a:lnTo>
                      <a:pt x="1407" y="3288"/>
                    </a:lnTo>
                    <a:lnTo>
                      <a:pt x="1409" y="3289"/>
                    </a:lnTo>
                    <a:lnTo>
                      <a:pt x="1413" y="3289"/>
                    </a:lnTo>
                    <a:lnTo>
                      <a:pt x="1417" y="3288"/>
                    </a:lnTo>
                    <a:lnTo>
                      <a:pt x="1422" y="3286"/>
                    </a:lnTo>
                    <a:lnTo>
                      <a:pt x="1428" y="3283"/>
                    </a:lnTo>
                    <a:lnTo>
                      <a:pt x="1431" y="3280"/>
                    </a:lnTo>
                    <a:lnTo>
                      <a:pt x="1434" y="3278"/>
                    </a:lnTo>
                    <a:lnTo>
                      <a:pt x="1438" y="3270"/>
                    </a:lnTo>
                    <a:lnTo>
                      <a:pt x="1439" y="3262"/>
                    </a:lnTo>
                    <a:lnTo>
                      <a:pt x="1438" y="3245"/>
                    </a:lnTo>
                    <a:lnTo>
                      <a:pt x="1435" y="3226"/>
                    </a:lnTo>
                    <a:lnTo>
                      <a:pt x="1435" y="3222"/>
                    </a:lnTo>
                    <a:lnTo>
                      <a:pt x="1438" y="3216"/>
                    </a:lnTo>
                    <a:lnTo>
                      <a:pt x="1442" y="3208"/>
                    </a:lnTo>
                    <a:lnTo>
                      <a:pt x="1446" y="3199"/>
                    </a:lnTo>
                    <a:lnTo>
                      <a:pt x="1460" y="3177"/>
                    </a:lnTo>
                    <a:lnTo>
                      <a:pt x="1475" y="3151"/>
                    </a:lnTo>
                    <a:lnTo>
                      <a:pt x="1492" y="3125"/>
                    </a:lnTo>
                    <a:lnTo>
                      <a:pt x="1508" y="3100"/>
                    </a:lnTo>
                    <a:lnTo>
                      <a:pt x="1521" y="3078"/>
                    </a:lnTo>
                    <a:lnTo>
                      <a:pt x="1529" y="3061"/>
                    </a:lnTo>
                    <a:lnTo>
                      <a:pt x="1544" y="3052"/>
                    </a:lnTo>
                    <a:lnTo>
                      <a:pt x="1561" y="3043"/>
                    </a:lnTo>
                    <a:lnTo>
                      <a:pt x="1578" y="3033"/>
                    </a:lnTo>
                    <a:lnTo>
                      <a:pt x="1593" y="3021"/>
                    </a:lnTo>
                    <a:lnTo>
                      <a:pt x="1601" y="3015"/>
                    </a:lnTo>
                    <a:lnTo>
                      <a:pt x="1608" y="3008"/>
                    </a:lnTo>
                    <a:lnTo>
                      <a:pt x="1613" y="3002"/>
                    </a:lnTo>
                    <a:lnTo>
                      <a:pt x="1618" y="2994"/>
                    </a:lnTo>
                    <a:lnTo>
                      <a:pt x="1623" y="2986"/>
                    </a:lnTo>
                    <a:lnTo>
                      <a:pt x="1626" y="2979"/>
                    </a:lnTo>
                    <a:lnTo>
                      <a:pt x="1628" y="2971"/>
                    </a:lnTo>
                    <a:lnTo>
                      <a:pt x="1628" y="2962"/>
                    </a:lnTo>
                    <a:lnTo>
                      <a:pt x="1635" y="2971"/>
                    </a:lnTo>
                    <a:lnTo>
                      <a:pt x="1648" y="2994"/>
                    </a:lnTo>
                    <a:lnTo>
                      <a:pt x="1654" y="3007"/>
                    </a:lnTo>
                    <a:lnTo>
                      <a:pt x="1659" y="3019"/>
                    </a:lnTo>
                    <a:lnTo>
                      <a:pt x="1663" y="3029"/>
                    </a:lnTo>
                    <a:lnTo>
                      <a:pt x="1665" y="3036"/>
                    </a:lnTo>
                    <a:lnTo>
                      <a:pt x="1666" y="3054"/>
                    </a:lnTo>
                    <a:lnTo>
                      <a:pt x="1669" y="3067"/>
                    </a:lnTo>
                    <a:lnTo>
                      <a:pt x="1670" y="3072"/>
                    </a:lnTo>
                    <a:lnTo>
                      <a:pt x="1672" y="3074"/>
                    </a:lnTo>
                    <a:lnTo>
                      <a:pt x="1675" y="3076"/>
                    </a:lnTo>
                    <a:lnTo>
                      <a:pt x="1678" y="3077"/>
                    </a:lnTo>
                    <a:lnTo>
                      <a:pt x="1685" y="3076"/>
                    </a:lnTo>
                    <a:lnTo>
                      <a:pt x="1693" y="3072"/>
                    </a:lnTo>
                    <a:lnTo>
                      <a:pt x="1704" y="3065"/>
                    </a:lnTo>
                    <a:lnTo>
                      <a:pt x="1715" y="3059"/>
                    </a:lnTo>
                    <a:lnTo>
                      <a:pt x="1724" y="3054"/>
                    </a:lnTo>
                    <a:lnTo>
                      <a:pt x="1731" y="3052"/>
                    </a:lnTo>
                    <a:lnTo>
                      <a:pt x="1737" y="3052"/>
                    </a:lnTo>
                    <a:lnTo>
                      <a:pt x="1742" y="3052"/>
                    </a:lnTo>
                    <a:lnTo>
                      <a:pt x="1745" y="3052"/>
                    </a:lnTo>
                    <a:lnTo>
                      <a:pt x="1748" y="3051"/>
                    </a:lnTo>
                    <a:lnTo>
                      <a:pt x="1750" y="3050"/>
                    </a:lnTo>
                    <a:lnTo>
                      <a:pt x="1751" y="3047"/>
                    </a:lnTo>
                    <a:lnTo>
                      <a:pt x="1754" y="3038"/>
                    </a:lnTo>
                    <a:lnTo>
                      <a:pt x="1755" y="3024"/>
                    </a:lnTo>
                    <a:lnTo>
                      <a:pt x="1758" y="3016"/>
                    </a:lnTo>
                    <a:lnTo>
                      <a:pt x="1759" y="3010"/>
                    </a:lnTo>
                    <a:lnTo>
                      <a:pt x="1763" y="3006"/>
                    </a:lnTo>
                    <a:lnTo>
                      <a:pt x="1767" y="3002"/>
                    </a:lnTo>
                    <a:lnTo>
                      <a:pt x="1776" y="2997"/>
                    </a:lnTo>
                    <a:lnTo>
                      <a:pt x="1785" y="2995"/>
                    </a:lnTo>
                    <a:lnTo>
                      <a:pt x="1789" y="2994"/>
                    </a:lnTo>
                    <a:lnTo>
                      <a:pt x="1793" y="2993"/>
                    </a:lnTo>
                    <a:lnTo>
                      <a:pt x="1794" y="2990"/>
                    </a:lnTo>
                    <a:lnTo>
                      <a:pt x="1795" y="2988"/>
                    </a:lnTo>
                    <a:lnTo>
                      <a:pt x="1794" y="2984"/>
                    </a:lnTo>
                    <a:lnTo>
                      <a:pt x="1792" y="2979"/>
                    </a:lnTo>
                    <a:lnTo>
                      <a:pt x="1786" y="2972"/>
                    </a:lnTo>
                    <a:lnTo>
                      <a:pt x="1780" y="2963"/>
                    </a:lnTo>
                    <a:lnTo>
                      <a:pt x="1777" y="2958"/>
                    </a:lnTo>
                    <a:lnTo>
                      <a:pt x="1775" y="2954"/>
                    </a:lnTo>
                    <a:lnTo>
                      <a:pt x="1775" y="2949"/>
                    </a:lnTo>
                    <a:lnTo>
                      <a:pt x="1775" y="2944"/>
                    </a:lnTo>
                    <a:lnTo>
                      <a:pt x="1775" y="2940"/>
                    </a:lnTo>
                    <a:lnTo>
                      <a:pt x="1775" y="2934"/>
                    </a:lnTo>
                    <a:lnTo>
                      <a:pt x="1773" y="2929"/>
                    </a:lnTo>
                    <a:lnTo>
                      <a:pt x="1771" y="2924"/>
                    </a:lnTo>
                    <a:lnTo>
                      <a:pt x="1766" y="2915"/>
                    </a:lnTo>
                    <a:lnTo>
                      <a:pt x="1763" y="2907"/>
                    </a:lnTo>
                    <a:lnTo>
                      <a:pt x="1762" y="2899"/>
                    </a:lnTo>
                    <a:lnTo>
                      <a:pt x="1762" y="2893"/>
                    </a:lnTo>
                    <a:lnTo>
                      <a:pt x="1764" y="2887"/>
                    </a:lnTo>
                    <a:lnTo>
                      <a:pt x="1768" y="2881"/>
                    </a:lnTo>
                    <a:lnTo>
                      <a:pt x="1773" y="2876"/>
                    </a:lnTo>
                    <a:lnTo>
                      <a:pt x="1780" y="2872"/>
                    </a:lnTo>
                    <a:lnTo>
                      <a:pt x="1786" y="2868"/>
                    </a:lnTo>
                    <a:lnTo>
                      <a:pt x="1794" y="2865"/>
                    </a:lnTo>
                    <a:lnTo>
                      <a:pt x="1802" y="2862"/>
                    </a:lnTo>
                    <a:lnTo>
                      <a:pt x="1810" y="2861"/>
                    </a:lnTo>
                    <a:lnTo>
                      <a:pt x="1827" y="2858"/>
                    </a:lnTo>
                    <a:lnTo>
                      <a:pt x="1841" y="2857"/>
                    </a:lnTo>
                    <a:lnTo>
                      <a:pt x="1846" y="2857"/>
                    </a:lnTo>
                    <a:lnTo>
                      <a:pt x="1849" y="2855"/>
                    </a:lnTo>
                    <a:lnTo>
                      <a:pt x="1850" y="2853"/>
                    </a:lnTo>
                    <a:lnTo>
                      <a:pt x="1851" y="2850"/>
                    </a:lnTo>
                    <a:lnTo>
                      <a:pt x="1850" y="2845"/>
                    </a:lnTo>
                    <a:lnTo>
                      <a:pt x="1849" y="2837"/>
                    </a:lnTo>
                    <a:lnTo>
                      <a:pt x="1847" y="2830"/>
                    </a:lnTo>
                    <a:lnTo>
                      <a:pt x="1849" y="2823"/>
                    </a:lnTo>
                    <a:lnTo>
                      <a:pt x="1851" y="2820"/>
                    </a:lnTo>
                    <a:lnTo>
                      <a:pt x="1855" y="2818"/>
                    </a:lnTo>
                    <a:lnTo>
                      <a:pt x="1860" y="2817"/>
                    </a:lnTo>
                    <a:lnTo>
                      <a:pt x="1867" y="2815"/>
                    </a:lnTo>
                    <a:lnTo>
                      <a:pt x="1878" y="2815"/>
                    </a:lnTo>
                    <a:lnTo>
                      <a:pt x="1890" y="2817"/>
                    </a:lnTo>
                    <a:lnTo>
                      <a:pt x="1900" y="2818"/>
                    </a:lnTo>
                    <a:lnTo>
                      <a:pt x="1912" y="2820"/>
                    </a:lnTo>
                    <a:lnTo>
                      <a:pt x="1935" y="2824"/>
                    </a:lnTo>
                    <a:lnTo>
                      <a:pt x="1957" y="2827"/>
                    </a:lnTo>
                    <a:lnTo>
                      <a:pt x="1954" y="2819"/>
                    </a:lnTo>
                    <a:lnTo>
                      <a:pt x="1950" y="2813"/>
                    </a:lnTo>
                    <a:lnTo>
                      <a:pt x="1944" y="2808"/>
                    </a:lnTo>
                    <a:lnTo>
                      <a:pt x="1939" y="2802"/>
                    </a:lnTo>
                    <a:lnTo>
                      <a:pt x="1933" y="2800"/>
                    </a:lnTo>
                    <a:lnTo>
                      <a:pt x="1926" y="2797"/>
                    </a:lnTo>
                    <a:lnTo>
                      <a:pt x="1920" y="2796"/>
                    </a:lnTo>
                    <a:lnTo>
                      <a:pt x="1912" y="2795"/>
                    </a:lnTo>
                    <a:lnTo>
                      <a:pt x="1895" y="2795"/>
                    </a:lnTo>
                    <a:lnTo>
                      <a:pt x="1876" y="2797"/>
                    </a:lnTo>
                    <a:lnTo>
                      <a:pt x="1858" y="2802"/>
                    </a:lnTo>
                    <a:lnTo>
                      <a:pt x="1837" y="2809"/>
                    </a:lnTo>
                    <a:lnTo>
                      <a:pt x="1797" y="2824"/>
                    </a:lnTo>
                    <a:lnTo>
                      <a:pt x="1759" y="2840"/>
                    </a:lnTo>
                    <a:lnTo>
                      <a:pt x="1742" y="2846"/>
                    </a:lnTo>
                    <a:lnTo>
                      <a:pt x="1727" y="2852"/>
                    </a:lnTo>
                    <a:lnTo>
                      <a:pt x="1714" y="2855"/>
                    </a:lnTo>
                    <a:lnTo>
                      <a:pt x="1704" y="2857"/>
                    </a:lnTo>
                    <a:lnTo>
                      <a:pt x="1709" y="2844"/>
                    </a:lnTo>
                    <a:lnTo>
                      <a:pt x="1714" y="2832"/>
                    </a:lnTo>
                    <a:lnTo>
                      <a:pt x="1720" y="2824"/>
                    </a:lnTo>
                    <a:lnTo>
                      <a:pt x="1728" y="2818"/>
                    </a:lnTo>
                    <a:lnTo>
                      <a:pt x="1736" y="2814"/>
                    </a:lnTo>
                    <a:lnTo>
                      <a:pt x="1745" y="2810"/>
                    </a:lnTo>
                    <a:lnTo>
                      <a:pt x="1755" y="2808"/>
                    </a:lnTo>
                    <a:lnTo>
                      <a:pt x="1767" y="2804"/>
                    </a:lnTo>
                    <a:lnTo>
                      <a:pt x="1776" y="2801"/>
                    </a:lnTo>
                    <a:lnTo>
                      <a:pt x="1783" y="2797"/>
                    </a:lnTo>
                    <a:lnTo>
                      <a:pt x="1789" y="2793"/>
                    </a:lnTo>
                    <a:lnTo>
                      <a:pt x="1795" y="2788"/>
                    </a:lnTo>
                    <a:lnTo>
                      <a:pt x="1806" y="2776"/>
                    </a:lnTo>
                    <a:lnTo>
                      <a:pt x="1816" y="2765"/>
                    </a:lnTo>
                    <a:lnTo>
                      <a:pt x="1827" y="2753"/>
                    </a:lnTo>
                    <a:lnTo>
                      <a:pt x="1838" y="2741"/>
                    </a:lnTo>
                    <a:lnTo>
                      <a:pt x="1845" y="2736"/>
                    </a:lnTo>
                    <a:lnTo>
                      <a:pt x="1851" y="2732"/>
                    </a:lnTo>
                    <a:lnTo>
                      <a:pt x="1860" y="2728"/>
                    </a:lnTo>
                    <a:lnTo>
                      <a:pt x="1868" y="2726"/>
                    </a:lnTo>
                    <a:lnTo>
                      <a:pt x="1876" y="2723"/>
                    </a:lnTo>
                    <a:lnTo>
                      <a:pt x="1885" y="2718"/>
                    </a:lnTo>
                    <a:lnTo>
                      <a:pt x="1895" y="2712"/>
                    </a:lnTo>
                    <a:lnTo>
                      <a:pt x="1906" y="2705"/>
                    </a:lnTo>
                    <a:lnTo>
                      <a:pt x="1925" y="2692"/>
                    </a:lnTo>
                    <a:lnTo>
                      <a:pt x="1937" y="2687"/>
                    </a:lnTo>
                    <a:lnTo>
                      <a:pt x="1935" y="2709"/>
                    </a:lnTo>
                    <a:lnTo>
                      <a:pt x="1934" y="2734"/>
                    </a:lnTo>
                    <a:lnTo>
                      <a:pt x="1934" y="2738"/>
                    </a:lnTo>
                    <a:lnTo>
                      <a:pt x="1935" y="2743"/>
                    </a:lnTo>
                    <a:lnTo>
                      <a:pt x="1938" y="2745"/>
                    </a:lnTo>
                    <a:lnTo>
                      <a:pt x="1941" y="2748"/>
                    </a:lnTo>
                    <a:lnTo>
                      <a:pt x="1943" y="2749"/>
                    </a:lnTo>
                    <a:lnTo>
                      <a:pt x="1948" y="2748"/>
                    </a:lnTo>
                    <a:lnTo>
                      <a:pt x="1954" y="2747"/>
                    </a:lnTo>
                    <a:lnTo>
                      <a:pt x="1960" y="2743"/>
                    </a:lnTo>
                    <a:lnTo>
                      <a:pt x="1981" y="2734"/>
                    </a:lnTo>
                    <a:lnTo>
                      <a:pt x="2007" y="2722"/>
                    </a:lnTo>
                    <a:lnTo>
                      <a:pt x="2018" y="2716"/>
                    </a:lnTo>
                    <a:lnTo>
                      <a:pt x="2029" y="2708"/>
                    </a:lnTo>
                    <a:lnTo>
                      <a:pt x="2033" y="2703"/>
                    </a:lnTo>
                    <a:lnTo>
                      <a:pt x="2035" y="2699"/>
                    </a:lnTo>
                    <a:lnTo>
                      <a:pt x="2038" y="2694"/>
                    </a:lnTo>
                    <a:lnTo>
                      <a:pt x="2038" y="2688"/>
                    </a:lnTo>
                    <a:lnTo>
                      <a:pt x="2014" y="2692"/>
                    </a:lnTo>
                    <a:lnTo>
                      <a:pt x="1995" y="2696"/>
                    </a:lnTo>
                    <a:lnTo>
                      <a:pt x="1991" y="2696"/>
                    </a:lnTo>
                    <a:lnTo>
                      <a:pt x="1987" y="2695"/>
                    </a:lnTo>
                    <a:lnTo>
                      <a:pt x="1985" y="2692"/>
                    </a:lnTo>
                    <a:lnTo>
                      <a:pt x="1982" y="2688"/>
                    </a:lnTo>
                    <a:lnTo>
                      <a:pt x="1981" y="2683"/>
                    </a:lnTo>
                    <a:lnTo>
                      <a:pt x="1979" y="2677"/>
                    </a:lnTo>
                    <a:lnTo>
                      <a:pt x="1979" y="2668"/>
                    </a:lnTo>
                    <a:lnTo>
                      <a:pt x="1981" y="2656"/>
                    </a:lnTo>
                    <a:lnTo>
                      <a:pt x="1981" y="2647"/>
                    </a:lnTo>
                    <a:lnTo>
                      <a:pt x="1979" y="2640"/>
                    </a:lnTo>
                    <a:lnTo>
                      <a:pt x="1977" y="2635"/>
                    </a:lnTo>
                    <a:lnTo>
                      <a:pt x="1973" y="2631"/>
                    </a:lnTo>
                    <a:lnTo>
                      <a:pt x="1970" y="2630"/>
                    </a:lnTo>
                    <a:lnTo>
                      <a:pt x="1965" y="2629"/>
                    </a:lnTo>
                    <a:lnTo>
                      <a:pt x="1961" y="2629"/>
                    </a:lnTo>
                    <a:lnTo>
                      <a:pt x="1957" y="2630"/>
                    </a:lnTo>
                    <a:lnTo>
                      <a:pt x="1950" y="2630"/>
                    </a:lnTo>
                    <a:lnTo>
                      <a:pt x="1944" y="2630"/>
                    </a:lnTo>
                    <a:lnTo>
                      <a:pt x="1944" y="2627"/>
                    </a:lnTo>
                    <a:lnTo>
                      <a:pt x="1944" y="2624"/>
                    </a:lnTo>
                    <a:lnTo>
                      <a:pt x="1947" y="2618"/>
                    </a:lnTo>
                    <a:lnTo>
                      <a:pt x="1951" y="2611"/>
                    </a:lnTo>
                    <a:lnTo>
                      <a:pt x="1960" y="2599"/>
                    </a:lnTo>
                    <a:lnTo>
                      <a:pt x="1970" y="2589"/>
                    </a:lnTo>
                    <a:lnTo>
                      <a:pt x="1978" y="2577"/>
                    </a:lnTo>
                    <a:lnTo>
                      <a:pt x="1981" y="2573"/>
                    </a:lnTo>
                    <a:lnTo>
                      <a:pt x="1983" y="2573"/>
                    </a:lnTo>
                    <a:lnTo>
                      <a:pt x="1985" y="2577"/>
                    </a:lnTo>
                    <a:lnTo>
                      <a:pt x="1986" y="2582"/>
                    </a:lnTo>
                    <a:lnTo>
                      <a:pt x="1991" y="2589"/>
                    </a:lnTo>
                    <a:lnTo>
                      <a:pt x="1994" y="2591"/>
                    </a:lnTo>
                    <a:lnTo>
                      <a:pt x="1999" y="2592"/>
                    </a:lnTo>
                    <a:lnTo>
                      <a:pt x="2005" y="2594"/>
                    </a:lnTo>
                    <a:lnTo>
                      <a:pt x="2013" y="2594"/>
                    </a:lnTo>
                    <a:lnTo>
                      <a:pt x="2017" y="2592"/>
                    </a:lnTo>
                    <a:lnTo>
                      <a:pt x="2018" y="2590"/>
                    </a:lnTo>
                    <a:lnTo>
                      <a:pt x="2018" y="2587"/>
                    </a:lnTo>
                    <a:lnTo>
                      <a:pt x="2018" y="2582"/>
                    </a:lnTo>
                    <a:lnTo>
                      <a:pt x="2012" y="2570"/>
                    </a:lnTo>
                    <a:lnTo>
                      <a:pt x="2003" y="2556"/>
                    </a:lnTo>
                    <a:lnTo>
                      <a:pt x="1983" y="2530"/>
                    </a:lnTo>
                    <a:lnTo>
                      <a:pt x="1974" y="2515"/>
                    </a:lnTo>
                    <a:lnTo>
                      <a:pt x="1978" y="2504"/>
                    </a:lnTo>
                    <a:lnTo>
                      <a:pt x="1982" y="2495"/>
                    </a:lnTo>
                    <a:lnTo>
                      <a:pt x="1986" y="2490"/>
                    </a:lnTo>
                    <a:lnTo>
                      <a:pt x="1991" y="2486"/>
                    </a:lnTo>
                    <a:lnTo>
                      <a:pt x="1996" y="2484"/>
                    </a:lnTo>
                    <a:lnTo>
                      <a:pt x="2001" y="2484"/>
                    </a:lnTo>
                    <a:lnTo>
                      <a:pt x="2007" y="2484"/>
                    </a:lnTo>
                    <a:lnTo>
                      <a:pt x="2012" y="2486"/>
                    </a:lnTo>
                    <a:lnTo>
                      <a:pt x="2022" y="2490"/>
                    </a:lnTo>
                    <a:lnTo>
                      <a:pt x="2033" y="2494"/>
                    </a:lnTo>
                    <a:lnTo>
                      <a:pt x="2036" y="2495"/>
                    </a:lnTo>
                    <a:lnTo>
                      <a:pt x="2040" y="2495"/>
                    </a:lnTo>
                    <a:lnTo>
                      <a:pt x="2044" y="2494"/>
                    </a:lnTo>
                    <a:lnTo>
                      <a:pt x="2048" y="2490"/>
                    </a:lnTo>
                    <a:lnTo>
                      <a:pt x="2051" y="2485"/>
                    </a:lnTo>
                    <a:lnTo>
                      <a:pt x="2052" y="2480"/>
                    </a:lnTo>
                    <a:lnTo>
                      <a:pt x="2052" y="2475"/>
                    </a:lnTo>
                    <a:lnTo>
                      <a:pt x="2051" y="2469"/>
                    </a:lnTo>
                    <a:lnTo>
                      <a:pt x="2046" y="2458"/>
                    </a:lnTo>
                    <a:lnTo>
                      <a:pt x="2040" y="2447"/>
                    </a:lnTo>
                    <a:lnTo>
                      <a:pt x="2035" y="2437"/>
                    </a:lnTo>
                    <a:lnTo>
                      <a:pt x="2031" y="2428"/>
                    </a:lnTo>
                    <a:lnTo>
                      <a:pt x="2031" y="2424"/>
                    </a:lnTo>
                    <a:lnTo>
                      <a:pt x="2033" y="2420"/>
                    </a:lnTo>
                    <a:lnTo>
                      <a:pt x="2036" y="2416"/>
                    </a:lnTo>
                    <a:lnTo>
                      <a:pt x="2040" y="2414"/>
                    </a:lnTo>
                    <a:lnTo>
                      <a:pt x="2058" y="2399"/>
                    </a:lnTo>
                    <a:lnTo>
                      <a:pt x="2071" y="2387"/>
                    </a:lnTo>
                    <a:lnTo>
                      <a:pt x="2075" y="2388"/>
                    </a:lnTo>
                    <a:lnTo>
                      <a:pt x="2079" y="2389"/>
                    </a:lnTo>
                    <a:lnTo>
                      <a:pt x="2083" y="2392"/>
                    </a:lnTo>
                    <a:lnTo>
                      <a:pt x="2088" y="2396"/>
                    </a:lnTo>
                    <a:lnTo>
                      <a:pt x="2097" y="2405"/>
                    </a:lnTo>
                    <a:lnTo>
                      <a:pt x="2106" y="2414"/>
                    </a:lnTo>
                    <a:lnTo>
                      <a:pt x="2114" y="2423"/>
                    </a:lnTo>
                    <a:lnTo>
                      <a:pt x="2122" y="2431"/>
                    </a:lnTo>
                    <a:lnTo>
                      <a:pt x="2126" y="2433"/>
                    </a:lnTo>
                    <a:lnTo>
                      <a:pt x="2128" y="2434"/>
                    </a:lnTo>
                    <a:lnTo>
                      <a:pt x="2131" y="2434"/>
                    </a:lnTo>
                    <a:lnTo>
                      <a:pt x="2134" y="2434"/>
                    </a:lnTo>
                    <a:lnTo>
                      <a:pt x="2135" y="2432"/>
                    </a:lnTo>
                    <a:lnTo>
                      <a:pt x="2136" y="2428"/>
                    </a:lnTo>
                    <a:lnTo>
                      <a:pt x="2137" y="2424"/>
                    </a:lnTo>
                    <a:lnTo>
                      <a:pt x="2137" y="2419"/>
                    </a:lnTo>
                    <a:lnTo>
                      <a:pt x="2136" y="2410"/>
                    </a:lnTo>
                    <a:lnTo>
                      <a:pt x="2135" y="2398"/>
                    </a:lnTo>
                    <a:lnTo>
                      <a:pt x="2132" y="2388"/>
                    </a:lnTo>
                    <a:lnTo>
                      <a:pt x="2130" y="2377"/>
                    </a:lnTo>
                    <a:lnTo>
                      <a:pt x="2130" y="2368"/>
                    </a:lnTo>
                    <a:lnTo>
                      <a:pt x="2130" y="2361"/>
                    </a:lnTo>
                    <a:lnTo>
                      <a:pt x="2135" y="2350"/>
                    </a:lnTo>
                    <a:lnTo>
                      <a:pt x="2144" y="2336"/>
                    </a:lnTo>
                    <a:lnTo>
                      <a:pt x="2153" y="2323"/>
                    </a:lnTo>
                    <a:lnTo>
                      <a:pt x="2157" y="2315"/>
                    </a:lnTo>
                    <a:lnTo>
                      <a:pt x="2156" y="2313"/>
                    </a:lnTo>
                    <a:lnTo>
                      <a:pt x="2154" y="2310"/>
                    </a:lnTo>
                    <a:lnTo>
                      <a:pt x="2150" y="2307"/>
                    </a:lnTo>
                    <a:lnTo>
                      <a:pt x="2147" y="2305"/>
                    </a:lnTo>
                    <a:lnTo>
                      <a:pt x="2136" y="2302"/>
                    </a:lnTo>
                    <a:lnTo>
                      <a:pt x="2123" y="2300"/>
                    </a:lnTo>
                    <a:lnTo>
                      <a:pt x="2112" y="2298"/>
                    </a:lnTo>
                    <a:lnTo>
                      <a:pt x="2100" y="2297"/>
                    </a:lnTo>
                    <a:lnTo>
                      <a:pt x="2091" y="2295"/>
                    </a:lnTo>
                    <a:lnTo>
                      <a:pt x="2086" y="2292"/>
                    </a:lnTo>
                    <a:lnTo>
                      <a:pt x="2086" y="2291"/>
                    </a:lnTo>
                    <a:lnTo>
                      <a:pt x="2087" y="2288"/>
                    </a:lnTo>
                    <a:lnTo>
                      <a:pt x="2088" y="2284"/>
                    </a:lnTo>
                    <a:lnTo>
                      <a:pt x="2091" y="2282"/>
                    </a:lnTo>
                    <a:lnTo>
                      <a:pt x="2095" y="2275"/>
                    </a:lnTo>
                    <a:lnTo>
                      <a:pt x="2100" y="2273"/>
                    </a:lnTo>
                    <a:lnTo>
                      <a:pt x="2108" y="2271"/>
                    </a:lnTo>
                    <a:lnTo>
                      <a:pt x="2115" y="2273"/>
                    </a:lnTo>
                    <a:lnTo>
                      <a:pt x="2125" y="2275"/>
                    </a:lnTo>
                    <a:lnTo>
                      <a:pt x="2131" y="2278"/>
                    </a:lnTo>
                    <a:lnTo>
                      <a:pt x="2137" y="2280"/>
                    </a:lnTo>
                    <a:lnTo>
                      <a:pt x="2143" y="2282"/>
                    </a:lnTo>
                    <a:lnTo>
                      <a:pt x="2148" y="2283"/>
                    </a:lnTo>
                    <a:lnTo>
                      <a:pt x="2153" y="2283"/>
                    </a:lnTo>
                    <a:lnTo>
                      <a:pt x="2163" y="2280"/>
                    </a:lnTo>
                    <a:lnTo>
                      <a:pt x="2172" y="2278"/>
                    </a:lnTo>
                    <a:lnTo>
                      <a:pt x="2180" y="2275"/>
                    </a:lnTo>
                    <a:lnTo>
                      <a:pt x="2189" y="2271"/>
                    </a:lnTo>
                    <a:lnTo>
                      <a:pt x="2197" y="2270"/>
                    </a:lnTo>
                    <a:lnTo>
                      <a:pt x="2205" y="2271"/>
                    </a:lnTo>
                    <a:lnTo>
                      <a:pt x="2217" y="2275"/>
                    </a:lnTo>
                    <a:lnTo>
                      <a:pt x="2228" y="2282"/>
                    </a:lnTo>
                    <a:lnTo>
                      <a:pt x="2235" y="2284"/>
                    </a:lnTo>
                    <a:lnTo>
                      <a:pt x="2241" y="2284"/>
                    </a:lnTo>
                    <a:lnTo>
                      <a:pt x="2248" y="2284"/>
                    </a:lnTo>
                    <a:lnTo>
                      <a:pt x="2253" y="2282"/>
                    </a:lnTo>
                    <a:lnTo>
                      <a:pt x="2262" y="2274"/>
                    </a:lnTo>
                    <a:lnTo>
                      <a:pt x="2267" y="2267"/>
                    </a:lnTo>
                    <a:lnTo>
                      <a:pt x="2271" y="2263"/>
                    </a:lnTo>
                    <a:lnTo>
                      <a:pt x="2275" y="2261"/>
                    </a:lnTo>
                    <a:lnTo>
                      <a:pt x="2280" y="2260"/>
                    </a:lnTo>
                    <a:lnTo>
                      <a:pt x="2288" y="2258"/>
                    </a:lnTo>
                    <a:lnTo>
                      <a:pt x="2297" y="2256"/>
                    </a:lnTo>
                    <a:lnTo>
                      <a:pt x="2310" y="2248"/>
                    </a:lnTo>
                    <a:lnTo>
                      <a:pt x="2321" y="2240"/>
                    </a:lnTo>
                    <a:lnTo>
                      <a:pt x="2328" y="2235"/>
                    </a:lnTo>
                    <a:lnTo>
                      <a:pt x="2305" y="2234"/>
                    </a:lnTo>
                    <a:lnTo>
                      <a:pt x="2280" y="2234"/>
                    </a:lnTo>
                    <a:lnTo>
                      <a:pt x="2254" y="2231"/>
                    </a:lnTo>
                    <a:lnTo>
                      <a:pt x="2232" y="2228"/>
                    </a:lnTo>
                    <a:lnTo>
                      <a:pt x="2215" y="2226"/>
                    </a:lnTo>
                    <a:lnTo>
                      <a:pt x="2204" y="2223"/>
                    </a:lnTo>
                    <a:lnTo>
                      <a:pt x="2200" y="2222"/>
                    </a:lnTo>
                    <a:lnTo>
                      <a:pt x="2197" y="2221"/>
                    </a:lnTo>
                    <a:lnTo>
                      <a:pt x="2194" y="2218"/>
                    </a:lnTo>
                    <a:lnTo>
                      <a:pt x="2193" y="2217"/>
                    </a:lnTo>
                    <a:lnTo>
                      <a:pt x="2194" y="2212"/>
                    </a:lnTo>
                    <a:lnTo>
                      <a:pt x="2198" y="2205"/>
                    </a:lnTo>
                    <a:lnTo>
                      <a:pt x="2205" y="2196"/>
                    </a:lnTo>
                    <a:lnTo>
                      <a:pt x="2214" y="2184"/>
                    </a:lnTo>
                    <a:lnTo>
                      <a:pt x="2217" y="2182"/>
                    </a:lnTo>
                    <a:lnTo>
                      <a:pt x="2217" y="2178"/>
                    </a:lnTo>
                    <a:lnTo>
                      <a:pt x="2217" y="2175"/>
                    </a:lnTo>
                    <a:lnTo>
                      <a:pt x="2215" y="2171"/>
                    </a:lnTo>
                    <a:lnTo>
                      <a:pt x="2211" y="2165"/>
                    </a:lnTo>
                    <a:lnTo>
                      <a:pt x="2206" y="2159"/>
                    </a:lnTo>
                    <a:lnTo>
                      <a:pt x="2194" y="2146"/>
                    </a:lnTo>
                    <a:lnTo>
                      <a:pt x="2184" y="2138"/>
                    </a:lnTo>
                    <a:lnTo>
                      <a:pt x="2180" y="2133"/>
                    </a:lnTo>
                    <a:lnTo>
                      <a:pt x="2178" y="2129"/>
                    </a:lnTo>
                    <a:lnTo>
                      <a:pt x="2176" y="2125"/>
                    </a:lnTo>
                    <a:lnTo>
                      <a:pt x="2178" y="2124"/>
                    </a:lnTo>
                    <a:lnTo>
                      <a:pt x="2180" y="2122"/>
                    </a:lnTo>
                    <a:lnTo>
                      <a:pt x="2185" y="2121"/>
                    </a:lnTo>
                    <a:lnTo>
                      <a:pt x="2189" y="2121"/>
                    </a:lnTo>
                    <a:lnTo>
                      <a:pt x="2196" y="2121"/>
                    </a:lnTo>
                    <a:lnTo>
                      <a:pt x="2223" y="2124"/>
                    </a:lnTo>
                    <a:lnTo>
                      <a:pt x="2244" y="2125"/>
                    </a:lnTo>
                    <a:lnTo>
                      <a:pt x="2251" y="2124"/>
                    </a:lnTo>
                    <a:lnTo>
                      <a:pt x="2257" y="2122"/>
                    </a:lnTo>
                    <a:lnTo>
                      <a:pt x="2259" y="2121"/>
                    </a:lnTo>
                    <a:lnTo>
                      <a:pt x="2261" y="2120"/>
                    </a:lnTo>
                    <a:lnTo>
                      <a:pt x="2258" y="2114"/>
                    </a:lnTo>
                    <a:lnTo>
                      <a:pt x="2255" y="2103"/>
                    </a:lnTo>
                    <a:lnTo>
                      <a:pt x="2255" y="2096"/>
                    </a:lnTo>
                    <a:lnTo>
                      <a:pt x="2254" y="2092"/>
                    </a:lnTo>
                    <a:lnTo>
                      <a:pt x="2251" y="2090"/>
                    </a:lnTo>
                    <a:lnTo>
                      <a:pt x="2248" y="2087"/>
                    </a:lnTo>
                    <a:lnTo>
                      <a:pt x="2239" y="2086"/>
                    </a:lnTo>
                    <a:lnTo>
                      <a:pt x="2226" y="2079"/>
                    </a:lnTo>
                    <a:lnTo>
                      <a:pt x="2223" y="2077"/>
                    </a:lnTo>
                    <a:lnTo>
                      <a:pt x="2220" y="2073"/>
                    </a:lnTo>
                    <a:lnTo>
                      <a:pt x="2220" y="2070"/>
                    </a:lnTo>
                    <a:lnTo>
                      <a:pt x="2220" y="2069"/>
                    </a:lnTo>
                    <a:lnTo>
                      <a:pt x="2224" y="2064"/>
                    </a:lnTo>
                    <a:lnTo>
                      <a:pt x="2232" y="2061"/>
                    </a:lnTo>
                    <a:lnTo>
                      <a:pt x="2249" y="2056"/>
                    </a:lnTo>
                    <a:lnTo>
                      <a:pt x="2262" y="2054"/>
                    </a:lnTo>
                    <a:lnTo>
                      <a:pt x="2267" y="2052"/>
                    </a:lnTo>
                    <a:lnTo>
                      <a:pt x="2271" y="2050"/>
                    </a:lnTo>
                    <a:lnTo>
                      <a:pt x="2274" y="2048"/>
                    </a:lnTo>
                    <a:lnTo>
                      <a:pt x="2275" y="2045"/>
                    </a:lnTo>
                    <a:lnTo>
                      <a:pt x="2275" y="2042"/>
                    </a:lnTo>
                    <a:lnTo>
                      <a:pt x="2274" y="2039"/>
                    </a:lnTo>
                    <a:lnTo>
                      <a:pt x="2272" y="2035"/>
                    </a:lnTo>
                    <a:lnTo>
                      <a:pt x="2270" y="2032"/>
                    </a:lnTo>
                    <a:lnTo>
                      <a:pt x="2257" y="2017"/>
                    </a:lnTo>
                    <a:lnTo>
                      <a:pt x="2244" y="2002"/>
                    </a:lnTo>
                    <a:lnTo>
                      <a:pt x="2264" y="2002"/>
                    </a:lnTo>
                    <a:lnTo>
                      <a:pt x="2286" y="2000"/>
                    </a:lnTo>
                    <a:lnTo>
                      <a:pt x="2309" y="1999"/>
                    </a:lnTo>
                    <a:lnTo>
                      <a:pt x="2329" y="1998"/>
                    </a:lnTo>
                    <a:lnTo>
                      <a:pt x="2329" y="1998"/>
                    </a:lnTo>
                    <a:lnTo>
                      <a:pt x="2331" y="1998"/>
                    </a:lnTo>
                    <a:lnTo>
                      <a:pt x="2331" y="1994"/>
                    </a:lnTo>
                    <a:lnTo>
                      <a:pt x="2328" y="1991"/>
                    </a:lnTo>
                    <a:lnTo>
                      <a:pt x="2325" y="1988"/>
                    </a:lnTo>
                    <a:lnTo>
                      <a:pt x="2320" y="1984"/>
                    </a:lnTo>
                    <a:lnTo>
                      <a:pt x="2310" y="1976"/>
                    </a:lnTo>
                    <a:lnTo>
                      <a:pt x="2297" y="1967"/>
                    </a:lnTo>
                    <a:lnTo>
                      <a:pt x="2285" y="1956"/>
                    </a:lnTo>
                    <a:lnTo>
                      <a:pt x="2276" y="1945"/>
                    </a:lnTo>
                    <a:lnTo>
                      <a:pt x="2272" y="1940"/>
                    </a:lnTo>
                    <a:lnTo>
                      <a:pt x="2270" y="1933"/>
                    </a:lnTo>
                    <a:lnTo>
                      <a:pt x="2270" y="1928"/>
                    </a:lnTo>
                    <a:lnTo>
                      <a:pt x="2270" y="1921"/>
                    </a:lnTo>
                    <a:lnTo>
                      <a:pt x="2272" y="1919"/>
                    </a:lnTo>
                    <a:lnTo>
                      <a:pt x="2276" y="1919"/>
                    </a:lnTo>
                    <a:lnTo>
                      <a:pt x="2284" y="1919"/>
                    </a:lnTo>
                    <a:lnTo>
                      <a:pt x="2290" y="1919"/>
                    </a:lnTo>
                    <a:lnTo>
                      <a:pt x="2306" y="1921"/>
                    </a:lnTo>
                    <a:lnTo>
                      <a:pt x="2315" y="1921"/>
                    </a:lnTo>
                    <a:lnTo>
                      <a:pt x="2325" y="1920"/>
                    </a:lnTo>
                    <a:lnTo>
                      <a:pt x="2333" y="1918"/>
                    </a:lnTo>
                    <a:lnTo>
                      <a:pt x="2341" y="1912"/>
                    </a:lnTo>
                    <a:lnTo>
                      <a:pt x="2349" y="1907"/>
                    </a:lnTo>
                    <a:lnTo>
                      <a:pt x="2356" y="1903"/>
                    </a:lnTo>
                    <a:lnTo>
                      <a:pt x="2364" y="1898"/>
                    </a:lnTo>
                    <a:lnTo>
                      <a:pt x="2373" y="1896"/>
                    </a:lnTo>
                    <a:lnTo>
                      <a:pt x="2384" y="1894"/>
                    </a:lnTo>
                    <a:lnTo>
                      <a:pt x="2399" y="1897"/>
                    </a:lnTo>
                    <a:lnTo>
                      <a:pt x="2419" y="1899"/>
                    </a:lnTo>
                    <a:lnTo>
                      <a:pt x="2429" y="1901"/>
                    </a:lnTo>
                    <a:lnTo>
                      <a:pt x="2438" y="1902"/>
                    </a:lnTo>
                    <a:lnTo>
                      <a:pt x="2446" y="1901"/>
                    </a:lnTo>
                    <a:lnTo>
                      <a:pt x="2454" y="1898"/>
                    </a:lnTo>
                    <a:lnTo>
                      <a:pt x="2456" y="1896"/>
                    </a:lnTo>
                    <a:lnTo>
                      <a:pt x="2457" y="1894"/>
                    </a:lnTo>
                    <a:lnTo>
                      <a:pt x="2457" y="1892"/>
                    </a:lnTo>
                    <a:lnTo>
                      <a:pt x="2456" y="1888"/>
                    </a:lnTo>
                    <a:lnTo>
                      <a:pt x="2454" y="1883"/>
                    </a:lnTo>
                    <a:lnTo>
                      <a:pt x="2450" y="1875"/>
                    </a:lnTo>
                    <a:lnTo>
                      <a:pt x="2446" y="1868"/>
                    </a:lnTo>
                    <a:lnTo>
                      <a:pt x="2443" y="1862"/>
                    </a:lnTo>
                    <a:lnTo>
                      <a:pt x="2443" y="1859"/>
                    </a:lnTo>
                    <a:lnTo>
                      <a:pt x="2445" y="1857"/>
                    </a:lnTo>
                    <a:lnTo>
                      <a:pt x="2447" y="1854"/>
                    </a:lnTo>
                    <a:lnTo>
                      <a:pt x="2451" y="1852"/>
                    </a:lnTo>
                    <a:lnTo>
                      <a:pt x="2463" y="1848"/>
                    </a:lnTo>
                    <a:lnTo>
                      <a:pt x="2480" y="1842"/>
                    </a:lnTo>
                    <a:lnTo>
                      <a:pt x="2496" y="1839"/>
                    </a:lnTo>
                    <a:lnTo>
                      <a:pt x="2508" y="1836"/>
                    </a:lnTo>
                    <a:lnTo>
                      <a:pt x="2525" y="1845"/>
                    </a:lnTo>
                    <a:lnTo>
                      <a:pt x="2539" y="1855"/>
                    </a:lnTo>
                    <a:lnTo>
                      <a:pt x="2543" y="1854"/>
                    </a:lnTo>
                    <a:lnTo>
                      <a:pt x="2547" y="1853"/>
                    </a:lnTo>
                    <a:lnTo>
                      <a:pt x="2549" y="1850"/>
                    </a:lnTo>
                    <a:lnTo>
                      <a:pt x="2553" y="1848"/>
                    </a:lnTo>
                    <a:lnTo>
                      <a:pt x="2560" y="1841"/>
                    </a:lnTo>
                    <a:lnTo>
                      <a:pt x="2568" y="1836"/>
                    </a:lnTo>
                    <a:lnTo>
                      <a:pt x="2571" y="1835"/>
                    </a:lnTo>
                    <a:lnTo>
                      <a:pt x="2577" y="1833"/>
                    </a:lnTo>
                    <a:lnTo>
                      <a:pt x="2581" y="1833"/>
                    </a:lnTo>
                    <a:lnTo>
                      <a:pt x="2586" y="1835"/>
                    </a:lnTo>
                    <a:lnTo>
                      <a:pt x="2595" y="1837"/>
                    </a:lnTo>
                    <a:lnTo>
                      <a:pt x="2605" y="1840"/>
                    </a:lnTo>
                    <a:lnTo>
                      <a:pt x="2613" y="1842"/>
                    </a:lnTo>
                    <a:lnTo>
                      <a:pt x="2622" y="1844"/>
                    </a:lnTo>
                    <a:lnTo>
                      <a:pt x="2626" y="1844"/>
                    </a:lnTo>
                    <a:lnTo>
                      <a:pt x="2630" y="1842"/>
                    </a:lnTo>
                    <a:lnTo>
                      <a:pt x="2634" y="1840"/>
                    </a:lnTo>
                    <a:lnTo>
                      <a:pt x="2638" y="1837"/>
                    </a:lnTo>
                    <a:lnTo>
                      <a:pt x="2644" y="1828"/>
                    </a:lnTo>
                    <a:lnTo>
                      <a:pt x="2648" y="1822"/>
                    </a:lnTo>
                    <a:lnTo>
                      <a:pt x="2648" y="1818"/>
                    </a:lnTo>
                    <a:lnTo>
                      <a:pt x="2647" y="1815"/>
                    </a:lnTo>
                    <a:lnTo>
                      <a:pt x="2645" y="1813"/>
                    </a:lnTo>
                    <a:lnTo>
                      <a:pt x="2644" y="1811"/>
                    </a:lnTo>
                    <a:lnTo>
                      <a:pt x="2632" y="1804"/>
                    </a:lnTo>
                    <a:lnTo>
                      <a:pt x="2619" y="1795"/>
                    </a:lnTo>
                    <a:lnTo>
                      <a:pt x="2612" y="1787"/>
                    </a:lnTo>
                    <a:lnTo>
                      <a:pt x="2606" y="1778"/>
                    </a:lnTo>
                    <a:lnTo>
                      <a:pt x="2601" y="1767"/>
                    </a:lnTo>
                    <a:lnTo>
                      <a:pt x="2596" y="1758"/>
                    </a:lnTo>
                    <a:lnTo>
                      <a:pt x="2594" y="1754"/>
                    </a:lnTo>
                    <a:lnTo>
                      <a:pt x="2591" y="1752"/>
                    </a:lnTo>
                    <a:lnTo>
                      <a:pt x="2587" y="1749"/>
                    </a:lnTo>
                    <a:lnTo>
                      <a:pt x="2583" y="1748"/>
                    </a:lnTo>
                    <a:lnTo>
                      <a:pt x="2578" y="1748"/>
                    </a:lnTo>
                    <a:lnTo>
                      <a:pt x="2573" y="1748"/>
                    </a:lnTo>
                    <a:lnTo>
                      <a:pt x="2566" y="1750"/>
                    </a:lnTo>
                    <a:lnTo>
                      <a:pt x="2559" y="1756"/>
                    </a:lnTo>
                    <a:lnTo>
                      <a:pt x="2538" y="1770"/>
                    </a:lnTo>
                    <a:lnTo>
                      <a:pt x="2516" y="1783"/>
                    </a:lnTo>
                    <a:lnTo>
                      <a:pt x="2505" y="1787"/>
                    </a:lnTo>
                    <a:lnTo>
                      <a:pt x="2494" y="1791"/>
                    </a:lnTo>
                    <a:lnTo>
                      <a:pt x="2481" y="1792"/>
                    </a:lnTo>
                    <a:lnTo>
                      <a:pt x="2467" y="1791"/>
                    </a:lnTo>
                    <a:lnTo>
                      <a:pt x="2457" y="1791"/>
                    </a:lnTo>
                    <a:lnTo>
                      <a:pt x="2451" y="1791"/>
                    </a:lnTo>
                    <a:lnTo>
                      <a:pt x="2446" y="1789"/>
                    </a:lnTo>
                    <a:lnTo>
                      <a:pt x="2441" y="1788"/>
                    </a:lnTo>
                    <a:lnTo>
                      <a:pt x="2438" y="1785"/>
                    </a:lnTo>
                    <a:lnTo>
                      <a:pt x="2437" y="1783"/>
                    </a:lnTo>
                    <a:lnTo>
                      <a:pt x="2437" y="1780"/>
                    </a:lnTo>
                    <a:lnTo>
                      <a:pt x="2437" y="1776"/>
                    </a:lnTo>
                    <a:lnTo>
                      <a:pt x="2439" y="1769"/>
                    </a:lnTo>
                    <a:lnTo>
                      <a:pt x="2445" y="1761"/>
                    </a:lnTo>
                    <a:lnTo>
                      <a:pt x="2451" y="1753"/>
                    </a:lnTo>
                    <a:lnTo>
                      <a:pt x="2457" y="1745"/>
                    </a:lnTo>
                    <a:lnTo>
                      <a:pt x="2460" y="1741"/>
                    </a:lnTo>
                    <a:lnTo>
                      <a:pt x="2463" y="1739"/>
                    </a:lnTo>
                    <a:lnTo>
                      <a:pt x="2467" y="1738"/>
                    </a:lnTo>
                    <a:lnTo>
                      <a:pt x="2469" y="1736"/>
                    </a:lnTo>
                    <a:lnTo>
                      <a:pt x="2477" y="1735"/>
                    </a:lnTo>
                    <a:lnTo>
                      <a:pt x="2485" y="1736"/>
                    </a:lnTo>
                    <a:lnTo>
                      <a:pt x="2499" y="1740"/>
                    </a:lnTo>
                    <a:lnTo>
                      <a:pt x="2514" y="1741"/>
                    </a:lnTo>
                    <a:lnTo>
                      <a:pt x="2521" y="1740"/>
                    </a:lnTo>
                    <a:lnTo>
                      <a:pt x="2529" y="1739"/>
                    </a:lnTo>
                    <a:lnTo>
                      <a:pt x="2535" y="1738"/>
                    </a:lnTo>
                    <a:lnTo>
                      <a:pt x="2540" y="1735"/>
                    </a:lnTo>
                    <a:lnTo>
                      <a:pt x="2544" y="1731"/>
                    </a:lnTo>
                    <a:lnTo>
                      <a:pt x="2547" y="1726"/>
                    </a:lnTo>
                    <a:lnTo>
                      <a:pt x="2547" y="1723"/>
                    </a:lnTo>
                    <a:lnTo>
                      <a:pt x="2547" y="1719"/>
                    </a:lnTo>
                    <a:lnTo>
                      <a:pt x="2546" y="1715"/>
                    </a:lnTo>
                    <a:lnTo>
                      <a:pt x="2543" y="1712"/>
                    </a:lnTo>
                    <a:lnTo>
                      <a:pt x="2540" y="1710"/>
                    </a:lnTo>
                    <a:lnTo>
                      <a:pt x="2537" y="1708"/>
                    </a:lnTo>
                    <a:lnTo>
                      <a:pt x="2531" y="1706"/>
                    </a:lnTo>
                    <a:lnTo>
                      <a:pt x="2525" y="1706"/>
                    </a:lnTo>
                    <a:lnTo>
                      <a:pt x="2512" y="1704"/>
                    </a:lnTo>
                    <a:lnTo>
                      <a:pt x="2503" y="1700"/>
                    </a:lnTo>
                    <a:lnTo>
                      <a:pt x="2495" y="1695"/>
                    </a:lnTo>
                    <a:lnTo>
                      <a:pt x="2490" y="1691"/>
                    </a:lnTo>
                    <a:lnTo>
                      <a:pt x="2489" y="1688"/>
                    </a:lnTo>
                    <a:lnTo>
                      <a:pt x="2491" y="1686"/>
                    </a:lnTo>
                    <a:lnTo>
                      <a:pt x="2498" y="1682"/>
                    </a:lnTo>
                    <a:lnTo>
                      <a:pt x="2507" y="1675"/>
                    </a:lnTo>
                    <a:lnTo>
                      <a:pt x="2513" y="1669"/>
                    </a:lnTo>
                    <a:lnTo>
                      <a:pt x="2521" y="1660"/>
                    </a:lnTo>
                    <a:lnTo>
                      <a:pt x="2526" y="1656"/>
                    </a:lnTo>
                    <a:lnTo>
                      <a:pt x="2530" y="1652"/>
                    </a:lnTo>
                    <a:lnTo>
                      <a:pt x="2534" y="1651"/>
                    </a:lnTo>
                    <a:lnTo>
                      <a:pt x="2538" y="1651"/>
                    </a:lnTo>
                    <a:lnTo>
                      <a:pt x="2542" y="1652"/>
                    </a:lnTo>
                    <a:lnTo>
                      <a:pt x="2546" y="1655"/>
                    </a:lnTo>
                    <a:lnTo>
                      <a:pt x="2548" y="1657"/>
                    </a:lnTo>
                    <a:lnTo>
                      <a:pt x="2551" y="1661"/>
                    </a:lnTo>
                    <a:lnTo>
                      <a:pt x="2556" y="1669"/>
                    </a:lnTo>
                    <a:lnTo>
                      <a:pt x="2560" y="1674"/>
                    </a:lnTo>
                    <a:lnTo>
                      <a:pt x="2568" y="1679"/>
                    </a:lnTo>
                    <a:lnTo>
                      <a:pt x="2575" y="1682"/>
                    </a:lnTo>
                    <a:lnTo>
                      <a:pt x="2583" y="1683"/>
                    </a:lnTo>
                    <a:lnTo>
                      <a:pt x="2591" y="1684"/>
                    </a:lnTo>
                    <a:lnTo>
                      <a:pt x="2599" y="1687"/>
                    </a:lnTo>
                    <a:lnTo>
                      <a:pt x="2605" y="1690"/>
                    </a:lnTo>
                    <a:lnTo>
                      <a:pt x="2613" y="1695"/>
                    </a:lnTo>
                    <a:lnTo>
                      <a:pt x="2619" y="1704"/>
                    </a:lnTo>
                    <a:lnTo>
                      <a:pt x="2622" y="1712"/>
                    </a:lnTo>
                    <a:lnTo>
                      <a:pt x="2625" y="1723"/>
                    </a:lnTo>
                    <a:lnTo>
                      <a:pt x="2625" y="1730"/>
                    </a:lnTo>
                    <a:lnTo>
                      <a:pt x="2626" y="1734"/>
                    </a:lnTo>
                    <a:lnTo>
                      <a:pt x="2628" y="1738"/>
                    </a:lnTo>
                    <a:lnTo>
                      <a:pt x="2632" y="1740"/>
                    </a:lnTo>
                    <a:lnTo>
                      <a:pt x="2641" y="1743"/>
                    </a:lnTo>
                    <a:lnTo>
                      <a:pt x="2651" y="1744"/>
                    </a:lnTo>
                    <a:lnTo>
                      <a:pt x="2654" y="1743"/>
                    </a:lnTo>
                    <a:lnTo>
                      <a:pt x="2658" y="1740"/>
                    </a:lnTo>
                    <a:lnTo>
                      <a:pt x="2662" y="1736"/>
                    </a:lnTo>
                    <a:lnTo>
                      <a:pt x="2666" y="1732"/>
                    </a:lnTo>
                    <a:lnTo>
                      <a:pt x="2667" y="1726"/>
                    </a:lnTo>
                    <a:lnTo>
                      <a:pt x="2667" y="1719"/>
                    </a:lnTo>
                    <a:lnTo>
                      <a:pt x="2666" y="1714"/>
                    </a:lnTo>
                    <a:lnTo>
                      <a:pt x="2663" y="1710"/>
                    </a:lnTo>
                    <a:lnTo>
                      <a:pt x="2661" y="1705"/>
                    </a:lnTo>
                    <a:lnTo>
                      <a:pt x="2658" y="1701"/>
                    </a:lnTo>
                    <a:lnTo>
                      <a:pt x="2657" y="1696"/>
                    </a:lnTo>
                    <a:lnTo>
                      <a:pt x="2660" y="1691"/>
                    </a:lnTo>
                    <a:lnTo>
                      <a:pt x="2666" y="1682"/>
                    </a:lnTo>
                    <a:lnTo>
                      <a:pt x="2673" y="1674"/>
                    </a:lnTo>
                    <a:lnTo>
                      <a:pt x="2676" y="1670"/>
                    </a:lnTo>
                    <a:lnTo>
                      <a:pt x="2679" y="1665"/>
                    </a:lnTo>
                    <a:lnTo>
                      <a:pt x="2680" y="1660"/>
                    </a:lnTo>
                    <a:lnTo>
                      <a:pt x="2682" y="1653"/>
                    </a:lnTo>
                    <a:lnTo>
                      <a:pt x="2667" y="1655"/>
                    </a:lnTo>
                    <a:lnTo>
                      <a:pt x="2647" y="1658"/>
                    </a:lnTo>
                    <a:lnTo>
                      <a:pt x="2635" y="1658"/>
                    </a:lnTo>
                    <a:lnTo>
                      <a:pt x="2626" y="1658"/>
                    </a:lnTo>
                    <a:lnTo>
                      <a:pt x="2622" y="1657"/>
                    </a:lnTo>
                    <a:lnTo>
                      <a:pt x="2619" y="1655"/>
                    </a:lnTo>
                    <a:lnTo>
                      <a:pt x="2618" y="1652"/>
                    </a:lnTo>
                    <a:lnTo>
                      <a:pt x="2618" y="1648"/>
                    </a:lnTo>
                    <a:lnTo>
                      <a:pt x="2619" y="1644"/>
                    </a:lnTo>
                    <a:lnTo>
                      <a:pt x="2622" y="1640"/>
                    </a:lnTo>
                    <a:lnTo>
                      <a:pt x="2627" y="1636"/>
                    </a:lnTo>
                    <a:lnTo>
                      <a:pt x="2631" y="1633"/>
                    </a:lnTo>
                    <a:lnTo>
                      <a:pt x="2635" y="1629"/>
                    </a:lnTo>
                    <a:lnTo>
                      <a:pt x="2636" y="1625"/>
                    </a:lnTo>
                    <a:lnTo>
                      <a:pt x="2636" y="1624"/>
                    </a:lnTo>
                    <a:lnTo>
                      <a:pt x="2636" y="1622"/>
                    </a:lnTo>
                    <a:lnTo>
                      <a:pt x="2634" y="1621"/>
                    </a:lnTo>
                    <a:lnTo>
                      <a:pt x="2632" y="1620"/>
                    </a:lnTo>
                    <a:lnTo>
                      <a:pt x="2622" y="1616"/>
                    </a:lnTo>
                    <a:lnTo>
                      <a:pt x="2614" y="1611"/>
                    </a:lnTo>
                    <a:lnTo>
                      <a:pt x="2612" y="1608"/>
                    </a:lnTo>
                    <a:lnTo>
                      <a:pt x="2609" y="1605"/>
                    </a:lnTo>
                    <a:lnTo>
                      <a:pt x="2608" y="1601"/>
                    </a:lnTo>
                    <a:lnTo>
                      <a:pt x="2608" y="1599"/>
                    </a:lnTo>
                    <a:lnTo>
                      <a:pt x="2608" y="1596"/>
                    </a:lnTo>
                    <a:lnTo>
                      <a:pt x="2609" y="1594"/>
                    </a:lnTo>
                    <a:lnTo>
                      <a:pt x="2610" y="1591"/>
                    </a:lnTo>
                    <a:lnTo>
                      <a:pt x="2613" y="1590"/>
                    </a:lnTo>
                    <a:lnTo>
                      <a:pt x="2617" y="1587"/>
                    </a:lnTo>
                    <a:lnTo>
                      <a:pt x="2622" y="1587"/>
                    </a:lnTo>
                    <a:lnTo>
                      <a:pt x="2628" y="1587"/>
                    </a:lnTo>
                    <a:lnTo>
                      <a:pt x="2635" y="1587"/>
                    </a:lnTo>
                    <a:lnTo>
                      <a:pt x="2644" y="1589"/>
                    </a:lnTo>
                    <a:lnTo>
                      <a:pt x="2654" y="1591"/>
                    </a:lnTo>
                    <a:lnTo>
                      <a:pt x="2660" y="1591"/>
                    </a:lnTo>
                    <a:lnTo>
                      <a:pt x="2663" y="1591"/>
                    </a:lnTo>
                    <a:lnTo>
                      <a:pt x="2667" y="1589"/>
                    </a:lnTo>
                    <a:lnTo>
                      <a:pt x="2671" y="1586"/>
                    </a:lnTo>
                    <a:lnTo>
                      <a:pt x="2673" y="1582"/>
                    </a:lnTo>
                    <a:lnTo>
                      <a:pt x="2671" y="1577"/>
                    </a:lnTo>
                    <a:lnTo>
                      <a:pt x="2669" y="1573"/>
                    </a:lnTo>
                    <a:lnTo>
                      <a:pt x="2666" y="1569"/>
                    </a:lnTo>
                    <a:lnTo>
                      <a:pt x="2657" y="1563"/>
                    </a:lnTo>
                    <a:lnTo>
                      <a:pt x="2651" y="1556"/>
                    </a:lnTo>
                    <a:lnTo>
                      <a:pt x="2645" y="1551"/>
                    </a:lnTo>
                    <a:lnTo>
                      <a:pt x="2640" y="1546"/>
                    </a:lnTo>
                    <a:lnTo>
                      <a:pt x="2635" y="1543"/>
                    </a:lnTo>
                    <a:lnTo>
                      <a:pt x="2631" y="1541"/>
                    </a:lnTo>
                    <a:lnTo>
                      <a:pt x="2626" y="1539"/>
                    </a:lnTo>
                    <a:lnTo>
                      <a:pt x="2622" y="1539"/>
                    </a:lnTo>
                    <a:lnTo>
                      <a:pt x="2617" y="1539"/>
                    </a:lnTo>
                    <a:lnTo>
                      <a:pt x="2613" y="1541"/>
                    </a:lnTo>
                    <a:lnTo>
                      <a:pt x="2594" y="1550"/>
                    </a:lnTo>
                    <a:lnTo>
                      <a:pt x="2574" y="1561"/>
                    </a:lnTo>
                    <a:lnTo>
                      <a:pt x="2560" y="1568"/>
                    </a:lnTo>
                    <a:lnTo>
                      <a:pt x="2549" y="1570"/>
                    </a:lnTo>
                    <a:lnTo>
                      <a:pt x="2546" y="1572"/>
                    </a:lnTo>
                    <a:lnTo>
                      <a:pt x="2543" y="1572"/>
                    </a:lnTo>
                    <a:lnTo>
                      <a:pt x="2540" y="1570"/>
                    </a:lnTo>
                    <a:lnTo>
                      <a:pt x="2539" y="1569"/>
                    </a:lnTo>
                    <a:lnTo>
                      <a:pt x="2538" y="1565"/>
                    </a:lnTo>
                    <a:lnTo>
                      <a:pt x="2540" y="1560"/>
                    </a:lnTo>
                    <a:lnTo>
                      <a:pt x="2544" y="1554"/>
                    </a:lnTo>
                    <a:lnTo>
                      <a:pt x="2549" y="1546"/>
                    </a:lnTo>
                    <a:lnTo>
                      <a:pt x="2564" y="1529"/>
                    </a:lnTo>
                    <a:lnTo>
                      <a:pt x="2581" y="1512"/>
                    </a:lnTo>
                    <a:lnTo>
                      <a:pt x="2588" y="1504"/>
                    </a:lnTo>
                    <a:lnTo>
                      <a:pt x="2596" y="1499"/>
                    </a:lnTo>
                    <a:lnTo>
                      <a:pt x="2604" y="1494"/>
                    </a:lnTo>
                    <a:lnTo>
                      <a:pt x="2609" y="1491"/>
                    </a:lnTo>
                    <a:lnTo>
                      <a:pt x="2617" y="1490"/>
                    </a:lnTo>
                    <a:lnTo>
                      <a:pt x="2625" y="1490"/>
                    </a:lnTo>
                    <a:lnTo>
                      <a:pt x="2632" y="1491"/>
                    </a:lnTo>
                    <a:lnTo>
                      <a:pt x="2640" y="1493"/>
                    </a:lnTo>
                    <a:lnTo>
                      <a:pt x="2657" y="1498"/>
                    </a:lnTo>
                    <a:lnTo>
                      <a:pt x="2673" y="1502"/>
                    </a:lnTo>
                    <a:lnTo>
                      <a:pt x="2680" y="1502"/>
                    </a:lnTo>
                    <a:lnTo>
                      <a:pt x="2687" y="1502"/>
                    </a:lnTo>
                    <a:lnTo>
                      <a:pt x="2692" y="1499"/>
                    </a:lnTo>
                    <a:lnTo>
                      <a:pt x="2697" y="1497"/>
                    </a:lnTo>
                    <a:lnTo>
                      <a:pt x="2702" y="1490"/>
                    </a:lnTo>
                    <a:lnTo>
                      <a:pt x="2705" y="1482"/>
                    </a:lnTo>
                    <a:lnTo>
                      <a:pt x="2708" y="1472"/>
                    </a:lnTo>
                    <a:lnTo>
                      <a:pt x="2708" y="1459"/>
                    </a:lnTo>
                    <a:lnTo>
                      <a:pt x="2696" y="1456"/>
                    </a:lnTo>
                    <a:lnTo>
                      <a:pt x="2683" y="1451"/>
                    </a:lnTo>
                    <a:lnTo>
                      <a:pt x="2676" y="1449"/>
                    </a:lnTo>
                    <a:lnTo>
                      <a:pt x="2671" y="1446"/>
                    </a:lnTo>
                    <a:lnTo>
                      <a:pt x="2667" y="1442"/>
                    </a:lnTo>
                    <a:lnTo>
                      <a:pt x="2665" y="1437"/>
                    </a:lnTo>
                    <a:lnTo>
                      <a:pt x="2663" y="1434"/>
                    </a:lnTo>
                    <a:lnTo>
                      <a:pt x="2662" y="1432"/>
                    </a:lnTo>
                    <a:lnTo>
                      <a:pt x="2661" y="1430"/>
                    </a:lnTo>
                    <a:lnTo>
                      <a:pt x="2660" y="1430"/>
                    </a:lnTo>
                    <a:lnTo>
                      <a:pt x="2654" y="1430"/>
                    </a:lnTo>
                    <a:lnTo>
                      <a:pt x="2651" y="1432"/>
                    </a:lnTo>
                    <a:lnTo>
                      <a:pt x="2640" y="1438"/>
                    </a:lnTo>
                    <a:lnTo>
                      <a:pt x="2631" y="1441"/>
                    </a:lnTo>
                    <a:lnTo>
                      <a:pt x="2628" y="1440"/>
                    </a:lnTo>
                    <a:lnTo>
                      <a:pt x="2627" y="1438"/>
                    </a:lnTo>
                    <a:lnTo>
                      <a:pt x="2626" y="1437"/>
                    </a:lnTo>
                    <a:lnTo>
                      <a:pt x="2625" y="1434"/>
                    </a:lnTo>
                    <a:lnTo>
                      <a:pt x="2626" y="1429"/>
                    </a:lnTo>
                    <a:lnTo>
                      <a:pt x="2628" y="1423"/>
                    </a:lnTo>
                    <a:lnTo>
                      <a:pt x="2632" y="1416"/>
                    </a:lnTo>
                    <a:lnTo>
                      <a:pt x="2638" y="1411"/>
                    </a:lnTo>
                    <a:lnTo>
                      <a:pt x="2641" y="1408"/>
                    </a:lnTo>
                    <a:lnTo>
                      <a:pt x="2645" y="1407"/>
                    </a:lnTo>
                    <a:lnTo>
                      <a:pt x="2649" y="1406"/>
                    </a:lnTo>
                    <a:lnTo>
                      <a:pt x="2653" y="1406"/>
                    </a:lnTo>
                    <a:lnTo>
                      <a:pt x="2660" y="1405"/>
                    </a:lnTo>
                    <a:lnTo>
                      <a:pt x="2666" y="1403"/>
                    </a:lnTo>
                    <a:lnTo>
                      <a:pt x="2674" y="1402"/>
                    </a:lnTo>
                    <a:lnTo>
                      <a:pt x="2680" y="1398"/>
                    </a:lnTo>
                    <a:lnTo>
                      <a:pt x="2695" y="1392"/>
                    </a:lnTo>
                    <a:lnTo>
                      <a:pt x="2709" y="1385"/>
                    </a:lnTo>
                    <a:lnTo>
                      <a:pt x="2720" y="1380"/>
                    </a:lnTo>
                    <a:lnTo>
                      <a:pt x="2731" y="1377"/>
                    </a:lnTo>
                    <a:lnTo>
                      <a:pt x="2736" y="1377"/>
                    </a:lnTo>
                    <a:lnTo>
                      <a:pt x="2739" y="1379"/>
                    </a:lnTo>
                    <a:lnTo>
                      <a:pt x="2742" y="1381"/>
                    </a:lnTo>
                    <a:lnTo>
                      <a:pt x="2744" y="1385"/>
                    </a:lnTo>
                    <a:lnTo>
                      <a:pt x="2746" y="1397"/>
                    </a:lnTo>
                    <a:lnTo>
                      <a:pt x="2748" y="1410"/>
                    </a:lnTo>
                    <a:lnTo>
                      <a:pt x="2748" y="1423"/>
                    </a:lnTo>
                    <a:lnTo>
                      <a:pt x="2748" y="1436"/>
                    </a:lnTo>
                    <a:lnTo>
                      <a:pt x="2749" y="1447"/>
                    </a:lnTo>
                    <a:lnTo>
                      <a:pt x="2750" y="1459"/>
                    </a:lnTo>
                    <a:lnTo>
                      <a:pt x="2753" y="1464"/>
                    </a:lnTo>
                    <a:lnTo>
                      <a:pt x="2754" y="1469"/>
                    </a:lnTo>
                    <a:lnTo>
                      <a:pt x="2757" y="1473"/>
                    </a:lnTo>
                    <a:lnTo>
                      <a:pt x="2761" y="1477"/>
                    </a:lnTo>
                    <a:lnTo>
                      <a:pt x="2771" y="1489"/>
                    </a:lnTo>
                    <a:lnTo>
                      <a:pt x="2788" y="1508"/>
                    </a:lnTo>
                    <a:lnTo>
                      <a:pt x="2796" y="1516"/>
                    </a:lnTo>
                    <a:lnTo>
                      <a:pt x="2802" y="1519"/>
                    </a:lnTo>
                    <a:lnTo>
                      <a:pt x="2805" y="1519"/>
                    </a:lnTo>
                    <a:lnTo>
                      <a:pt x="2806" y="1517"/>
                    </a:lnTo>
                    <a:lnTo>
                      <a:pt x="2807" y="1513"/>
                    </a:lnTo>
                    <a:lnTo>
                      <a:pt x="2806" y="1507"/>
                    </a:lnTo>
                    <a:lnTo>
                      <a:pt x="2803" y="1498"/>
                    </a:lnTo>
                    <a:lnTo>
                      <a:pt x="2799" y="1487"/>
                    </a:lnTo>
                    <a:lnTo>
                      <a:pt x="2798" y="1484"/>
                    </a:lnTo>
                    <a:lnTo>
                      <a:pt x="2798" y="1478"/>
                    </a:lnTo>
                    <a:lnTo>
                      <a:pt x="2799" y="1475"/>
                    </a:lnTo>
                    <a:lnTo>
                      <a:pt x="2803" y="1469"/>
                    </a:lnTo>
                    <a:lnTo>
                      <a:pt x="2809" y="1464"/>
                    </a:lnTo>
                    <a:lnTo>
                      <a:pt x="2812" y="1459"/>
                    </a:lnTo>
                    <a:lnTo>
                      <a:pt x="2815" y="1454"/>
                    </a:lnTo>
                    <a:lnTo>
                      <a:pt x="2815" y="1450"/>
                    </a:lnTo>
                    <a:lnTo>
                      <a:pt x="2815" y="1447"/>
                    </a:lnTo>
                    <a:lnTo>
                      <a:pt x="2814" y="1445"/>
                    </a:lnTo>
                    <a:lnTo>
                      <a:pt x="2811" y="1442"/>
                    </a:lnTo>
                    <a:lnTo>
                      <a:pt x="2809" y="1440"/>
                    </a:lnTo>
                    <a:lnTo>
                      <a:pt x="2803" y="1436"/>
                    </a:lnTo>
                    <a:lnTo>
                      <a:pt x="2798" y="1430"/>
                    </a:lnTo>
                    <a:lnTo>
                      <a:pt x="2796" y="1429"/>
                    </a:lnTo>
                    <a:lnTo>
                      <a:pt x="2794" y="1427"/>
                    </a:lnTo>
                    <a:lnTo>
                      <a:pt x="2794" y="1423"/>
                    </a:lnTo>
                    <a:lnTo>
                      <a:pt x="2794" y="1420"/>
                    </a:lnTo>
                    <a:lnTo>
                      <a:pt x="2802" y="1396"/>
                    </a:lnTo>
                    <a:lnTo>
                      <a:pt x="2810" y="1368"/>
                    </a:lnTo>
                    <a:lnTo>
                      <a:pt x="2815" y="1355"/>
                    </a:lnTo>
                    <a:lnTo>
                      <a:pt x="2822" y="1344"/>
                    </a:lnTo>
                    <a:lnTo>
                      <a:pt x="2825" y="1340"/>
                    </a:lnTo>
                    <a:lnTo>
                      <a:pt x="2831" y="1335"/>
                    </a:lnTo>
                    <a:lnTo>
                      <a:pt x="2836" y="1331"/>
                    </a:lnTo>
                    <a:lnTo>
                      <a:pt x="2841" y="1328"/>
                    </a:lnTo>
                    <a:lnTo>
                      <a:pt x="2849" y="1326"/>
                    </a:lnTo>
                    <a:lnTo>
                      <a:pt x="2855" y="1326"/>
                    </a:lnTo>
                    <a:lnTo>
                      <a:pt x="2862" y="1327"/>
                    </a:lnTo>
                    <a:lnTo>
                      <a:pt x="2867" y="1329"/>
                    </a:lnTo>
                    <a:lnTo>
                      <a:pt x="2876" y="1335"/>
                    </a:lnTo>
                    <a:lnTo>
                      <a:pt x="2888" y="1340"/>
                    </a:lnTo>
                    <a:lnTo>
                      <a:pt x="2895" y="1341"/>
                    </a:lnTo>
                    <a:lnTo>
                      <a:pt x="2903" y="1340"/>
                    </a:lnTo>
                    <a:lnTo>
                      <a:pt x="2912" y="1337"/>
                    </a:lnTo>
                    <a:lnTo>
                      <a:pt x="2920" y="1335"/>
                    </a:lnTo>
                    <a:lnTo>
                      <a:pt x="2926" y="1332"/>
                    </a:lnTo>
                    <a:lnTo>
                      <a:pt x="2934" y="1332"/>
                    </a:lnTo>
                    <a:lnTo>
                      <a:pt x="2937" y="1332"/>
                    </a:lnTo>
                    <a:lnTo>
                      <a:pt x="2939" y="1333"/>
                    </a:lnTo>
                    <a:lnTo>
                      <a:pt x="2943" y="1336"/>
                    </a:lnTo>
                    <a:lnTo>
                      <a:pt x="2945" y="1340"/>
                    </a:lnTo>
                    <a:lnTo>
                      <a:pt x="2954" y="1350"/>
                    </a:lnTo>
                    <a:lnTo>
                      <a:pt x="2967" y="1364"/>
                    </a:lnTo>
                    <a:lnTo>
                      <a:pt x="2971" y="1367"/>
                    </a:lnTo>
                    <a:lnTo>
                      <a:pt x="2974" y="1368"/>
                    </a:lnTo>
                    <a:lnTo>
                      <a:pt x="2978" y="1370"/>
                    </a:lnTo>
                    <a:lnTo>
                      <a:pt x="2981" y="1371"/>
                    </a:lnTo>
                    <a:lnTo>
                      <a:pt x="2983" y="1370"/>
                    </a:lnTo>
                    <a:lnTo>
                      <a:pt x="2986" y="1368"/>
                    </a:lnTo>
                    <a:lnTo>
                      <a:pt x="2989" y="1364"/>
                    </a:lnTo>
                    <a:lnTo>
                      <a:pt x="2990" y="1359"/>
                    </a:lnTo>
                    <a:lnTo>
                      <a:pt x="2991" y="1351"/>
                    </a:lnTo>
                    <a:lnTo>
                      <a:pt x="2990" y="1345"/>
                    </a:lnTo>
                    <a:lnTo>
                      <a:pt x="2989" y="1339"/>
                    </a:lnTo>
                    <a:lnTo>
                      <a:pt x="2986" y="1333"/>
                    </a:lnTo>
                    <a:lnTo>
                      <a:pt x="2982" y="1324"/>
                    </a:lnTo>
                    <a:lnTo>
                      <a:pt x="2982" y="1319"/>
                    </a:lnTo>
                    <a:lnTo>
                      <a:pt x="2994" y="1311"/>
                    </a:lnTo>
                    <a:lnTo>
                      <a:pt x="3004" y="1306"/>
                    </a:lnTo>
                    <a:lnTo>
                      <a:pt x="3008" y="1304"/>
                    </a:lnTo>
                    <a:lnTo>
                      <a:pt x="3012" y="1298"/>
                    </a:lnTo>
                    <a:lnTo>
                      <a:pt x="3012" y="1292"/>
                    </a:lnTo>
                    <a:lnTo>
                      <a:pt x="3012" y="1284"/>
                    </a:lnTo>
                    <a:lnTo>
                      <a:pt x="3011" y="1274"/>
                    </a:lnTo>
                    <a:lnTo>
                      <a:pt x="3012" y="1267"/>
                    </a:lnTo>
                    <a:lnTo>
                      <a:pt x="3015" y="1261"/>
                    </a:lnTo>
                    <a:lnTo>
                      <a:pt x="3018" y="1257"/>
                    </a:lnTo>
                    <a:lnTo>
                      <a:pt x="3022" y="1252"/>
                    </a:lnTo>
                    <a:lnTo>
                      <a:pt x="3026" y="1247"/>
                    </a:lnTo>
                    <a:lnTo>
                      <a:pt x="3029" y="1241"/>
                    </a:lnTo>
                    <a:lnTo>
                      <a:pt x="3030" y="1234"/>
                    </a:lnTo>
                    <a:lnTo>
                      <a:pt x="3025" y="1235"/>
                    </a:lnTo>
                    <a:lnTo>
                      <a:pt x="3018" y="1237"/>
                    </a:lnTo>
                    <a:lnTo>
                      <a:pt x="3013" y="1243"/>
                    </a:lnTo>
                    <a:lnTo>
                      <a:pt x="3005" y="1248"/>
                    </a:lnTo>
                    <a:lnTo>
                      <a:pt x="2999" y="1254"/>
                    </a:lnTo>
                    <a:lnTo>
                      <a:pt x="2991" y="1259"/>
                    </a:lnTo>
                    <a:lnTo>
                      <a:pt x="2983" y="1263"/>
                    </a:lnTo>
                    <a:lnTo>
                      <a:pt x="2974" y="1266"/>
                    </a:lnTo>
                    <a:lnTo>
                      <a:pt x="2959" y="1266"/>
                    </a:lnTo>
                    <a:lnTo>
                      <a:pt x="2945" y="1266"/>
                    </a:lnTo>
                    <a:lnTo>
                      <a:pt x="2932" y="1262"/>
                    </a:lnTo>
                    <a:lnTo>
                      <a:pt x="2919" y="1258"/>
                    </a:lnTo>
                    <a:lnTo>
                      <a:pt x="2904" y="1261"/>
                    </a:lnTo>
                    <a:lnTo>
                      <a:pt x="2875" y="1267"/>
                    </a:lnTo>
                    <a:lnTo>
                      <a:pt x="2842" y="1274"/>
                    </a:lnTo>
                    <a:lnTo>
                      <a:pt x="2823" y="1278"/>
                    </a:lnTo>
                    <a:lnTo>
                      <a:pt x="2819" y="1276"/>
                    </a:lnTo>
                    <a:lnTo>
                      <a:pt x="2816" y="1275"/>
                    </a:lnTo>
                    <a:lnTo>
                      <a:pt x="2815" y="1274"/>
                    </a:lnTo>
                    <a:lnTo>
                      <a:pt x="2815" y="1272"/>
                    </a:lnTo>
                    <a:lnTo>
                      <a:pt x="2816" y="1269"/>
                    </a:lnTo>
                    <a:lnTo>
                      <a:pt x="2822" y="1263"/>
                    </a:lnTo>
                    <a:lnTo>
                      <a:pt x="2838" y="1250"/>
                    </a:lnTo>
                    <a:lnTo>
                      <a:pt x="2863" y="1235"/>
                    </a:lnTo>
                    <a:lnTo>
                      <a:pt x="2889" y="1221"/>
                    </a:lnTo>
                    <a:lnTo>
                      <a:pt x="2916" y="1206"/>
                    </a:lnTo>
                    <a:lnTo>
                      <a:pt x="2938" y="1196"/>
                    </a:lnTo>
                    <a:lnTo>
                      <a:pt x="2951" y="1192"/>
                    </a:lnTo>
                    <a:lnTo>
                      <a:pt x="2972" y="1186"/>
                    </a:lnTo>
                    <a:lnTo>
                      <a:pt x="2995" y="1175"/>
                    </a:lnTo>
                    <a:lnTo>
                      <a:pt x="3007" y="1169"/>
                    </a:lnTo>
                    <a:lnTo>
                      <a:pt x="3017" y="1162"/>
                    </a:lnTo>
                    <a:lnTo>
                      <a:pt x="3026" y="1155"/>
                    </a:lnTo>
                    <a:lnTo>
                      <a:pt x="3033" y="1147"/>
                    </a:lnTo>
                    <a:lnTo>
                      <a:pt x="3035" y="1140"/>
                    </a:lnTo>
                    <a:lnTo>
                      <a:pt x="3038" y="1134"/>
                    </a:lnTo>
                    <a:lnTo>
                      <a:pt x="3038" y="1127"/>
                    </a:lnTo>
                    <a:lnTo>
                      <a:pt x="3038" y="1122"/>
                    </a:lnTo>
                    <a:lnTo>
                      <a:pt x="3037" y="1109"/>
                    </a:lnTo>
                    <a:lnTo>
                      <a:pt x="3031" y="1098"/>
                    </a:lnTo>
                    <a:lnTo>
                      <a:pt x="3026" y="1086"/>
                    </a:lnTo>
                    <a:lnTo>
                      <a:pt x="3022" y="1074"/>
                    </a:lnTo>
                    <a:lnTo>
                      <a:pt x="3021" y="1068"/>
                    </a:lnTo>
                    <a:lnTo>
                      <a:pt x="3020" y="1063"/>
                    </a:lnTo>
                    <a:lnTo>
                      <a:pt x="3020" y="1056"/>
                    </a:lnTo>
                    <a:lnTo>
                      <a:pt x="3021" y="1050"/>
                    </a:lnTo>
                    <a:lnTo>
                      <a:pt x="3022" y="1026"/>
                    </a:lnTo>
                    <a:lnTo>
                      <a:pt x="3024" y="1000"/>
                    </a:lnTo>
                    <a:lnTo>
                      <a:pt x="3024" y="994"/>
                    </a:lnTo>
                    <a:lnTo>
                      <a:pt x="3025" y="989"/>
                    </a:lnTo>
                    <a:lnTo>
                      <a:pt x="3028" y="984"/>
                    </a:lnTo>
                    <a:lnTo>
                      <a:pt x="3030" y="978"/>
                    </a:lnTo>
                    <a:lnTo>
                      <a:pt x="3033" y="975"/>
                    </a:lnTo>
                    <a:lnTo>
                      <a:pt x="3038" y="972"/>
                    </a:lnTo>
                    <a:lnTo>
                      <a:pt x="3043" y="969"/>
                    </a:lnTo>
                    <a:lnTo>
                      <a:pt x="3050" y="968"/>
                    </a:lnTo>
                    <a:lnTo>
                      <a:pt x="3070" y="968"/>
                    </a:lnTo>
                    <a:lnTo>
                      <a:pt x="3094" y="969"/>
                    </a:lnTo>
                    <a:lnTo>
                      <a:pt x="3105" y="971"/>
                    </a:lnTo>
                    <a:lnTo>
                      <a:pt x="3117" y="971"/>
                    </a:lnTo>
                    <a:lnTo>
                      <a:pt x="3126" y="971"/>
                    </a:lnTo>
                    <a:lnTo>
                      <a:pt x="3135" y="969"/>
                    </a:lnTo>
                    <a:lnTo>
                      <a:pt x="3140" y="967"/>
                    </a:lnTo>
                    <a:lnTo>
                      <a:pt x="3143" y="964"/>
                    </a:lnTo>
                    <a:lnTo>
                      <a:pt x="3144" y="960"/>
                    </a:lnTo>
                    <a:lnTo>
                      <a:pt x="3145" y="956"/>
                    </a:lnTo>
                    <a:lnTo>
                      <a:pt x="3143" y="947"/>
                    </a:lnTo>
                    <a:lnTo>
                      <a:pt x="3138" y="937"/>
                    </a:lnTo>
                    <a:lnTo>
                      <a:pt x="3123" y="916"/>
                    </a:lnTo>
                    <a:lnTo>
                      <a:pt x="3114" y="901"/>
                    </a:lnTo>
                    <a:lnTo>
                      <a:pt x="3116" y="895"/>
                    </a:lnTo>
                    <a:lnTo>
                      <a:pt x="3117" y="889"/>
                    </a:lnTo>
                    <a:lnTo>
                      <a:pt x="3119" y="881"/>
                    </a:lnTo>
                    <a:lnTo>
                      <a:pt x="3123" y="872"/>
                    </a:lnTo>
                    <a:lnTo>
                      <a:pt x="3127" y="863"/>
                    </a:lnTo>
                    <a:lnTo>
                      <a:pt x="3131" y="854"/>
                    </a:lnTo>
                    <a:lnTo>
                      <a:pt x="3134" y="845"/>
                    </a:lnTo>
                    <a:lnTo>
                      <a:pt x="3135" y="836"/>
                    </a:lnTo>
                    <a:lnTo>
                      <a:pt x="3135" y="826"/>
                    </a:lnTo>
                    <a:lnTo>
                      <a:pt x="3136" y="819"/>
                    </a:lnTo>
                    <a:lnTo>
                      <a:pt x="3138" y="816"/>
                    </a:lnTo>
                    <a:lnTo>
                      <a:pt x="3139" y="815"/>
                    </a:lnTo>
                    <a:lnTo>
                      <a:pt x="3142" y="815"/>
                    </a:lnTo>
                    <a:lnTo>
                      <a:pt x="3143" y="815"/>
                    </a:lnTo>
                    <a:lnTo>
                      <a:pt x="3147" y="816"/>
                    </a:lnTo>
                    <a:lnTo>
                      <a:pt x="3152" y="820"/>
                    </a:lnTo>
                    <a:lnTo>
                      <a:pt x="3157" y="827"/>
                    </a:lnTo>
                    <a:lnTo>
                      <a:pt x="3162" y="833"/>
                    </a:lnTo>
                    <a:lnTo>
                      <a:pt x="3174" y="849"/>
                    </a:lnTo>
                    <a:lnTo>
                      <a:pt x="3186" y="866"/>
                    </a:lnTo>
                    <a:lnTo>
                      <a:pt x="3196" y="880"/>
                    </a:lnTo>
                    <a:lnTo>
                      <a:pt x="3204" y="888"/>
                    </a:lnTo>
                    <a:lnTo>
                      <a:pt x="3210" y="888"/>
                    </a:lnTo>
                    <a:lnTo>
                      <a:pt x="3221" y="888"/>
                    </a:lnTo>
                    <a:lnTo>
                      <a:pt x="3235" y="886"/>
                    </a:lnTo>
                    <a:lnTo>
                      <a:pt x="3249" y="884"/>
                    </a:lnTo>
                    <a:lnTo>
                      <a:pt x="3261" y="881"/>
                    </a:lnTo>
                    <a:lnTo>
                      <a:pt x="3270" y="877"/>
                    </a:lnTo>
                    <a:lnTo>
                      <a:pt x="3272" y="875"/>
                    </a:lnTo>
                    <a:lnTo>
                      <a:pt x="3274" y="872"/>
                    </a:lnTo>
                    <a:lnTo>
                      <a:pt x="3272" y="870"/>
                    </a:lnTo>
                    <a:lnTo>
                      <a:pt x="3268" y="866"/>
                    </a:lnTo>
                    <a:lnTo>
                      <a:pt x="3250" y="854"/>
                    </a:lnTo>
                    <a:lnTo>
                      <a:pt x="3231" y="841"/>
                    </a:lnTo>
                    <a:lnTo>
                      <a:pt x="3223" y="833"/>
                    </a:lnTo>
                    <a:lnTo>
                      <a:pt x="3217" y="824"/>
                    </a:lnTo>
                    <a:lnTo>
                      <a:pt x="3214" y="820"/>
                    </a:lnTo>
                    <a:lnTo>
                      <a:pt x="3211" y="815"/>
                    </a:lnTo>
                    <a:lnTo>
                      <a:pt x="3210" y="809"/>
                    </a:lnTo>
                    <a:lnTo>
                      <a:pt x="3210" y="804"/>
                    </a:lnTo>
                    <a:lnTo>
                      <a:pt x="3210" y="794"/>
                    </a:lnTo>
                    <a:lnTo>
                      <a:pt x="3213" y="788"/>
                    </a:lnTo>
                    <a:lnTo>
                      <a:pt x="3215" y="784"/>
                    </a:lnTo>
                    <a:lnTo>
                      <a:pt x="3218" y="783"/>
                    </a:lnTo>
                    <a:lnTo>
                      <a:pt x="3222" y="783"/>
                    </a:lnTo>
                    <a:lnTo>
                      <a:pt x="3227" y="783"/>
                    </a:lnTo>
                    <a:lnTo>
                      <a:pt x="3232" y="785"/>
                    </a:lnTo>
                    <a:lnTo>
                      <a:pt x="3237" y="789"/>
                    </a:lnTo>
                    <a:lnTo>
                      <a:pt x="3258" y="807"/>
                    </a:lnTo>
                    <a:lnTo>
                      <a:pt x="3272" y="823"/>
                    </a:lnTo>
                    <a:lnTo>
                      <a:pt x="3284" y="841"/>
                    </a:lnTo>
                    <a:lnTo>
                      <a:pt x="3293" y="859"/>
                    </a:lnTo>
                    <a:lnTo>
                      <a:pt x="3305" y="868"/>
                    </a:lnTo>
                    <a:lnTo>
                      <a:pt x="3318" y="876"/>
                    </a:lnTo>
                    <a:lnTo>
                      <a:pt x="3323" y="880"/>
                    </a:lnTo>
                    <a:lnTo>
                      <a:pt x="3328" y="885"/>
                    </a:lnTo>
                    <a:lnTo>
                      <a:pt x="3331" y="893"/>
                    </a:lnTo>
                    <a:lnTo>
                      <a:pt x="3332" y="901"/>
                    </a:lnTo>
                    <a:lnTo>
                      <a:pt x="3332" y="916"/>
                    </a:lnTo>
                    <a:lnTo>
                      <a:pt x="3335" y="928"/>
                    </a:lnTo>
                    <a:lnTo>
                      <a:pt x="3340" y="940"/>
                    </a:lnTo>
                    <a:lnTo>
                      <a:pt x="3346" y="952"/>
                    </a:lnTo>
                    <a:lnTo>
                      <a:pt x="3350" y="956"/>
                    </a:lnTo>
                    <a:lnTo>
                      <a:pt x="3353" y="960"/>
                    </a:lnTo>
                    <a:lnTo>
                      <a:pt x="3357" y="964"/>
                    </a:lnTo>
                    <a:lnTo>
                      <a:pt x="3360" y="965"/>
                    </a:lnTo>
                    <a:lnTo>
                      <a:pt x="3364" y="967"/>
                    </a:lnTo>
                    <a:lnTo>
                      <a:pt x="3370" y="967"/>
                    </a:lnTo>
                    <a:lnTo>
                      <a:pt x="3375" y="967"/>
                    </a:lnTo>
                    <a:lnTo>
                      <a:pt x="3380" y="964"/>
                    </a:lnTo>
                    <a:lnTo>
                      <a:pt x="3381" y="963"/>
                    </a:lnTo>
                    <a:lnTo>
                      <a:pt x="3382" y="962"/>
                    </a:lnTo>
                    <a:lnTo>
                      <a:pt x="3381" y="959"/>
                    </a:lnTo>
                    <a:lnTo>
                      <a:pt x="3380" y="958"/>
                    </a:lnTo>
                    <a:lnTo>
                      <a:pt x="3376" y="952"/>
                    </a:lnTo>
                    <a:lnTo>
                      <a:pt x="3373" y="950"/>
                    </a:lnTo>
                    <a:lnTo>
                      <a:pt x="3368" y="938"/>
                    </a:lnTo>
                    <a:lnTo>
                      <a:pt x="3366" y="928"/>
                    </a:lnTo>
                    <a:lnTo>
                      <a:pt x="3364" y="918"/>
                    </a:lnTo>
                    <a:lnTo>
                      <a:pt x="3363" y="907"/>
                    </a:lnTo>
                    <a:lnTo>
                      <a:pt x="3362" y="897"/>
                    </a:lnTo>
                    <a:lnTo>
                      <a:pt x="3358" y="888"/>
                    </a:lnTo>
                    <a:lnTo>
                      <a:pt x="3354" y="883"/>
                    </a:lnTo>
                    <a:lnTo>
                      <a:pt x="3350" y="879"/>
                    </a:lnTo>
                    <a:lnTo>
                      <a:pt x="3345" y="873"/>
                    </a:lnTo>
                    <a:lnTo>
                      <a:pt x="3340" y="870"/>
                    </a:lnTo>
                    <a:lnTo>
                      <a:pt x="3332" y="864"/>
                    </a:lnTo>
                    <a:lnTo>
                      <a:pt x="3325" y="858"/>
                    </a:lnTo>
                    <a:lnTo>
                      <a:pt x="3320" y="853"/>
                    </a:lnTo>
                    <a:lnTo>
                      <a:pt x="3316" y="846"/>
                    </a:lnTo>
                    <a:lnTo>
                      <a:pt x="3314" y="838"/>
                    </a:lnTo>
                    <a:lnTo>
                      <a:pt x="3313" y="831"/>
                    </a:lnTo>
                    <a:lnTo>
                      <a:pt x="3311" y="822"/>
                    </a:lnTo>
                    <a:lnTo>
                      <a:pt x="3311" y="813"/>
                    </a:lnTo>
                    <a:lnTo>
                      <a:pt x="3311" y="801"/>
                    </a:lnTo>
                    <a:lnTo>
                      <a:pt x="3313" y="791"/>
                    </a:lnTo>
                    <a:lnTo>
                      <a:pt x="3313" y="787"/>
                    </a:lnTo>
                    <a:lnTo>
                      <a:pt x="3315" y="781"/>
                    </a:lnTo>
                    <a:lnTo>
                      <a:pt x="3318" y="778"/>
                    </a:lnTo>
                    <a:lnTo>
                      <a:pt x="3322" y="772"/>
                    </a:lnTo>
                    <a:lnTo>
                      <a:pt x="3325" y="765"/>
                    </a:lnTo>
                    <a:lnTo>
                      <a:pt x="3328" y="757"/>
                    </a:lnTo>
                    <a:lnTo>
                      <a:pt x="3329" y="748"/>
                    </a:lnTo>
                    <a:lnTo>
                      <a:pt x="3329" y="740"/>
                    </a:lnTo>
                    <a:lnTo>
                      <a:pt x="3329" y="732"/>
                    </a:lnTo>
                    <a:lnTo>
                      <a:pt x="3331" y="723"/>
                    </a:lnTo>
                    <a:lnTo>
                      <a:pt x="3335" y="715"/>
                    </a:lnTo>
                    <a:lnTo>
                      <a:pt x="3341" y="708"/>
                    </a:lnTo>
                    <a:lnTo>
                      <a:pt x="3351" y="697"/>
                    </a:lnTo>
                    <a:lnTo>
                      <a:pt x="3367" y="683"/>
                    </a:lnTo>
                    <a:lnTo>
                      <a:pt x="3375" y="677"/>
                    </a:lnTo>
                    <a:lnTo>
                      <a:pt x="3382" y="671"/>
                    </a:lnTo>
                    <a:lnTo>
                      <a:pt x="3389" y="666"/>
                    </a:lnTo>
                    <a:lnTo>
                      <a:pt x="3394" y="665"/>
                    </a:lnTo>
                    <a:lnTo>
                      <a:pt x="3393" y="688"/>
                    </a:lnTo>
                    <a:lnTo>
                      <a:pt x="3392" y="709"/>
                    </a:lnTo>
                    <a:lnTo>
                      <a:pt x="3388" y="731"/>
                    </a:lnTo>
                    <a:lnTo>
                      <a:pt x="3384" y="753"/>
                    </a:lnTo>
                    <a:lnTo>
                      <a:pt x="3381" y="774"/>
                    </a:lnTo>
                    <a:lnTo>
                      <a:pt x="3380" y="791"/>
                    </a:lnTo>
                    <a:lnTo>
                      <a:pt x="3381" y="796"/>
                    </a:lnTo>
                    <a:lnTo>
                      <a:pt x="3382" y="800"/>
                    </a:lnTo>
                    <a:lnTo>
                      <a:pt x="3385" y="804"/>
                    </a:lnTo>
                    <a:lnTo>
                      <a:pt x="3388" y="805"/>
                    </a:lnTo>
                    <a:lnTo>
                      <a:pt x="3390" y="805"/>
                    </a:lnTo>
                    <a:lnTo>
                      <a:pt x="3393" y="802"/>
                    </a:lnTo>
                    <a:lnTo>
                      <a:pt x="3397" y="800"/>
                    </a:lnTo>
                    <a:lnTo>
                      <a:pt x="3399" y="794"/>
                    </a:lnTo>
                    <a:lnTo>
                      <a:pt x="3407" y="780"/>
                    </a:lnTo>
                    <a:lnTo>
                      <a:pt x="3415" y="759"/>
                    </a:lnTo>
                    <a:lnTo>
                      <a:pt x="3417" y="752"/>
                    </a:lnTo>
                    <a:lnTo>
                      <a:pt x="3419" y="743"/>
                    </a:lnTo>
                    <a:lnTo>
                      <a:pt x="3419" y="734"/>
                    </a:lnTo>
                    <a:lnTo>
                      <a:pt x="3419" y="726"/>
                    </a:lnTo>
                    <a:lnTo>
                      <a:pt x="3417" y="709"/>
                    </a:lnTo>
                    <a:lnTo>
                      <a:pt x="3419" y="692"/>
                    </a:lnTo>
                    <a:lnTo>
                      <a:pt x="3420" y="680"/>
                    </a:lnTo>
                    <a:lnTo>
                      <a:pt x="3421" y="671"/>
                    </a:lnTo>
                    <a:lnTo>
                      <a:pt x="3423" y="666"/>
                    </a:lnTo>
                    <a:lnTo>
                      <a:pt x="3425" y="662"/>
                    </a:lnTo>
                    <a:lnTo>
                      <a:pt x="3434" y="657"/>
                    </a:lnTo>
                    <a:lnTo>
                      <a:pt x="3454" y="649"/>
                    </a:lnTo>
                    <a:lnTo>
                      <a:pt x="3474" y="640"/>
                    </a:lnTo>
                    <a:lnTo>
                      <a:pt x="3491" y="633"/>
                    </a:lnTo>
                    <a:lnTo>
                      <a:pt x="3495" y="633"/>
                    </a:lnTo>
                    <a:lnTo>
                      <a:pt x="3499" y="633"/>
                    </a:lnTo>
                    <a:lnTo>
                      <a:pt x="3502" y="634"/>
                    </a:lnTo>
                    <a:lnTo>
                      <a:pt x="3503" y="635"/>
                    </a:lnTo>
                    <a:lnTo>
                      <a:pt x="3506" y="639"/>
                    </a:lnTo>
                    <a:lnTo>
                      <a:pt x="3507" y="643"/>
                    </a:lnTo>
                    <a:lnTo>
                      <a:pt x="3507" y="649"/>
                    </a:lnTo>
                    <a:lnTo>
                      <a:pt x="3507" y="656"/>
                    </a:lnTo>
                    <a:lnTo>
                      <a:pt x="3506" y="690"/>
                    </a:lnTo>
                    <a:lnTo>
                      <a:pt x="3503" y="726"/>
                    </a:lnTo>
                    <a:lnTo>
                      <a:pt x="3499" y="743"/>
                    </a:lnTo>
                    <a:lnTo>
                      <a:pt x="3495" y="759"/>
                    </a:lnTo>
                    <a:lnTo>
                      <a:pt x="3491" y="767"/>
                    </a:lnTo>
                    <a:lnTo>
                      <a:pt x="3489" y="775"/>
                    </a:lnTo>
                    <a:lnTo>
                      <a:pt x="3484" y="783"/>
                    </a:lnTo>
                    <a:lnTo>
                      <a:pt x="3480" y="789"/>
                    </a:lnTo>
                    <a:lnTo>
                      <a:pt x="3474" y="797"/>
                    </a:lnTo>
                    <a:lnTo>
                      <a:pt x="3467" y="810"/>
                    </a:lnTo>
                    <a:lnTo>
                      <a:pt x="3464" y="816"/>
                    </a:lnTo>
                    <a:lnTo>
                      <a:pt x="3461" y="823"/>
                    </a:lnTo>
                    <a:lnTo>
                      <a:pt x="3461" y="826"/>
                    </a:lnTo>
                    <a:lnTo>
                      <a:pt x="3461" y="827"/>
                    </a:lnTo>
                    <a:lnTo>
                      <a:pt x="3461" y="829"/>
                    </a:lnTo>
                    <a:lnTo>
                      <a:pt x="3463" y="831"/>
                    </a:lnTo>
                    <a:lnTo>
                      <a:pt x="3465" y="831"/>
                    </a:lnTo>
                    <a:lnTo>
                      <a:pt x="3468" y="829"/>
                    </a:lnTo>
                    <a:lnTo>
                      <a:pt x="3469" y="828"/>
                    </a:lnTo>
                    <a:lnTo>
                      <a:pt x="3472" y="826"/>
                    </a:lnTo>
                    <a:lnTo>
                      <a:pt x="3478" y="819"/>
                    </a:lnTo>
                    <a:lnTo>
                      <a:pt x="3484" y="811"/>
                    </a:lnTo>
                    <a:lnTo>
                      <a:pt x="3493" y="794"/>
                    </a:lnTo>
                    <a:lnTo>
                      <a:pt x="3499" y="784"/>
                    </a:lnTo>
                    <a:lnTo>
                      <a:pt x="3508" y="771"/>
                    </a:lnTo>
                    <a:lnTo>
                      <a:pt x="3520" y="761"/>
                    </a:lnTo>
                    <a:lnTo>
                      <a:pt x="3530" y="749"/>
                    </a:lnTo>
                    <a:lnTo>
                      <a:pt x="3539" y="737"/>
                    </a:lnTo>
                    <a:lnTo>
                      <a:pt x="3542" y="732"/>
                    </a:lnTo>
                    <a:lnTo>
                      <a:pt x="3544" y="726"/>
                    </a:lnTo>
                    <a:lnTo>
                      <a:pt x="3546" y="721"/>
                    </a:lnTo>
                    <a:lnTo>
                      <a:pt x="3547" y="715"/>
                    </a:lnTo>
                    <a:lnTo>
                      <a:pt x="3547" y="704"/>
                    </a:lnTo>
                    <a:lnTo>
                      <a:pt x="3548" y="692"/>
                    </a:lnTo>
                    <a:lnTo>
                      <a:pt x="3550" y="680"/>
                    </a:lnTo>
                    <a:lnTo>
                      <a:pt x="3555" y="669"/>
                    </a:lnTo>
                    <a:lnTo>
                      <a:pt x="3559" y="662"/>
                    </a:lnTo>
                    <a:lnTo>
                      <a:pt x="3563" y="656"/>
                    </a:lnTo>
                    <a:lnTo>
                      <a:pt x="3569" y="651"/>
                    </a:lnTo>
                    <a:lnTo>
                      <a:pt x="3577" y="644"/>
                    </a:lnTo>
                    <a:lnTo>
                      <a:pt x="3585" y="636"/>
                    </a:lnTo>
                    <a:lnTo>
                      <a:pt x="3591" y="626"/>
                    </a:lnTo>
                    <a:lnTo>
                      <a:pt x="3596" y="614"/>
                    </a:lnTo>
                    <a:lnTo>
                      <a:pt x="3601" y="603"/>
                    </a:lnTo>
                    <a:lnTo>
                      <a:pt x="3605" y="592"/>
                    </a:lnTo>
                    <a:lnTo>
                      <a:pt x="3609" y="583"/>
                    </a:lnTo>
                    <a:lnTo>
                      <a:pt x="3612" y="576"/>
                    </a:lnTo>
                    <a:lnTo>
                      <a:pt x="3617" y="570"/>
                    </a:lnTo>
                    <a:lnTo>
                      <a:pt x="3626" y="566"/>
                    </a:lnTo>
                    <a:lnTo>
                      <a:pt x="3635" y="564"/>
                    </a:lnTo>
                    <a:lnTo>
                      <a:pt x="3644" y="564"/>
                    </a:lnTo>
                    <a:lnTo>
                      <a:pt x="3651" y="566"/>
                    </a:lnTo>
                    <a:lnTo>
                      <a:pt x="3658" y="570"/>
                    </a:lnTo>
                    <a:lnTo>
                      <a:pt x="3664" y="577"/>
                    </a:lnTo>
                    <a:lnTo>
                      <a:pt x="3669" y="583"/>
                    </a:lnTo>
                    <a:lnTo>
                      <a:pt x="3674" y="592"/>
                    </a:lnTo>
                    <a:lnTo>
                      <a:pt x="3690" y="629"/>
                    </a:lnTo>
                    <a:lnTo>
                      <a:pt x="3701" y="660"/>
                    </a:lnTo>
                    <a:lnTo>
                      <a:pt x="3705" y="666"/>
                    </a:lnTo>
                    <a:lnTo>
                      <a:pt x="3714" y="675"/>
                    </a:lnTo>
                    <a:lnTo>
                      <a:pt x="3724" y="684"/>
                    </a:lnTo>
                    <a:lnTo>
                      <a:pt x="3736" y="695"/>
                    </a:lnTo>
                    <a:lnTo>
                      <a:pt x="3748" y="702"/>
                    </a:lnTo>
                    <a:lnTo>
                      <a:pt x="3759" y="706"/>
                    </a:lnTo>
                    <a:lnTo>
                      <a:pt x="3765" y="706"/>
                    </a:lnTo>
                    <a:lnTo>
                      <a:pt x="3769" y="706"/>
                    </a:lnTo>
                    <a:lnTo>
                      <a:pt x="3772" y="704"/>
                    </a:lnTo>
                    <a:lnTo>
                      <a:pt x="3775" y="700"/>
                    </a:lnTo>
                    <a:lnTo>
                      <a:pt x="3774" y="696"/>
                    </a:lnTo>
                    <a:lnTo>
                      <a:pt x="3770" y="688"/>
                    </a:lnTo>
                    <a:lnTo>
                      <a:pt x="3763" y="678"/>
                    </a:lnTo>
                    <a:lnTo>
                      <a:pt x="3756" y="666"/>
                    </a:lnTo>
                    <a:lnTo>
                      <a:pt x="3740" y="644"/>
                    </a:lnTo>
                    <a:lnTo>
                      <a:pt x="3730" y="630"/>
                    </a:lnTo>
                    <a:lnTo>
                      <a:pt x="3727" y="625"/>
                    </a:lnTo>
                    <a:lnTo>
                      <a:pt x="3726" y="620"/>
                    </a:lnTo>
                    <a:lnTo>
                      <a:pt x="3726" y="612"/>
                    </a:lnTo>
                    <a:lnTo>
                      <a:pt x="3727" y="605"/>
                    </a:lnTo>
                    <a:lnTo>
                      <a:pt x="3730" y="591"/>
                    </a:lnTo>
                    <a:lnTo>
                      <a:pt x="3735" y="576"/>
                    </a:lnTo>
                    <a:lnTo>
                      <a:pt x="3736" y="568"/>
                    </a:lnTo>
                    <a:lnTo>
                      <a:pt x="3737" y="560"/>
                    </a:lnTo>
                    <a:lnTo>
                      <a:pt x="3737" y="552"/>
                    </a:lnTo>
                    <a:lnTo>
                      <a:pt x="3736" y="546"/>
                    </a:lnTo>
                    <a:lnTo>
                      <a:pt x="3735" y="539"/>
                    </a:lnTo>
                    <a:lnTo>
                      <a:pt x="3731" y="534"/>
                    </a:lnTo>
                    <a:lnTo>
                      <a:pt x="3724" y="528"/>
                    </a:lnTo>
                    <a:lnTo>
                      <a:pt x="3718" y="524"/>
                    </a:lnTo>
                    <a:lnTo>
                      <a:pt x="3704" y="517"/>
                    </a:lnTo>
                    <a:lnTo>
                      <a:pt x="3688" y="509"/>
                    </a:lnTo>
                    <a:lnTo>
                      <a:pt x="3674" y="502"/>
                    </a:lnTo>
                    <a:lnTo>
                      <a:pt x="3660" y="491"/>
                    </a:lnTo>
                    <a:lnTo>
                      <a:pt x="3653" y="486"/>
                    </a:lnTo>
                    <a:lnTo>
                      <a:pt x="3647" y="480"/>
                    </a:lnTo>
                    <a:lnTo>
                      <a:pt x="3642" y="474"/>
                    </a:lnTo>
                    <a:lnTo>
                      <a:pt x="3636" y="468"/>
                    </a:lnTo>
                    <a:lnTo>
                      <a:pt x="3633" y="460"/>
                    </a:lnTo>
                    <a:lnTo>
                      <a:pt x="3630" y="452"/>
                    </a:lnTo>
                    <a:lnTo>
                      <a:pt x="3627" y="445"/>
                    </a:lnTo>
                    <a:lnTo>
                      <a:pt x="3627" y="437"/>
                    </a:lnTo>
                    <a:lnTo>
                      <a:pt x="3629" y="436"/>
                    </a:lnTo>
                    <a:lnTo>
                      <a:pt x="3640" y="441"/>
                    </a:lnTo>
                    <a:lnTo>
                      <a:pt x="3649" y="445"/>
                    </a:lnTo>
                    <a:lnTo>
                      <a:pt x="3657" y="446"/>
                    </a:lnTo>
                    <a:lnTo>
                      <a:pt x="3662" y="446"/>
                    </a:lnTo>
                    <a:lnTo>
                      <a:pt x="3675" y="445"/>
                    </a:lnTo>
                    <a:lnTo>
                      <a:pt x="3695" y="439"/>
                    </a:lnTo>
                    <a:lnTo>
                      <a:pt x="3702" y="439"/>
                    </a:lnTo>
                    <a:lnTo>
                      <a:pt x="3708" y="441"/>
                    </a:lnTo>
                    <a:lnTo>
                      <a:pt x="3713" y="443"/>
                    </a:lnTo>
                    <a:lnTo>
                      <a:pt x="3717" y="447"/>
                    </a:lnTo>
                    <a:lnTo>
                      <a:pt x="3721" y="450"/>
                    </a:lnTo>
                    <a:lnTo>
                      <a:pt x="3724" y="452"/>
                    </a:lnTo>
                    <a:lnTo>
                      <a:pt x="3728" y="455"/>
                    </a:lnTo>
                    <a:lnTo>
                      <a:pt x="3734" y="455"/>
                    </a:lnTo>
                    <a:lnTo>
                      <a:pt x="3743" y="454"/>
                    </a:lnTo>
                    <a:lnTo>
                      <a:pt x="3753" y="450"/>
                    </a:lnTo>
                    <a:lnTo>
                      <a:pt x="3758" y="449"/>
                    </a:lnTo>
                    <a:lnTo>
                      <a:pt x="3763" y="449"/>
                    </a:lnTo>
                    <a:lnTo>
                      <a:pt x="3767" y="450"/>
                    </a:lnTo>
                    <a:lnTo>
                      <a:pt x="3770" y="452"/>
                    </a:lnTo>
                    <a:lnTo>
                      <a:pt x="3775" y="468"/>
                    </a:lnTo>
                    <a:lnTo>
                      <a:pt x="3781" y="489"/>
                    </a:lnTo>
                    <a:lnTo>
                      <a:pt x="3783" y="493"/>
                    </a:lnTo>
                    <a:lnTo>
                      <a:pt x="3785" y="495"/>
                    </a:lnTo>
                    <a:lnTo>
                      <a:pt x="3788" y="498"/>
                    </a:lnTo>
                    <a:lnTo>
                      <a:pt x="3791" y="498"/>
                    </a:lnTo>
                    <a:lnTo>
                      <a:pt x="3793" y="496"/>
                    </a:lnTo>
                    <a:lnTo>
                      <a:pt x="3797" y="494"/>
                    </a:lnTo>
                    <a:lnTo>
                      <a:pt x="3801" y="489"/>
                    </a:lnTo>
                    <a:lnTo>
                      <a:pt x="3805" y="481"/>
                    </a:lnTo>
                    <a:lnTo>
                      <a:pt x="3809" y="474"/>
                    </a:lnTo>
                    <a:lnTo>
                      <a:pt x="3814" y="471"/>
                    </a:lnTo>
                    <a:lnTo>
                      <a:pt x="3820" y="467"/>
                    </a:lnTo>
                    <a:lnTo>
                      <a:pt x="3827" y="464"/>
                    </a:lnTo>
                    <a:lnTo>
                      <a:pt x="3833" y="464"/>
                    </a:lnTo>
                    <a:lnTo>
                      <a:pt x="3841" y="463"/>
                    </a:lnTo>
                    <a:lnTo>
                      <a:pt x="3849" y="464"/>
                    </a:lnTo>
                    <a:lnTo>
                      <a:pt x="3855" y="465"/>
                    </a:lnTo>
                    <a:lnTo>
                      <a:pt x="3868" y="469"/>
                    </a:lnTo>
                    <a:lnTo>
                      <a:pt x="3877" y="474"/>
                    </a:lnTo>
                    <a:lnTo>
                      <a:pt x="3880" y="477"/>
                    </a:lnTo>
                    <a:lnTo>
                      <a:pt x="3881" y="480"/>
                    </a:lnTo>
                    <a:lnTo>
                      <a:pt x="3881" y="482"/>
                    </a:lnTo>
                    <a:lnTo>
                      <a:pt x="3877" y="484"/>
                    </a:lnTo>
                    <a:lnTo>
                      <a:pt x="3863" y="493"/>
                    </a:lnTo>
                    <a:lnTo>
                      <a:pt x="3841" y="508"/>
                    </a:lnTo>
                    <a:lnTo>
                      <a:pt x="3832" y="516"/>
                    </a:lnTo>
                    <a:lnTo>
                      <a:pt x="3826" y="524"/>
                    </a:lnTo>
                    <a:lnTo>
                      <a:pt x="3824" y="526"/>
                    </a:lnTo>
                    <a:lnTo>
                      <a:pt x="3824" y="529"/>
                    </a:lnTo>
                    <a:lnTo>
                      <a:pt x="3824" y="530"/>
                    </a:lnTo>
                    <a:lnTo>
                      <a:pt x="3827" y="531"/>
                    </a:lnTo>
                    <a:lnTo>
                      <a:pt x="3842" y="530"/>
                    </a:lnTo>
                    <a:lnTo>
                      <a:pt x="3863" y="526"/>
                    </a:lnTo>
                    <a:lnTo>
                      <a:pt x="3873" y="524"/>
                    </a:lnTo>
                    <a:lnTo>
                      <a:pt x="3883" y="524"/>
                    </a:lnTo>
                    <a:lnTo>
                      <a:pt x="3886" y="524"/>
                    </a:lnTo>
                    <a:lnTo>
                      <a:pt x="3889" y="524"/>
                    </a:lnTo>
                    <a:lnTo>
                      <a:pt x="3892" y="525"/>
                    </a:lnTo>
                    <a:lnTo>
                      <a:pt x="3893" y="528"/>
                    </a:lnTo>
                    <a:lnTo>
                      <a:pt x="3895" y="530"/>
                    </a:lnTo>
                    <a:lnTo>
                      <a:pt x="3898" y="534"/>
                    </a:lnTo>
                    <a:lnTo>
                      <a:pt x="3898" y="539"/>
                    </a:lnTo>
                    <a:lnTo>
                      <a:pt x="3898" y="544"/>
                    </a:lnTo>
                    <a:lnTo>
                      <a:pt x="3895" y="560"/>
                    </a:lnTo>
                    <a:lnTo>
                      <a:pt x="3892" y="577"/>
                    </a:lnTo>
                    <a:lnTo>
                      <a:pt x="3888" y="592"/>
                    </a:lnTo>
                    <a:lnTo>
                      <a:pt x="3888" y="604"/>
                    </a:lnTo>
                    <a:lnTo>
                      <a:pt x="3888" y="609"/>
                    </a:lnTo>
                    <a:lnTo>
                      <a:pt x="3890" y="612"/>
                    </a:lnTo>
                    <a:lnTo>
                      <a:pt x="3894" y="613"/>
                    </a:lnTo>
                    <a:lnTo>
                      <a:pt x="3899" y="612"/>
                    </a:lnTo>
                    <a:lnTo>
                      <a:pt x="3916" y="598"/>
                    </a:lnTo>
                    <a:lnTo>
                      <a:pt x="3934" y="585"/>
                    </a:lnTo>
                    <a:lnTo>
                      <a:pt x="3952" y="583"/>
                    </a:lnTo>
                    <a:lnTo>
                      <a:pt x="3973" y="583"/>
                    </a:lnTo>
                    <a:lnTo>
                      <a:pt x="3984" y="582"/>
                    </a:lnTo>
                    <a:lnTo>
                      <a:pt x="3991" y="579"/>
                    </a:lnTo>
                    <a:lnTo>
                      <a:pt x="3995" y="577"/>
                    </a:lnTo>
                    <a:lnTo>
                      <a:pt x="3998" y="573"/>
                    </a:lnTo>
                    <a:lnTo>
                      <a:pt x="3999" y="569"/>
                    </a:lnTo>
                    <a:lnTo>
                      <a:pt x="4000" y="564"/>
                    </a:lnTo>
                    <a:lnTo>
                      <a:pt x="4000" y="560"/>
                    </a:lnTo>
                    <a:lnTo>
                      <a:pt x="3999" y="557"/>
                    </a:lnTo>
                    <a:lnTo>
                      <a:pt x="3998" y="555"/>
                    </a:lnTo>
                    <a:lnTo>
                      <a:pt x="3997" y="552"/>
                    </a:lnTo>
                    <a:lnTo>
                      <a:pt x="3990" y="548"/>
                    </a:lnTo>
                    <a:lnTo>
                      <a:pt x="3984" y="543"/>
                    </a:lnTo>
                    <a:lnTo>
                      <a:pt x="3968" y="537"/>
                    </a:lnTo>
                    <a:lnTo>
                      <a:pt x="3956" y="529"/>
                    </a:lnTo>
                    <a:lnTo>
                      <a:pt x="3949" y="522"/>
                    </a:lnTo>
                    <a:lnTo>
                      <a:pt x="3943" y="516"/>
                    </a:lnTo>
                    <a:lnTo>
                      <a:pt x="3941" y="511"/>
                    </a:lnTo>
                    <a:lnTo>
                      <a:pt x="3941" y="507"/>
                    </a:lnTo>
                    <a:lnTo>
                      <a:pt x="3942" y="503"/>
                    </a:lnTo>
                    <a:lnTo>
                      <a:pt x="3946" y="499"/>
                    </a:lnTo>
                    <a:lnTo>
                      <a:pt x="3951" y="496"/>
                    </a:lnTo>
                    <a:lnTo>
                      <a:pt x="3956" y="493"/>
                    </a:lnTo>
                    <a:lnTo>
                      <a:pt x="3967" y="489"/>
                    </a:lnTo>
                    <a:lnTo>
                      <a:pt x="3976" y="484"/>
                    </a:lnTo>
                    <a:lnTo>
                      <a:pt x="3978" y="482"/>
                    </a:lnTo>
                    <a:lnTo>
                      <a:pt x="3978" y="480"/>
                    </a:lnTo>
                    <a:lnTo>
                      <a:pt x="3977" y="476"/>
                    </a:lnTo>
                    <a:lnTo>
                      <a:pt x="3973" y="473"/>
                    </a:lnTo>
                    <a:lnTo>
                      <a:pt x="3967" y="469"/>
                    </a:lnTo>
                    <a:lnTo>
                      <a:pt x="3962" y="464"/>
                    </a:lnTo>
                    <a:lnTo>
                      <a:pt x="3958" y="459"/>
                    </a:lnTo>
                    <a:lnTo>
                      <a:pt x="3954" y="454"/>
                    </a:lnTo>
                    <a:lnTo>
                      <a:pt x="3952" y="449"/>
                    </a:lnTo>
                    <a:lnTo>
                      <a:pt x="3951" y="442"/>
                    </a:lnTo>
                    <a:lnTo>
                      <a:pt x="3950" y="437"/>
                    </a:lnTo>
                    <a:lnTo>
                      <a:pt x="3950" y="430"/>
                    </a:lnTo>
                    <a:lnTo>
                      <a:pt x="3952" y="419"/>
                    </a:lnTo>
                    <a:lnTo>
                      <a:pt x="3958" y="406"/>
                    </a:lnTo>
                    <a:lnTo>
                      <a:pt x="3965" y="394"/>
                    </a:lnTo>
                    <a:lnTo>
                      <a:pt x="3976" y="383"/>
                    </a:lnTo>
                    <a:lnTo>
                      <a:pt x="3985" y="373"/>
                    </a:lnTo>
                    <a:lnTo>
                      <a:pt x="3994" y="363"/>
                    </a:lnTo>
                    <a:lnTo>
                      <a:pt x="3999" y="358"/>
                    </a:lnTo>
                    <a:lnTo>
                      <a:pt x="4004" y="355"/>
                    </a:lnTo>
                    <a:lnTo>
                      <a:pt x="4009" y="353"/>
                    </a:lnTo>
                    <a:lnTo>
                      <a:pt x="4017" y="353"/>
                    </a:lnTo>
                    <a:lnTo>
                      <a:pt x="4038" y="354"/>
                    </a:lnTo>
                    <a:lnTo>
                      <a:pt x="4069" y="353"/>
                    </a:lnTo>
                    <a:lnTo>
                      <a:pt x="4083" y="351"/>
                    </a:lnTo>
                    <a:lnTo>
                      <a:pt x="4098" y="348"/>
                    </a:lnTo>
                    <a:lnTo>
                      <a:pt x="4103" y="346"/>
                    </a:lnTo>
                    <a:lnTo>
                      <a:pt x="4108" y="344"/>
                    </a:lnTo>
                    <a:lnTo>
                      <a:pt x="4112" y="341"/>
                    </a:lnTo>
                    <a:lnTo>
                      <a:pt x="4114" y="338"/>
                    </a:lnTo>
                    <a:lnTo>
                      <a:pt x="4109" y="332"/>
                    </a:lnTo>
                    <a:lnTo>
                      <a:pt x="4099" y="318"/>
                    </a:lnTo>
                    <a:lnTo>
                      <a:pt x="4089" y="301"/>
                    </a:lnTo>
                    <a:lnTo>
                      <a:pt x="4079" y="285"/>
                    </a:lnTo>
                    <a:lnTo>
                      <a:pt x="4074" y="274"/>
                    </a:lnTo>
                    <a:lnTo>
                      <a:pt x="4069" y="254"/>
                    </a:lnTo>
                    <a:lnTo>
                      <a:pt x="4069" y="250"/>
                    </a:lnTo>
                    <a:lnTo>
                      <a:pt x="4069" y="246"/>
                    </a:lnTo>
                    <a:lnTo>
                      <a:pt x="4069" y="243"/>
                    </a:lnTo>
                    <a:lnTo>
                      <a:pt x="4070" y="240"/>
                    </a:lnTo>
                    <a:lnTo>
                      <a:pt x="4073" y="239"/>
                    </a:lnTo>
                    <a:lnTo>
                      <a:pt x="4077" y="237"/>
                    </a:lnTo>
                    <a:lnTo>
                      <a:pt x="4082" y="239"/>
                    </a:lnTo>
                    <a:lnTo>
                      <a:pt x="4089" y="240"/>
                    </a:lnTo>
                    <a:lnTo>
                      <a:pt x="4103" y="246"/>
                    </a:lnTo>
                    <a:lnTo>
                      <a:pt x="4116" y="252"/>
                    </a:lnTo>
                    <a:lnTo>
                      <a:pt x="4126" y="256"/>
                    </a:lnTo>
                    <a:lnTo>
                      <a:pt x="4135" y="257"/>
                    </a:lnTo>
                    <a:lnTo>
                      <a:pt x="4139" y="256"/>
                    </a:lnTo>
                    <a:lnTo>
                      <a:pt x="4140" y="254"/>
                    </a:lnTo>
                    <a:lnTo>
                      <a:pt x="4143" y="250"/>
                    </a:lnTo>
                    <a:lnTo>
                      <a:pt x="4143" y="246"/>
                    </a:lnTo>
                    <a:lnTo>
                      <a:pt x="4142" y="241"/>
                    </a:lnTo>
                    <a:lnTo>
                      <a:pt x="4140" y="234"/>
                    </a:lnTo>
                    <a:lnTo>
                      <a:pt x="4138" y="224"/>
                    </a:lnTo>
                    <a:lnTo>
                      <a:pt x="4134" y="214"/>
                    </a:lnTo>
                    <a:lnTo>
                      <a:pt x="4130" y="208"/>
                    </a:lnTo>
                    <a:lnTo>
                      <a:pt x="4123" y="202"/>
                    </a:lnTo>
                    <a:lnTo>
                      <a:pt x="4117" y="200"/>
                    </a:lnTo>
                    <a:lnTo>
                      <a:pt x="4109" y="197"/>
                    </a:lnTo>
                    <a:lnTo>
                      <a:pt x="4101" y="195"/>
                    </a:lnTo>
                    <a:lnTo>
                      <a:pt x="4094" y="192"/>
                    </a:lnTo>
                    <a:lnTo>
                      <a:pt x="4086" y="187"/>
                    </a:lnTo>
                    <a:lnTo>
                      <a:pt x="4079" y="180"/>
                    </a:lnTo>
                    <a:lnTo>
                      <a:pt x="4074" y="173"/>
                    </a:lnTo>
                    <a:lnTo>
                      <a:pt x="4072" y="165"/>
                    </a:lnTo>
                    <a:lnTo>
                      <a:pt x="4072" y="157"/>
                    </a:lnTo>
                    <a:lnTo>
                      <a:pt x="4073" y="151"/>
                    </a:lnTo>
                    <a:lnTo>
                      <a:pt x="4076" y="144"/>
                    </a:lnTo>
                    <a:lnTo>
                      <a:pt x="4081" y="139"/>
                    </a:lnTo>
                    <a:lnTo>
                      <a:pt x="4086" y="135"/>
                    </a:lnTo>
                    <a:lnTo>
                      <a:pt x="4094" y="131"/>
                    </a:lnTo>
                    <a:lnTo>
                      <a:pt x="4101" y="129"/>
                    </a:lnTo>
                    <a:lnTo>
                      <a:pt x="4109" y="127"/>
                    </a:lnTo>
                    <a:lnTo>
                      <a:pt x="4118" y="126"/>
                    </a:lnTo>
                    <a:lnTo>
                      <a:pt x="4126" y="127"/>
                    </a:lnTo>
                    <a:lnTo>
                      <a:pt x="4135" y="129"/>
                    </a:lnTo>
                    <a:lnTo>
                      <a:pt x="4143" y="132"/>
                    </a:lnTo>
                    <a:lnTo>
                      <a:pt x="4149" y="136"/>
                    </a:lnTo>
                    <a:lnTo>
                      <a:pt x="4156" y="143"/>
                    </a:lnTo>
                    <a:lnTo>
                      <a:pt x="4168" y="156"/>
                    </a:lnTo>
                    <a:lnTo>
                      <a:pt x="4184" y="169"/>
                    </a:lnTo>
                    <a:lnTo>
                      <a:pt x="4192" y="175"/>
                    </a:lnTo>
                    <a:lnTo>
                      <a:pt x="4201" y="180"/>
                    </a:lnTo>
                    <a:lnTo>
                      <a:pt x="4209" y="184"/>
                    </a:lnTo>
                    <a:lnTo>
                      <a:pt x="4217" y="187"/>
                    </a:lnTo>
                    <a:lnTo>
                      <a:pt x="4223" y="188"/>
                    </a:lnTo>
                    <a:lnTo>
                      <a:pt x="4228" y="189"/>
                    </a:lnTo>
                    <a:lnTo>
                      <a:pt x="4232" y="188"/>
                    </a:lnTo>
                    <a:lnTo>
                      <a:pt x="4236" y="187"/>
                    </a:lnTo>
                    <a:lnTo>
                      <a:pt x="4239" y="184"/>
                    </a:lnTo>
                    <a:lnTo>
                      <a:pt x="4240" y="180"/>
                    </a:lnTo>
                    <a:lnTo>
                      <a:pt x="4240" y="177"/>
                    </a:lnTo>
                    <a:lnTo>
                      <a:pt x="4240" y="173"/>
                    </a:lnTo>
                    <a:lnTo>
                      <a:pt x="4236" y="156"/>
                    </a:lnTo>
                    <a:lnTo>
                      <a:pt x="4234" y="143"/>
                    </a:lnTo>
                    <a:lnTo>
                      <a:pt x="4253" y="144"/>
                    </a:lnTo>
                    <a:lnTo>
                      <a:pt x="4269" y="144"/>
                    </a:lnTo>
                    <a:lnTo>
                      <a:pt x="4275" y="145"/>
                    </a:lnTo>
                    <a:lnTo>
                      <a:pt x="4279" y="147"/>
                    </a:lnTo>
                    <a:lnTo>
                      <a:pt x="4283" y="149"/>
                    </a:lnTo>
                    <a:lnTo>
                      <a:pt x="4287" y="152"/>
                    </a:lnTo>
                    <a:lnTo>
                      <a:pt x="4288" y="155"/>
                    </a:lnTo>
                    <a:lnTo>
                      <a:pt x="4289" y="158"/>
                    </a:lnTo>
                    <a:lnTo>
                      <a:pt x="4289" y="162"/>
                    </a:lnTo>
                    <a:lnTo>
                      <a:pt x="4289" y="167"/>
                    </a:lnTo>
                    <a:lnTo>
                      <a:pt x="4287" y="179"/>
                    </a:lnTo>
                    <a:lnTo>
                      <a:pt x="4280" y="195"/>
                    </a:lnTo>
                    <a:lnTo>
                      <a:pt x="4269" y="223"/>
                    </a:lnTo>
                    <a:lnTo>
                      <a:pt x="4257" y="252"/>
                    </a:lnTo>
                    <a:lnTo>
                      <a:pt x="4247" y="283"/>
                    </a:lnTo>
                    <a:lnTo>
                      <a:pt x="4238" y="314"/>
                    </a:lnTo>
                    <a:lnTo>
                      <a:pt x="4228" y="345"/>
                    </a:lnTo>
                    <a:lnTo>
                      <a:pt x="4222" y="377"/>
                    </a:lnTo>
                    <a:lnTo>
                      <a:pt x="4219" y="393"/>
                    </a:lnTo>
                    <a:lnTo>
                      <a:pt x="4218" y="408"/>
                    </a:lnTo>
                    <a:lnTo>
                      <a:pt x="4217" y="424"/>
                    </a:lnTo>
                    <a:lnTo>
                      <a:pt x="4217" y="439"/>
                    </a:lnTo>
                    <a:lnTo>
                      <a:pt x="4215" y="458"/>
                    </a:lnTo>
                    <a:lnTo>
                      <a:pt x="4213" y="480"/>
                    </a:lnTo>
                    <a:lnTo>
                      <a:pt x="4213" y="490"/>
                    </a:lnTo>
                    <a:lnTo>
                      <a:pt x="4214" y="498"/>
                    </a:lnTo>
                    <a:lnTo>
                      <a:pt x="4215" y="500"/>
                    </a:lnTo>
                    <a:lnTo>
                      <a:pt x="4218" y="503"/>
                    </a:lnTo>
                    <a:lnTo>
                      <a:pt x="4219" y="504"/>
                    </a:lnTo>
                    <a:lnTo>
                      <a:pt x="4223" y="504"/>
                    </a:lnTo>
                    <a:lnTo>
                      <a:pt x="4241" y="502"/>
                    </a:lnTo>
                    <a:lnTo>
                      <a:pt x="4261" y="500"/>
                    </a:lnTo>
                    <a:lnTo>
                      <a:pt x="4269" y="498"/>
                    </a:lnTo>
                    <a:lnTo>
                      <a:pt x="4276" y="494"/>
                    </a:lnTo>
                    <a:lnTo>
                      <a:pt x="4279" y="490"/>
                    </a:lnTo>
                    <a:lnTo>
                      <a:pt x="4280" y="487"/>
                    </a:lnTo>
                    <a:lnTo>
                      <a:pt x="4282" y="482"/>
                    </a:lnTo>
                    <a:lnTo>
                      <a:pt x="4283" y="477"/>
                    </a:lnTo>
                    <a:lnTo>
                      <a:pt x="4283" y="465"/>
                    </a:lnTo>
                    <a:lnTo>
                      <a:pt x="4282" y="454"/>
                    </a:lnTo>
                    <a:lnTo>
                      <a:pt x="4280" y="443"/>
                    </a:lnTo>
                    <a:lnTo>
                      <a:pt x="4278" y="432"/>
                    </a:lnTo>
                    <a:lnTo>
                      <a:pt x="4274" y="412"/>
                    </a:lnTo>
                    <a:lnTo>
                      <a:pt x="4272" y="393"/>
                    </a:lnTo>
                    <a:lnTo>
                      <a:pt x="4274" y="384"/>
                    </a:lnTo>
                    <a:lnTo>
                      <a:pt x="4276" y="376"/>
                    </a:lnTo>
                    <a:lnTo>
                      <a:pt x="4282" y="367"/>
                    </a:lnTo>
                    <a:lnTo>
                      <a:pt x="4287" y="359"/>
                    </a:lnTo>
                    <a:lnTo>
                      <a:pt x="4292" y="350"/>
                    </a:lnTo>
                    <a:lnTo>
                      <a:pt x="4296" y="341"/>
                    </a:lnTo>
                    <a:lnTo>
                      <a:pt x="4300" y="332"/>
                    </a:lnTo>
                    <a:lnTo>
                      <a:pt x="4302" y="323"/>
                    </a:lnTo>
                    <a:lnTo>
                      <a:pt x="4306" y="302"/>
                    </a:lnTo>
                    <a:lnTo>
                      <a:pt x="4311" y="284"/>
                    </a:lnTo>
                    <a:lnTo>
                      <a:pt x="4317" y="266"/>
                    </a:lnTo>
                    <a:lnTo>
                      <a:pt x="4324" y="248"/>
                    </a:lnTo>
                    <a:lnTo>
                      <a:pt x="4340" y="213"/>
                    </a:lnTo>
                    <a:lnTo>
                      <a:pt x="4359" y="178"/>
                    </a:lnTo>
                    <a:lnTo>
                      <a:pt x="4362" y="171"/>
                    </a:lnTo>
                    <a:lnTo>
                      <a:pt x="4367" y="166"/>
                    </a:lnTo>
                    <a:lnTo>
                      <a:pt x="4372" y="161"/>
                    </a:lnTo>
                    <a:lnTo>
                      <a:pt x="4377" y="156"/>
                    </a:lnTo>
                    <a:lnTo>
                      <a:pt x="4383" y="152"/>
                    </a:lnTo>
                    <a:lnTo>
                      <a:pt x="4389" y="148"/>
                    </a:lnTo>
                    <a:lnTo>
                      <a:pt x="4394" y="145"/>
                    </a:lnTo>
                    <a:lnTo>
                      <a:pt x="4401" y="144"/>
                    </a:lnTo>
                    <a:lnTo>
                      <a:pt x="4406" y="144"/>
                    </a:lnTo>
                    <a:lnTo>
                      <a:pt x="4412" y="145"/>
                    </a:lnTo>
                    <a:lnTo>
                      <a:pt x="4416" y="147"/>
                    </a:lnTo>
                    <a:lnTo>
                      <a:pt x="4421" y="151"/>
                    </a:lnTo>
                    <a:lnTo>
                      <a:pt x="4425" y="155"/>
                    </a:lnTo>
                    <a:lnTo>
                      <a:pt x="4428" y="161"/>
                    </a:lnTo>
                    <a:lnTo>
                      <a:pt x="4429" y="169"/>
                    </a:lnTo>
                    <a:lnTo>
                      <a:pt x="4431" y="179"/>
                    </a:lnTo>
                    <a:lnTo>
                      <a:pt x="4429" y="188"/>
                    </a:lnTo>
                    <a:lnTo>
                      <a:pt x="4429" y="195"/>
                    </a:lnTo>
                    <a:lnTo>
                      <a:pt x="4427" y="200"/>
                    </a:lnTo>
                    <a:lnTo>
                      <a:pt x="4425" y="204"/>
                    </a:lnTo>
                    <a:lnTo>
                      <a:pt x="4419" y="210"/>
                    </a:lnTo>
                    <a:lnTo>
                      <a:pt x="4411" y="223"/>
                    </a:lnTo>
                    <a:lnTo>
                      <a:pt x="4415" y="235"/>
                    </a:lnTo>
                    <a:lnTo>
                      <a:pt x="4427" y="259"/>
                    </a:lnTo>
                    <a:lnTo>
                      <a:pt x="4433" y="274"/>
                    </a:lnTo>
                    <a:lnTo>
                      <a:pt x="4438" y="288"/>
                    </a:lnTo>
                    <a:lnTo>
                      <a:pt x="4442" y="300"/>
                    </a:lnTo>
                    <a:lnTo>
                      <a:pt x="4443" y="311"/>
                    </a:lnTo>
                    <a:lnTo>
                      <a:pt x="4445" y="326"/>
                    </a:lnTo>
                    <a:lnTo>
                      <a:pt x="4446" y="337"/>
                    </a:lnTo>
                    <a:lnTo>
                      <a:pt x="4447" y="342"/>
                    </a:lnTo>
                    <a:lnTo>
                      <a:pt x="4449" y="346"/>
                    </a:lnTo>
                    <a:lnTo>
                      <a:pt x="4451" y="349"/>
                    </a:lnTo>
                    <a:lnTo>
                      <a:pt x="4454" y="351"/>
                    </a:lnTo>
                    <a:lnTo>
                      <a:pt x="4456" y="353"/>
                    </a:lnTo>
                    <a:lnTo>
                      <a:pt x="4459" y="353"/>
                    </a:lnTo>
                    <a:lnTo>
                      <a:pt x="4463" y="353"/>
                    </a:lnTo>
                    <a:lnTo>
                      <a:pt x="4467" y="351"/>
                    </a:lnTo>
                    <a:lnTo>
                      <a:pt x="4478" y="345"/>
                    </a:lnTo>
                    <a:lnTo>
                      <a:pt x="4491" y="336"/>
                    </a:lnTo>
                    <a:lnTo>
                      <a:pt x="4510" y="327"/>
                    </a:lnTo>
                    <a:lnTo>
                      <a:pt x="4530" y="315"/>
                    </a:lnTo>
                    <a:lnTo>
                      <a:pt x="4535" y="313"/>
                    </a:lnTo>
                    <a:lnTo>
                      <a:pt x="4538" y="309"/>
                    </a:lnTo>
                    <a:lnTo>
                      <a:pt x="4541" y="305"/>
                    </a:lnTo>
                    <a:lnTo>
                      <a:pt x="4543" y="301"/>
                    </a:lnTo>
                    <a:lnTo>
                      <a:pt x="4543" y="297"/>
                    </a:lnTo>
                    <a:lnTo>
                      <a:pt x="4541" y="292"/>
                    </a:lnTo>
                    <a:lnTo>
                      <a:pt x="4538" y="287"/>
                    </a:lnTo>
                    <a:lnTo>
                      <a:pt x="4533" y="281"/>
                    </a:lnTo>
                    <a:lnTo>
                      <a:pt x="4530" y="279"/>
                    </a:lnTo>
                    <a:lnTo>
                      <a:pt x="4528" y="275"/>
                    </a:lnTo>
                    <a:lnTo>
                      <a:pt x="4528" y="272"/>
                    </a:lnTo>
                    <a:lnTo>
                      <a:pt x="4526" y="270"/>
                    </a:lnTo>
                    <a:lnTo>
                      <a:pt x="4528" y="263"/>
                    </a:lnTo>
                    <a:lnTo>
                      <a:pt x="4530" y="256"/>
                    </a:lnTo>
                    <a:lnTo>
                      <a:pt x="4533" y="249"/>
                    </a:lnTo>
                    <a:lnTo>
                      <a:pt x="4534" y="243"/>
                    </a:lnTo>
                    <a:lnTo>
                      <a:pt x="4534" y="239"/>
                    </a:lnTo>
                    <a:lnTo>
                      <a:pt x="4533" y="235"/>
                    </a:lnTo>
                    <a:lnTo>
                      <a:pt x="4532" y="232"/>
                    </a:lnTo>
                    <a:lnTo>
                      <a:pt x="4530" y="228"/>
                    </a:lnTo>
                    <a:lnTo>
                      <a:pt x="4525" y="221"/>
                    </a:lnTo>
                    <a:lnTo>
                      <a:pt x="4521" y="214"/>
                    </a:lnTo>
                    <a:lnTo>
                      <a:pt x="4520" y="209"/>
                    </a:lnTo>
                    <a:lnTo>
                      <a:pt x="4520" y="204"/>
                    </a:lnTo>
                    <a:lnTo>
                      <a:pt x="4520" y="200"/>
                    </a:lnTo>
                    <a:lnTo>
                      <a:pt x="4523" y="196"/>
                    </a:lnTo>
                    <a:lnTo>
                      <a:pt x="4525" y="193"/>
                    </a:lnTo>
                    <a:lnTo>
                      <a:pt x="4529" y="189"/>
                    </a:lnTo>
                    <a:lnTo>
                      <a:pt x="4538" y="184"/>
                    </a:lnTo>
                    <a:lnTo>
                      <a:pt x="4550" y="177"/>
                    </a:lnTo>
                    <a:lnTo>
                      <a:pt x="4555" y="173"/>
                    </a:lnTo>
                    <a:lnTo>
                      <a:pt x="4560" y="167"/>
                    </a:lnTo>
                    <a:lnTo>
                      <a:pt x="4565" y="161"/>
                    </a:lnTo>
                    <a:lnTo>
                      <a:pt x="4570" y="155"/>
                    </a:lnTo>
                    <a:lnTo>
                      <a:pt x="4570" y="152"/>
                    </a:lnTo>
                    <a:lnTo>
                      <a:pt x="4568" y="149"/>
                    </a:lnTo>
                    <a:lnTo>
                      <a:pt x="4564" y="145"/>
                    </a:lnTo>
                    <a:lnTo>
                      <a:pt x="4559" y="143"/>
                    </a:lnTo>
                    <a:lnTo>
                      <a:pt x="4543" y="136"/>
                    </a:lnTo>
                    <a:lnTo>
                      <a:pt x="4525" y="129"/>
                    </a:lnTo>
                    <a:lnTo>
                      <a:pt x="4516" y="125"/>
                    </a:lnTo>
                    <a:lnTo>
                      <a:pt x="4507" y="120"/>
                    </a:lnTo>
                    <a:lnTo>
                      <a:pt x="4498" y="114"/>
                    </a:lnTo>
                    <a:lnTo>
                      <a:pt x="4490" y="109"/>
                    </a:lnTo>
                    <a:lnTo>
                      <a:pt x="4485" y="103"/>
                    </a:lnTo>
                    <a:lnTo>
                      <a:pt x="4480" y="95"/>
                    </a:lnTo>
                    <a:lnTo>
                      <a:pt x="4478" y="87"/>
                    </a:lnTo>
                    <a:lnTo>
                      <a:pt x="4478" y="78"/>
                    </a:lnTo>
                    <a:lnTo>
                      <a:pt x="4480" y="70"/>
                    </a:lnTo>
                    <a:lnTo>
                      <a:pt x="4482" y="64"/>
                    </a:lnTo>
                    <a:lnTo>
                      <a:pt x="4486" y="60"/>
                    </a:lnTo>
                    <a:lnTo>
                      <a:pt x="4490" y="59"/>
                    </a:lnTo>
                    <a:lnTo>
                      <a:pt x="4495" y="57"/>
                    </a:lnTo>
                    <a:lnTo>
                      <a:pt x="4500" y="59"/>
                    </a:lnTo>
                    <a:lnTo>
                      <a:pt x="4507" y="61"/>
                    </a:lnTo>
                    <a:lnTo>
                      <a:pt x="4512" y="64"/>
                    </a:lnTo>
                    <a:lnTo>
                      <a:pt x="4538" y="82"/>
                    </a:lnTo>
                    <a:lnTo>
                      <a:pt x="4557" y="98"/>
                    </a:lnTo>
                    <a:lnTo>
                      <a:pt x="4563" y="100"/>
                    </a:lnTo>
                    <a:lnTo>
                      <a:pt x="4567" y="101"/>
                    </a:lnTo>
                    <a:lnTo>
                      <a:pt x="4570" y="101"/>
                    </a:lnTo>
                    <a:lnTo>
                      <a:pt x="4574" y="100"/>
                    </a:lnTo>
                    <a:lnTo>
                      <a:pt x="4577" y="98"/>
                    </a:lnTo>
                    <a:lnTo>
                      <a:pt x="4578" y="94"/>
                    </a:lnTo>
                    <a:lnTo>
                      <a:pt x="4578" y="90"/>
                    </a:lnTo>
                    <a:lnTo>
                      <a:pt x="4577" y="83"/>
                    </a:lnTo>
                    <a:lnTo>
                      <a:pt x="4574" y="78"/>
                    </a:lnTo>
                    <a:lnTo>
                      <a:pt x="4570" y="73"/>
                    </a:lnTo>
                    <a:lnTo>
                      <a:pt x="4565" y="69"/>
                    </a:lnTo>
                    <a:lnTo>
                      <a:pt x="4561" y="64"/>
                    </a:lnTo>
                    <a:lnTo>
                      <a:pt x="4557" y="60"/>
                    </a:lnTo>
                    <a:lnTo>
                      <a:pt x="4554" y="55"/>
                    </a:lnTo>
                    <a:lnTo>
                      <a:pt x="4551" y="50"/>
                    </a:lnTo>
                    <a:lnTo>
                      <a:pt x="4551" y="43"/>
                    </a:lnTo>
                    <a:lnTo>
                      <a:pt x="4547" y="26"/>
                    </a:lnTo>
                    <a:lnTo>
                      <a:pt x="4546" y="12"/>
                    </a:lnTo>
                    <a:lnTo>
                      <a:pt x="4546" y="8"/>
                    </a:lnTo>
                    <a:lnTo>
                      <a:pt x="4547" y="6"/>
                    </a:lnTo>
                    <a:lnTo>
                      <a:pt x="4548" y="3"/>
                    </a:lnTo>
                    <a:lnTo>
                      <a:pt x="4551" y="2"/>
                    </a:lnTo>
                    <a:lnTo>
                      <a:pt x="4554" y="0"/>
                    </a:lnTo>
                    <a:lnTo>
                      <a:pt x="4556" y="0"/>
                    </a:lnTo>
                    <a:lnTo>
                      <a:pt x="4560" y="0"/>
                    </a:lnTo>
                    <a:lnTo>
                      <a:pt x="4565" y="2"/>
                    </a:lnTo>
                    <a:lnTo>
                      <a:pt x="4576" y="4"/>
                    </a:lnTo>
                    <a:lnTo>
                      <a:pt x="4583" y="8"/>
                    </a:lnTo>
                    <a:lnTo>
                      <a:pt x="4590" y="11"/>
                    </a:lnTo>
                    <a:lnTo>
                      <a:pt x="4595" y="15"/>
                    </a:lnTo>
                    <a:lnTo>
                      <a:pt x="4604" y="21"/>
                    </a:lnTo>
                    <a:lnTo>
                      <a:pt x="4612" y="28"/>
                    </a:lnTo>
                    <a:lnTo>
                      <a:pt x="4617" y="30"/>
                    </a:lnTo>
                    <a:lnTo>
                      <a:pt x="4621" y="31"/>
                    </a:lnTo>
                    <a:lnTo>
                      <a:pt x="4627" y="33"/>
                    </a:lnTo>
                    <a:lnTo>
                      <a:pt x="4634" y="33"/>
                    </a:lnTo>
                    <a:lnTo>
                      <a:pt x="4642" y="33"/>
                    </a:lnTo>
                    <a:lnTo>
                      <a:pt x="4651" y="30"/>
                    </a:lnTo>
                    <a:lnTo>
                      <a:pt x="4661" y="28"/>
                    </a:lnTo>
                    <a:lnTo>
                      <a:pt x="4674" y="22"/>
                    </a:lnTo>
                    <a:lnTo>
                      <a:pt x="4679" y="21"/>
                    </a:lnTo>
                    <a:lnTo>
                      <a:pt x="4683" y="21"/>
                    </a:lnTo>
                    <a:lnTo>
                      <a:pt x="4686" y="24"/>
                    </a:lnTo>
                    <a:lnTo>
                      <a:pt x="4686" y="26"/>
                    </a:lnTo>
                    <a:lnTo>
                      <a:pt x="4684" y="34"/>
                    </a:lnTo>
                    <a:lnTo>
                      <a:pt x="4679" y="46"/>
                    </a:lnTo>
                    <a:lnTo>
                      <a:pt x="4665" y="69"/>
                    </a:lnTo>
                    <a:lnTo>
                      <a:pt x="4657" y="83"/>
                    </a:lnTo>
                    <a:lnTo>
                      <a:pt x="4659" y="85"/>
                    </a:lnTo>
                    <a:lnTo>
                      <a:pt x="4662" y="86"/>
                    </a:lnTo>
                    <a:lnTo>
                      <a:pt x="4669" y="85"/>
                    </a:lnTo>
                    <a:lnTo>
                      <a:pt x="4675" y="83"/>
                    </a:lnTo>
                    <a:lnTo>
                      <a:pt x="4688" y="81"/>
                    </a:lnTo>
                    <a:lnTo>
                      <a:pt x="4696" y="79"/>
                    </a:lnTo>
                    <a:lnTo>
                      <a:pt x="4701" y="79"/>
                    </a:lnTo>
                    <a:lnTo>
                      <a:pt x="4706" y="81"/>
                    </a:lnTo>
                    <a:lnTo>
                      <a:pt x="4710" y="83"/>
                    </a:lnTo>
                    <a:lnTo>
                      <a:pt x="4713" y="86"/>
                    </a:lnTo>
                    <a:lnTo>
                      <a:pt x="4716" y="90"/>
                    </a:lnTo>
                    <a:lnTo>
                      <a:pt x="4717" y="94"/>
                    </a:lnTo>
                    <a:lnTo>
                      <a:pt x="4718" y="98"/>
                    </a:lnTo>
                    <a:lnTo>
                      <a:pt x="4719" y="101"/>
                    </a:lnTo>
                    <a:lnTo>
                      <a:pt x="4719" y="112"/>
                    </a:lnTo>
                    <a:lnTo>
                      <a:pt x="4718" y="121"/>
                    </a:lnTo>
                    <a:lnTo>
                      <a:pt x="4716" y="130"/>
                    </a:lnTo>
                    <a:lnTo>
                      <a:pt x="4712" y="138"/>
                    </a:lnTo>
                    <a:lnTo>
                      <a:pt x="4708" y="142"/>
                    </a:lnTo>
                    <a:lnTo>
                      <a:pt x="4704" y="145"/>
                    </a:lnTo>
                    <a:lnTo>
                      <a:pt x="4700" y="148"/>
                    </a:lnTo>
                    <a:lnTo>
                      <a:pt x="4696" y="149"/>
                    </a:lnTo>
                    <a:lnTo>
                      <a:pt x="4687" y="152"/>
                    </a:lnTo>
                    <a:lnTo>
                      <a:pt x="4677" y="151"/>
                    </a:lnTo>
                    <a:lnTo>
                      <a:pt x="4666" y="148"/>
                    </a:lnTo>
                    <a:lnTo>
                      <a:pt x="4657" y="144"/>
                    </a:lnTo>
                    <a:lnTo>
                      <a:pt x="4648" y="139"/>
                    </a:lnTo>
                    <a:lnTo>
                      <a:pt x="4639" y="134"/>
                    </a:lnTo>
                    <a:lnTo>
                      <a:pt x="4629" y="127"/>
                    </a:lnTo>
                    <a:lnTo>
                      <a:pt x="4614" y="121"/>
                    </a:lnTo>
                    <a:lnTo>
                      <a:pt x="4607" y="121"/>
                    </a:lnTo>
                    <a:lnTo>
                      <a:pt x="4602" y="122"/>
                    </a:lnTo>
                    <a:lnTo>
                      <a:pt x="4599" y="123"/>
                    </a:lnTo>
                    <a:lnTo>
                      <a:pt x="4598" y="126"/>
                    </a:lnTo>
                    <a:lnTo>
                      <a:pt x="4596" y="130"/>
                    </a:lnTo>
                    <a:lnTo>
                      <a:pt x="4596" y="135"/>
                    </a:lnTo>
                    <a:lnTo>
                      <a:pt x="4598" y="139"/>
                    </a:lnTo>
                    <a:lnTo>
                      <a:pt x="4602" y="144"/>
                    </a:lnTo>
                    <a:lnTo>
                      <a:pt x="4605" y="148"/>
                    </a:lnTo>
                    <a:lnTo>
                      <a:pt x="4612" y="153"/>
                    </a:lnTo>
                    <a:lnTo>
                      <a:pt x="4625" y="162"/>
                    </a:lnTo>
                    <a:lnTo>
                      <a:pt x="4637" y="171"/>
                    </a:lnTo>
                    <a:lnTo>
                      <a:pt x="4642" y="177"/>
                    </a:lnTo>
                    <a:lnTo>
                      <a:pt x="4646" y="182"/>
                    </a:lnTo>
                    <a:lnTo>
                      <a:pt x="4648" y="186"/>
                    </a:lnTo>
                    <a:lnTo>
                      <a:pt x="4648" y="191"/>
                    </a:lnTo>
                    <a:lnTo>
                      <a:pt x="4644" y="196"/>
                    </a:lnTo>
                    <a:lnTo>
                      <a:pt x="4639" y="200"/>
                    </a:lnTo>
                    <a:lnTo>
                      <a:pt x="4630" y="205"/>
                    </a:lnTo>
                    <a:lnTo>
                      <a:pt x="4617" y="209"/>
                    </a:lnTo>
                    <a:lnTo>
                      <a:pt x="4609" y="214"/>
                    </a:lnTo>
                    <a:lnTo>
                      <a:pt x="4602" y="221"/>
                    </a:lnTo>
                    <a:lnTo>
                      <a:pt x="4595" y="228"/>
                    </a:lnTo>
                    <a:lnTo>
                      <a:pt x="4590" y="237"/>
                    </a:lnTo>
                    <a:lnTo>
                      <a:pt x="4589" y="241"/>
                    </a:lnTo>
                    <a:lnTo>
                      <a:pt x="4589" y="245"/>
                    </a:lnTo>
                    <a:lnTo>
                      <a:pt x="4589" y="250"/>
                    </a:lnTo>
                    <a:lnTo>
                      <a:pt x="4589" y="254"/>
                    </a:lnTo>
                    <a:lnTo>
                      <a:pt x="4591" y="257"/>
                    </a:lnTo>
                    <a:lnTo>
                      <a:pt x="4594" y="259"/>
                    </a:lnTo>
                    <a:lnTo>
                      <a:pt x="4598" y="262"/>
                    </a:lnTo>
                    <a:lnTo>
                      <a:pt x="4602" y="263"/>
                    </a:lnTo>
                    <a:lnTo>
                      <a:pt x="4609" y="262"/>
                    </a:lnTo>
                    <a:lnTo>
                      <a:pt x="4617" y="259"/>
                    </a:lnTo>
                    <a:lnTo>
                      <a:pt x="4627" y="253"/>
                    </a:lnTo>
                    <a:lnTo>
                      <a:pt x="4638" y="245"/>
                    </a:lnTo>
                    <a:lnTo>
                      <a:pt x="4656" y="230"/>
                    </a:lnTo>
                    <a:lnTo>
                      <a:pt x="4669" y="218"/>
                    </a:lnTo>
                    <a:lnTo>
                      <a:pt x="4674" y="212"/>
                    </a:lnTo>
                    <a:lnTo>
                      <a:pt x="4679" y="206"/>
                    </a:lnTo>
                    <a:lnTo>
                      <a:pt x="4683" y="202"/>
                    </a:lnTo>
                    <a:lnTo>
                      <a:pt x="4688" y="200"/>
                    </a:lnTo>
                    <a:lnTo>
                      <a:pt x="4691" y="200"/>
                    </a:lnTo>
                    <a:lnTo>
                      <a:pt x="4694" y="200"/>
                    </a:lnTo>
                    <a:lnTo>
                      <a:pt x="4696" y="201"/>
                    </a:lnTo>
                    <a:lnTo>
                      <a:pt x="4697" y="204"/>
                    </a:lnTo>
                    <a:lnTo>
                      <a:pt x="4699" y="208"/>
                    </a:lnTo>
                    <a:lnTo>
                      <a:pt x="4699" y="212"/>
                    </a:lnTo>
                    <a:lnTo>
                      <a:pt x="4697" y="215"/>
                    </a:lnTo>
                    <a:lnTo>
                      <a:pt x="4696" y="221"/>
                    </a:lnTo>
                    <a:lnTo>
                      <a:pt x="4694" y="227"/>
                    </a:lnTo>
                    <a:lnTo>
                      <a:pt x="4690" y="232"/>
                    </a:lnTo>
                    <a:lnTo>
                      <a:pt x="4684" y="239"/>
                    </a:lnTo>
                    <a:lnTo>
                      <a:pt x="4679" y="244"/>
                    </a:lnTo>
                    <a:lnTo>
                      <a:pt x="4671" y="253"/>
                    </a:lnTo>
                    <a:lnTo>
                      <a:pt x="4665" y="259"/>
                    </a:lnTo>
                    <a:lnTo>
                      <a:pt x="4661" y="266"/>
                    </a:lnTo>
                    <a:lnTo>
                      <a:pt x="4659" y="270"/>
                    </a:lnTo>
                    <a:lnTo>
                      <a:pt x="4659" y="275"/>
                    </a:lnTo>
                    <a:lnTo>
                      <a:pt x="4659" y="278"/>
                    </a:lnTo>
                    <a:lnTo>
                      <a:pt x="4661" y="280"/>
                    </a:lnTo>
                    <a:lnTo>
                      <a:pt x="4665" y="283"/>
                    </a:lnTo>
                    <a:lnTo>
                      <a:pt x="4684" y="287"/>
                    </a:lnTo>
                    <a:lnTo>
                      <a:pt x="4705" y="291"/>
                    </a:lnTo>
                    <a:lnTo>
                      <a:pt x="4708" y="313"/>
                    </a:lnTo>
                    <a:lnTo>
                      <a:pt x="4708" y="338"/>
                    </a:lnTo>
                    <a:lnTo>
                      <a:pt x="4709" y="350"/>
                    </a:lnTo>
                    <a:lnTo>
                      <a:pt x="4712" y="362"/>
                    </a:lnTo>
                    <a:lnTo>
                      <a:pt x="4714" y="367"/>
                    </a:lnTo>
                    <a:lnTo>
                      <a:pt x="4717" y="371"/>
                    </a:lnTo>
                    <a:lnTo>
                      <a:pt x="4719" y="375"/>
                    </a:lnTo>
                    <a:lnTo>
                      <a:pt x="4723" y="379"/>
                    </a:lnTo>
                    <a:lnTo>
                      <a:pt x="4727" y="373"/>
                    </a:lnTo>
                    <a:lnTo>
                      <a:pt x="4731" y="364"/>
                    </a:lnTo>
                    <a:lnTo>
                      <a:pt x="4734" y="354"/>
                    </a:lnTo>
                    <a:lnTo>
                      <a:pt x="4736" y="342"/>
                    </a:lnTo>
                    <a:lnTo>
                      <a:pt x="4739" y="331"/>
                    </a:lnTo>
                    <a:lnTo>
                      <a:pt x="4743" y="319"/>
                    </a:lnTo>
                    <a:lnTo>
                      <a:pt x="4745" y="315"/>
                    </a:lnTo>
                    <a:lnTo>
                      <a:pt x="4747" y="310"/>
                    </a:lnTo>
                    <a:lnTo>
                      <a:pt x="4751" y="306"/>
                    </a:lnTo>
                    <a:lnTo>
                      <a:pt x="4753" y="303"/>
                    </a:lnTo>
                    <a:lnTo>
                      <a:pt x="4762" y="301"/>
                    </a:lnTo>
                    <a:lnTo>
                      <a:pt x="4775" y="300"/>
                    </a:lnTo>
                    <a:lnTo>
                      <a:pt x="4780" y="298"/>
                    </a:lnTo>
                    <a:lnTo>
                      <a:pt x="4785" y="296"/>
                    </a:lnTo>
                    <a:lnTo>
                      <a:pt x="4785" y="294"/>
                    </a:lnTo>
                    <a:lnTo>
                      <a:pt x="4787" y="293"/>
                    </a:lnTo>
                    <a:lnTo>
                      <a:pt x="4785" y="292"/>
                    </a:lnTo>
                    <a:lnTo>
                      <a:pt x="4783" y="291"/>
                    </a:lnTo>
                    <a:lnTo>
                      <a:pt x="4776" y="284"/>
                    </a:lnTo>
                    <a:lnTo>
                      <a:pt x="4771" y="276"/>
                    </a:lnTo>
                    <a:lnTo>
                      <a:pt x="4767" y="269"/>
                    </a:lnTo>
                    <a:lnTo>
                      <a:pt x="4766" y="261"/>
                    </a:lnTo>
                    <a:lnTo>
                      <a:pt x="4766" y="252"/>
                    </a:lnTo>
                    <a:lnTo>
                      <a:pt x="4767" y="244"/>
                    </a:lnTo>
                    <a:lnTo>
                      <a:pt x="4770" y="235"/>
                    </a:lnTo>
                    <a:lnTo>
                      <a:pt x="4774" y="227"/>
                    </a:lnTo>
                    <a:lnTo>
                      <a:pt x="4780" y="219"/>
                    </a:lnTo>
                    <a:lnTo>
                      <a:pt x="4788" y="213"/>
                    </a:lnTo>
                    <a:lnTo>
                      <a:pt x="4791" y="210"/>
                    </a:lnTo>
                    <a:lnTo>
                      <a:pt x="4795" y="206"/>
                    </a:lnTo>
                    <a:lnTo>
                      <a:pt x="4796" y="202"/>
                    </a:lnTo>
                    <a:lnTo>
                      <a:pt x="4798" y="199"/>
                    </a:lnTo>
                    <a:lnTo>
                      <a:pt x="4797" y="180"/>
                    </a:lnTo>
                    <a:lnTo>
                      <a:pt x="4796" y="161"/>
                    </a:lnTo>
                    <a:lnTo>
                      <a:pt x="4808" y="160"/>
                    </a:lnTo>
                    <a:lnTo>
                      <a:pt x="4819" y="158"/>
                    </a:lnTo>
                    <a:lnTo>
                      <a:pt x="4831" y="156"/>
                    </a:lnTo>
                    <a:lnTo>
                      <a:pt x="4842" y="156"/>
                    </a:lnTo>
                    <a:lnTo>
                      <a:pt x="4849" y="157"/>
                    </a:lnTo>
                    <a:lnTo>
                      <a:pt x="4853" y="160"/>
                    </a:lnTo>
                    <a:lnTo>
                      <a:pt x="4854" y="164"/>
                    </a:lnTo>
                    <a:lnTo>
                      <a:pt x="4855" y="167"/>
                    </a:lnTo>
                    <a:lnTo>
                      <a:pt x="4857" y="171"/>
                    </a:lnTo>
                    <a:lnTo>
                      <a:pt x="4857" y="177"/>
                    </a:lnTo>
                    <a:lnTo>
                      <a:pt x="4858" y="182"/>
                    </a:lnTo>
                    <a:lnTo>
                      <a:pt x="4861" y="186"/>
                    </a:lnTo>
                    <a:lnTo>
                      <a:pt x="4865" y="188"/>
                    </a:lnTo>
                    <a:lnTo>
                      <a:pt x="4867" y="189"/>
                    </a:lnTo>
                    <a:lnTo>
                      <a:pt x="4871" y="191"/>
                    </a:lnTo>
                    <a:lnTo>
                      <a:pt x="4874" y="189"/>
                    </a:lnTo>
                    <a:lnTo>
                      <a:pt x="4881" y="188"/>
                    </a:lnTo>
                    <a:lnTo>
                      <a:pt x="4889" y="184"/>
                    </a:lnTo>
                    <a:lnTo>
                      <a:pt x="4897" y="182"/>
                    </a:lnTo>
                    <a:lnTo>
                      <a:pt x="4906" y="180"/>
                    </a:lnTo>
                    <a:lnTo>
                      <a:pt x="4911" y="180"/>
                    </a:lnTo>
                    <a:lnTo>
                      <a:pt x="4915" y="182"/>
                    </a:lnTo>
                    <a:lnTo>
                      <a:pt x="4922" y="184"/>
                    </a:lnTo>
                    <a:lnTo>
                      <a:pt x="4927" y="188"/>
                    </a:lnTo>
                    <a:lnTo>
                      <a:pt x="4933" y="192"/>
                    </a:lnTo>
                    <a:lnTo>
                      <a:pt x="4941" y="193"/>
                    </a:lnTo>
                    <a:lnTo>
                      <a:pt x="4949" y="195"/>
                    </a:lnTo>
                    <a:lnTo>
                      <a:pt x="4955" y="195"/>
                    </a:lnTo>
                    <a:lnTo>
                      <a:pt x="4963" y="195"/>
                    </a:lnTo>
                    <a:lnTo>
                      <a:pt x="4971" y="196"/>
                    </a:lnTo>
                    <a:lnTo>
                      <a:pt x="4979" y="200"/>
                    </a:lnTo>
                    <a:lnTo>
                      <a:pt x="4986" y="206"/>
                    </a:lnTo>
                    <a:lnTo>
                      <a:pt x="5001" y="221"/>
                    </a:lnTo>
                    <a:lnTo>
                      <a:pt x="5010" y="230"/>
                    </a:lnTo>
                    <a:lnTo>
                      <a:pt x="5015" y="235"/>
                    </a:lnTo>
                    <a:lnTo>
                      <a:pt x="5021" y="237"/>
                    </a:lnTo>
                    <a:lnTo>
                      <a:pt x="5029" y="237"/>
                    </a:lnTo>
                    <a:lnTo>
                      <a:pt x="5041" y="239"/>
                    </a:lnTo>
                    <a:lnTo>
                      <a:pt x="5058" y="241"/>
                    </a:lnTo>
                    <a:lnTo>
                      <a:pt x="5083" y="246"/>
                    </a:lnTo>
                    <a:lnTo>
                      <a:pt x="5147" y="265"/>
                    </a:lnTo>
                    <a:lnTo>
                      <a:pt x="5150" y="272"/>
                    </a:lnTo>
                    <a:lnTo>
                      <a:pt x="5155" y="289"/>
                    </a:lnTo>
                    <a:lnTo>
                      <a:pt x="5156" y="298"/>
                    </a:lnTo>
                    <a:lnTo>
                      <a:pt x="5157" y="306"/>
                    </a:lnTo>
                    <a:lnTo>
                      <a:pt x="5157" y="313"/>
                    </a:lnTo>
                    <a:lnTo>
                      <a:pt x="5156" y="315"/>
                    </a:lnTo>
                    <a:lnTo>
                      <a:pt x="5126" y="333"/>
                    </a:lnTo>
                    <a:lnTo>
                      <a:pt x="5108" y="348"/>
                    </a:lnTo>
                    <a:lnTo>
                      <a:pt x="5100" y="354"/>
                    </a:lnTo>
                    <a:lnTo>
                      <a:pt x="5094" y="364"/>
                    </a:lnTo>
                    <a:lnTo>
                      <a:pt x="5086" y="376"/>
                    </a:lnTo>
                    <a:lnTo>
                      <a:pt x="5076" y="393"/>
                    </a:lnTo>
                    <a:lnTo>
                      <a:pt x="5068" y="403"/>
                    </a:lnTo>
                    <a:lnTo>
                      <a:pt x="5060" y="412"/>
                    </a:lnTo>
                    <a:lnTo>
                      <a:pt x="5051" y="420"/>
                    </a:lnTo>
                    <a:lnTo>
                      <a:pt x="5041" y="427"/>
                    </a:lnTo>
                    <a:lnTo>
                      <a:pt x="5029" y="432"/>
                    </a:lnTo>
                    <a:lnTo>
                      <a:pt x="5017" y="437"/>
                    </a:lnTo>
                    <a:lnTo>
                      <a:pt x="5004" y="439"/>
                    </a:lnTo>
                    <a:lnTo>
                      <a:pt x="4991" y="443"/>
                    </a:lnTo>
                    <a:lnTo>
                      <a:pt x="4966" y="447"/>
                    </a:lnTo>
                    <a:lnTo>
                      <a:pt x="4938" y="449"/>
                    </a:lnTo>
                    <a:lnTo>
                      <a:pt x="4912" y="449"/>
                    </a:lnTo>
                    <a:lnTo>
                      <a:pt x="4889" y="449"/>
                    </a:lnTo>
                    <a:lnTo>
                      <a:pt x="4877" y="449"/>
                    </a:lnTo>
                    <a:lnTo>
                      <a:pt x="4866" y="447"/>
                    </a:lnTo>
                    <a:lnTo>
                      <a:pt x="4855" y="446"/>
                    </a:lnTo>
                    <a:lnTo>
                      <a:pt x="4844" y="445"/>
                    </a:lnTo>
                    <a:lnTo>
                      <a:pt x="4830" y="443"/>
                    </a:lnTo>
                    <a:lnTo>
                      <a:pt x="4818" y="443"/>
                    </a:lnTo>
                    <a:lnTo>
                      <a:pt x="4810" y="445"/>
                    </a:lnTo>
                    <a:lnTo>
                      <a:pt x="4805" y="446"/>
                    </a:lnTo>
                    <a:lnTo>
                      <a:pt x="4805" y="447"/>
                    </a:lnTo>
                    <a:lnTo>
                      <a:pt x="4805" y="450"/>
                    </a:lnTo>
                    <a:lnTo>
                      <a:pt x="4808" y="452"/>
                    </a:lnTo>
                    <a:lnTo>
                      <a:pt x="4810" y="455"/>
                    </a:lnTo>
                    <a:lnTo>
                      <a:pt x="4819" y="463"/>
                    </a:lnTo>
                    <a:lnTo>
                      <a:pt x="4835" y="472"/>
                    </a:lnTo>
                    <a:lnTo>
                      <a:pt x="4845" y="478"/>
                    </a:lnTo>
                    <a:lnTo>
                      <a:pt x="4855" y="484"/>
                    </a:lnTo>
                    <a:lnTo>
                      <a:pt x="4863" y="487"/>
                    </a:lnTo>
                    <a:lnTo>
                      <a:pt x="4872" y="490"/>
                    </a:lnTo>
                    <a:lnTo>
                      <a:pt x="4889" y="494"/>
                    </a:lnTo>
                    <a:lnTo>
                      <a:pt x="4914" y="499"/>
                    </a:lnTo>
                    <a:lnTo>
                      <a:pt x="4932" y="502"/>
                    </a:lnTo>
                    <a:lnTo>
                      <a:pt x="4940" y="503"/>
                    </a:lnTo>
                    <a:lnTo>
                      <a:pt x="4940" y="504"/>
                    </a:lnTo>
                    <a:lnTo>
                      <a:pt x="4938" y="508"/>
                    </a:lnTo>
                    <a:lnTo>
                      <a:pt x="4933" y="513"/>
                    </a:lnTo>
                    <a:lnTo>
                      <a:pt x="4927" y="522"/>
                    </a:lnTo>
                    <a:lnTo>
                      <a:pt x="4920" y="531"/>
                    </a:lnTo>
                    <a:lnTo>
                      <a:pt x="4909" y="547"/>
                    </a:lnTo>
                    <a:lnTo>
                      <a:pt x="4905" y="555"/>
                    </a:lnTo>
                    <a:lnTo>
                      <a:pt x="4902" y="561"/>
                    </a:lnTo>
                    <a:lnTo>
                      <a:pt x="4902" y="564"/>
                    </a:lnTo>
                    <a:lnTo>
                      <a:pt x="4903" y="565"/>
                    </a:lnTo>
                    <a:lnTo>
                      <a:pt x="4906" y="566"/>
                    </a:lnTo>
                    <a:lnTo>
                      <a:pt x="4909" y="566"/>
                    </a:lnTo>
                    <a:lnTo>
                      <a:pt x="4920" y="563"/>
                    </a:lnTo>
                    <a:lnTo>
                      <a:pt x="4934" y="555"/>
                    </a:lnTo>
                    <a:lnTo>
                      <a:pt x="4942" y="551"/>
                    </a:lnTo>
                    <a:lnTo>
                      <a:pt x="4950" y="546"/>
                    </a:lnTo>
                    <a:lnTo>
                      <a:pt x="4959" y="543"/>
                    </a:lnTo>
                    <a:lnTo>
                      <a:pt x="4967" y="541"/>
                    </a:lnTo>
                    <a:lnTo>
                      <a:pt x="4975" y="541"/>
                    </a:lnTo>
                    <a:lnTo>
                      <a:pt x="4981" y="542"/>
                    </a:lnTo>
                    <a:lnTo>
                      <a:pt x="4985" y="543"/>
                    </a:lnTo>
                    <a:lnTo>
                      <a:pt x="4989" y="547"/>
                    </a:lnTo>
                    <a:lnTo>
                      <a:pt x="4990" y="551"/>
                    </a:lnTo>
                    <a:lnTo>
                      <a:pt x="4990" y="556"/>
                    </a:lnTo>
                    <a:lnTo>
                      <a:pt x="4990" y="563"/>
                    </a:lnTo>
                    <a:lnTo>
                      <a:pt x="4989" y="569"/>
                    </a:lnTo>
                    <a:lnTo>
                      <a:pt x="4979" y="595"/>
                    </a:lnTo>
                    <a:lnTo>
                      <a:pt x="4971" y="613"/>
                    </a:lnTo>
                    <a:lnTo>
                      <a:pt x="4964" y="633"/>
                    </a:lnTo>
                    <a:lnTo>
                      <a:pt x="4962" y="644"/>
                    </a:lnTo>
                    <a:lnTo>
                      <a:pt x="4962" y="648"/>
                    </a:lnTo>
                    <a:lnTo>
                      <a:pt x="4962" y="649"/>
                    </a:lnTo>
                    <a:lnTo>
                      <a:pt x="4963" y="651"/>
                    </a:lnTo>
                    <a:lnTo>
                      <a:pt x="4964" y="649"/>
                    </a:lnTo>
                    <a:lnTo>
                      <a:pt x="4971" y="647"/>
                    </a:lnTo>
                    <a:lnTo>
                      <a:pt x="4980" y="640"/>
                    </a:lnTo>
                    <a:lnTo>
                      <a:pt x="4991" y="635"/>
                    </a:lnTo>
                    <a:lnTo>
                      <a:pt x="5007" y="629"/>
                    </a:lnTo>
                    <a:lnTo>
                      <a:pt x="5011" y="629"/>
                    </a:lnTo>
                    <a:lnTo>
                      <a:pt x="5015" y="629"/>
                    </a:lnTo>
                    <a:lnTo>
                      <a:pt x="5020" y="629"/>
                    </a:lnTo>
                    <a:lnTo>
                      <a:pt x="5024" y="630"/>
                    </a:lnTo>
                    <a:lnTo>
                      <a:pt x="5033" y="634"/>
                    </a:lnTo>
                    <a:lnTo>
                      <a:pt x="5041" y="639"/>
                    </a:lnTo>
                    <a:lnTo>
                      <a:pt x="5050" y="643"/>
                    </a:lnTo>
                    <a:lnTo>
                      <a:pt x="5060" y="648"/>
                    </a:lnTo>
                    <a:lnTo>
                      <a:pt x="5065" y="649"/>
                    </a:lnTo>
                    <a:lnTo>
                      <a:pt x="5071" y="649"/>
                    </a:lnTo>
                    <a:lnTo>
                      <a:pt x="5076" y="651"/>
                    </a:lnTo>
                    <a:lnTo>
                      <a:pt x="5081" y="649"/>
                    </a:lnTo>
                    <a:lnTo>
                      <a:pt x="5090" y="647"/>
                    </a:lnTo>
                    <a:lnTo>
                      <a:pt x="5096" y="643"/>
                    </a:lnTo>
                    <a:lnTo>
                      <a:pt x="5099" y="638"/>
                    </a:lnTo>
                    <a:lnTo>
                      <a:pt x="5100" y="633"/>
                    </a:lnTo>
                    <a:lnTo>
                      <a:pt x="5099" y="626"/>
                    </a:lnTo>
                    <a:lnTo>
                      <a:pt x="5098" y="618"/>
                    </a:lnTo>
                    <a:lnTo>
                      <a:pt x="5094" y="610"/>
                    </a:lnTo>
                    <a:lnTo>
                      <a:pt x="5090" y="601"/>
                    </a:lnTo>
                    <a:lnTo>
                      <a:pt x="5083" y="586"/>
                    </a:lnTo>
                    <a:lnTo>
                      <a:pt x="5078" y="570"/>
                    </a:lnTo>
                    <a:lnTo>
                      <a:pt x="5078" y="565"/>
                    </a:lnTo>
                    <a:lnTo>
                      <a:pt x="5080" y="559"/>
                    </a:lnTo>
                    <a:lnTo>
                      <a:pt x="5081" y="557"/>
                    </a:lnTo>
                    <a:lnTo>
                      <a:pt x="5083" y="555"/>
                    </a:lnTo>
                    <a:lnTo>
                      <a:pt x="5086" y="553"/>
                    </a:lnTo>
                    <a:lnTo>
                      <a:pt x="5090" y="552"/>
                    </a:lnTo>
                    <a:lnTo>
                      <a:pt x="5100" y="550"/>
                    </a:lnTo>
                    <a:lnTo>
                      <a:pt x="5108" y="550"/>
                    </a:lnTo>
                    <a:lnTo>
                      <a:pt x="5115" y="551"/>
                    </a:lnTo>
                    <a:lnTo>
                      <a:pt x="5118" y="553"/>
                    </a:lnTo>
                    <a:lnTo>
                      <a:pt x="5121" y="557"/>
                    </a:lnTo>
                    <a:lnTo>
                      <a:pt x="5122" y="563"/>
                    </a:lnTo>
                    <a:lnTo>
                      <a:pt x="5124" y="568"/>
                    </a:lnTo>
                    <a:lnTo>
                      <a:pt x="5124" y="574"/>
                    </a:lnTo>
                    <a:lnTo>
                      <a:pt x="5124" y="588"/>
                    </a:lnTo>
                    <a:lnTo>
                      <a:pt x="5124" y="604"/>
                    </a:lnTo>
                    <a:lnTo>
                      <a:pt x="5126" y="610"/>
                    </a:lnTo>
                    <a:lnTo>
                      <a:pt x="5129" y="616"/>
                    </a:lnTo>
                    <a:lnTo>
                      <a:pt x="5133" y="621"/>
                    </a:lnTo>
                    <a:lnTo>
                      <a:pt x="5139" y="626"/>
                    </a:lnTo>
                    <a:lnTo>
                      <a:pt x="5143" y="627"/>
                    </a:lnTo>
                    <a:lnTo>
                      <a:pt x="5146" y="626"/>
                    </a:lnTo>
                    <a:lnTo>
                      <a:pt x="5148" y="625"/>
                    </a:lnTo>
                    <a:lnTo>
                      <a:pt x="5151" y="621"/>
                    </a:lnTo>
                    <a:lnTo>
                      <a:pt x="5152" y="612"/>
                    </a:lnTo>
                    <a:lnTo>
                      <a:pt x="5155" y="600"/>
                    </a:lnTo>
                    <a:lnTo>
                      <a:pt x="5156" y="587"/>
                    </a:lnTo>
                    <a:lnTo>
                      <a:pt x="5159" y="576"/>
                    </a:lnTo>
                    <a:lnTo>
                      <a:pt x="5160" y="572"/>
                    </a:lnTo>
                    <a:lnTo>
                      <a:pt x="5162" y="568"/>
                    </a:lnTo>
                    <a:lnTo>
                      <a:pt x="5166" y="565"/>
                    </a:lnTo>
                    <a:lnTo>
                      <a:pt x="5170" y="564"/>
                    </a:lnTo>
                    <a:lnTo>
                      <a:pt x="5181" y="563"/>
                    </a:lnTo>
                    <a:lnTo>
                      <a:pt x="5194" y="561"/>
                    </a:lnTo>
                    <a:lnTo>
                      <a:pt x="5194" y="561"/>
                    </a:lnTo>
                    <a:lnTo>
                      <a:pt x="5186" y="644"/>
                    </a:lnTo>
                    <a:lnTo>
                      <a:pt x="5140" y="697"/>
                    </a:lnTo>
                    <a:lnTo>
                      <a:pt x="5128" y="710"/>
                    </a:lnTo>
                    <a:lnTo>
                      <a:pt x="5120" y="718"/>
                    </a:lnTo>
                    <a:lnTo>
                      <a:pt x="5115" y="727"/>
                    </a:lnTo>
                    <a:lnTo>
                      <a:pt x="5111" y="744"/>
                    </a:lnTo>
                    <a:lnTo>
                      <a:pt x="5108" y="750"/>
                    </a:lnTo>
                    <a:lnTo>
                      <a:pt x="5104" y="756"/>
                    </a:lnTo>
                    <a:lnTo>
                      <a:pt x="5100" y="762"/>
                    </a:lnTo>
                    <a:lnTo>
                      <a:pt x="5096" y="767"/>
                    </a:lnTo>
                    <a:lnTo>
                      <a:pt x="5093" y="772"/>
                    </a:lnTo>
                    <a:lnTo>
                      <a:pt x="5089" y="778"/>
                    </a:lnTo>
                    <a:lnTo>
                      <a:pt x="5086" y="784"/>
                    </a:lnTo>
                    <a:lnTo>
                      <a:pt x="5085" y="791"/>
                    </a:lnTo>
                    <a:lnTo>
                      <a:pt x="5085" y="810"/>
                    </a:lnTo>
                    <a:lnTo>
                      <a:pt x="5083" y="826"/>
                    </a:lnTo>
                    <a:lnTo>
                      <a:pt x="5081" y="841"/>
                    </a:lnTo>
                    <a:lnTo>
                      <a:pt x="5077" y="854"/>
                    </a:lnTo>
                    <a:lnTo>
                      <a:pt x="5074" y="859"/>
                    </a:lnTo>
                    <a:lnTo>
                      <a:pt x="5071" y="866"/>
                    </a:lnTo>
                    <a:lnTo>
                      <a:pt x="5067" y="871"/>
                    </a:lnTo>
                    <a:lnTo>
                      <a:pt x="5060" y="876"/>
                    </a:lnTo>
                    <a:lnTo>
                      <a:pt x="5055" y="881"/>
                    </a:lnTo>
                    <a:lnTo>
                      <a:pt x="5047" y="885"/>
                    </a:lnTo>
                    <a:lnTo>
                      <a:pt x="5038" y="890"/>
                    </a:lnTo>
                    <a:lnTo>
                      <a:pt x="5028" y="895"/>
                    </a:lnTo>
                    <a:lnTo>
                      <a:pt x="5014" y="898"/>
                    </a:lnTo>
                    <a:lnTo>
                      <a:pt x="4995" y="899"/>
                    </a:lnTo>
                    <a:lnTo>
                      <a:pt x="4988" y="902"/>
                    </a:lnTo>
                    <a:lnTo>
                      <a:pt x="4980" y="903"/>
                    </a:lnTo>
                    <a:lnTo>
                      <a:pt x="4977" y="906"/>
                    </a:lnTo>
                    <a:lnTo>
                      <a:pt x="4975" y="908"/>
                    </a:lnTo>
                    <a:lnTo>
                      <a:pt x="4972" y="911"/>
                    </a:lnTo>
                    <a:lnTo>
                      <a:pt x="4971" y="914"/>
                    </a:lnTo>
                    <a:lnTo>
                      <a:pt x="4968" y="923"/>
                    </a:lnTo>
                    <a:lnTo>
                      <a:pt x="4966" y="929"/>
                    </a:lnTo>
                    <a:lnTo>
                      <a:pt x="4962" y="934"/>
                    </a:lnTo>
                    <a:lnTo>
                      <a:pt x="4958" y="938"/>
                    </a:lnTo>
                    <a:lnTo>
                      <a:pt x="4950" y="945"/>
                    </a:lnTo>
                    <a:lnTo>
                      <a:pt x="4942" y="949"/>
                    </a:lnTo>
                    <a:lnTo>
                      <a:pt x="4932" y="952"/>
                    </a:lnTo>
                    <a:lnTo>
                      <a:pt x="4923" y="956"/>
                    </a:lnTo>
                    <a:lnTo>
                      <a:pt x="4918" y="959"/>
                    </a:lnTo>
                    <a:lnTo>
                      <a:pt x="4912" y="963"/>
                    </a:lnTo>
                    <a:lnTo>
                      <a:pt x="4907" y="967"/>
                    </a:lnTo>
                    <a:lnTo>
                      <a:pt x="4902" y="972"/>
                    </a:lnTo>
                    <a:lnTo>
                      <a:pt x="4894" y="980"/>
                    </a:lnTo>
                    <a:lnTo>
                      <a:pt x="4887" y="986"/>
                    </a:lnTo>
                    <a:lnTo>
                      <a:pt x="4877" y="991"/>
                    </a:lnTo>
                    <a:lnTo>
                      <a:pt x="4868" y="997"/>
                    </a:lnTo>
                    <a:lnTo>
                      <a:pt x="4858" y="1000"/>
                    </a:lnTo>
                    <a:lnTo>
                      <a:pt x="4849" y="1004"/>
                    </a:lnTo>
                    <a:lnTo>
                      <a:pt x="4839" y="1007"/>
                    </a:lnTo>
                    <a:lnTo>
                      <a:pt x="4828" y="1008"/>
                    </a:lnTo>
                    <a:lnTo>
                      <a:pt x="4828" y="1008"/>
                    </a:lnTo>
                    <a:lnTo>
                      <a:pt x="4830" y="993"/>
                    </a:lnTo>
                    <a:lnTo>
                      <a:pt x="4831" y="978"/>
                    </a:lnTo>
                    <a:lnTo>
                      <a:pt x="4832" y="963"/>
                    </a:lnTo>
                    <a:lnTo>
                      <a:pt x="4836" y="949"/>
                    </a:lnTo>
                    <a:lnTo>
                      <a:pt x="4837" y="937"/>
                    </a:lnTo>
                    <a:lnTo>
                      <a:pt x="4839" y="925"/>
                    </a:lnTo>
                    <a:lnTo>
                      <a:pt x="4840" y="914"/>
                    </a:lnTo>
                    <a:lnTo>
                      <a:pt x="4840" y="902"/>
                    </a:lnTo>
                    <a:lnTo>
                      <a:pt x="4842" y="892"/>
                    </a:lnTo>
                    <a:lnTo>
                      <a:pt x="4845" y="883"/>
                    </a:lnTo>
                    <a:lnTo>
                      <a:pt x="4846" y="872"/>
                    </a:lnTo>
                    <a:lnTo>
                      <a:pt x="4848" y="861"/>
                    </a:lnTo>
                    <a:lnTo>
                      <a:pt x="4846" y="845"/>
                    </a:lnTo>
                    <a:lnTo>
                      <a:pt x="4845" y="829"/>
                    </a:lnTo>
                    <a:lnTo>
                      <a:pt x="4844" y="814"/>
                    </a:lnTo>
                    <a:lnTo>
                      <a:pt x="4842" y="798"/>
                    </a:lnTo>
                    <a:lnTo>
                      <a:pt x="4842" y="758"/>
                    </a:lnTo>
                    <a:lnTo>
                      <a:pt x="4840" y="714"/>
                    </a:lnTo>
                    <a:lnTo>
                      <a:pt x="4837" y="692"/>
                    </a:lnTo>
                    <a:lnTo>
                      <a:pt x="4835" y="671"/>
                    </a:lnTo>
                    <a:lnTo>
                      <a:pt x="4830" y="651"/>
                    </a:lnTo>
                    <a:lnTo>
                      <a:pt x="4823" y="633"/>
                    </a:lnTo>
                    <a:lnTo>
                      <a:pt x="4818" y="625"/>
                    </a:lnTo>
                    <a:lnTo>
                      <a:pt x="4813" y="617"/>
                    </a:lnTo>
                    <a:lnTo>
                      <a:pt x="4805" y="610"/>
                    </a:lnTo>
                    <a:lnTo>
                      <a:pt x="4797" y="604"/>
                    </a:lnTo>
                    <a:lnTo>
                      <a:pt x="4779" y="595"/>
                    </a:lnTo>
                    <a:lnTo>
                      <a:pt x="4758" y="586"/>
                    </a:lnTo>
                    <a:lnTo>
                      <a:pt x="4736" y="579"/>
                    </a:lnTo>
                    <a:lnTo>
                      <a:pt x="4714" y="573"/>
                    </a:lnTo>
                    <a:lnTo>
                      <a:pt x="4695" y="565"/>
                    </a:lnTo>
                    <a:lnTo>
                      <a:pt x="4677" y="557"/>
                    </a:lnTo>
                    <a:lnTo>
                      <a:pt x="4662" y="547"/>
                    </a:lnTo>
                    <a:lnTo>
                      <a:pt x="4646" y="534"/>
                    </a:lnTo>
                    <a:lnTo>
                      <a:pt x="4638" y="528"/>
                    </a:lnTo>
                    <a:lnTo>
                      <a:pt x="4629" y="524"/>
                    </a:lnTo>
                    <a:lnTo>
                      <a:pt x="4622" y="520"/>
                    </a:lnTo>
                    <a:lnTo>
                      <a:pt x="4616" y="519"/>
                    </a:lnTo>
                    <a:lnTo>
                      <a:pt x="4608" y="520"/>
                    </a:lnTo>
                    <a:lnTo>
                      <a:pt x="4603" y="521"/>
                    </a:lnTo>
                    <a:lnTo>
                      <a:pt x="4598" y="524"/>
                    </a:lnTo>
                    <a:lnTo>
                      <a:pt x="4594" y="528"/>
                    </a:lnTo>
                    <a:lnTo>
                      <a:pt x="4590" y="535"/>
                    </a:lnTo>
                    <a:lnTo>
                      <a:pt x="4587" y="546"/>
                    </a:lnTo>
                    <a:lnTo>
                      <a:pt x="4586" y="556"/>
                    </a:lnTo>
                    <a:lnTo>
                      <a:pt x="4583" y="566"/>
                    </a:lnTo>
                    <a:lnTo>
                      <a:pt x="4582" y="570"/>
                    </a:lnTo>
                    <a:lnTo>
                      <a:pt x="4580" y="576"/>
                    </a:lnTo>
                    <a:lnTo>
                      <a:pt x="4577" y="578"/>
                    </a:lnTo>
                    <a:lnTo>
                      <a:pt x="4572" y="582"/>
                    </a:lnTo>
                    <a:lnTo>
                      <a:pt x="4567" y="585"/>
                    </a:lnTo>
                    <a:lnTo>
                      <a:pt x="4560" y="586"/>
                    </a:lnTo>
                    <a:lnTo>
                      <a:pt x="4555" y="586"/>
                    </a:lnTo>
                    <a:lnTo>
                      <a:pt x="4548" y="586"/>
                    </a:lnTo>
                    <a:lnTo>
                      <a:pt x="4535" y="586"/>
                    </a:lnTo>
                    <a:lnTo>
                      <a:pt x="4524" y="587"/>
                    </a:lnTo>
                    <a:lnTo>
                      <a:pt x="4513" y="592"/>
                    </a:lnTo>
                    <a:lnTo>
                      <a:pt x="4506" y="599"/>
                    </a:lnTo>
                    <a:lnTo>
                      <a:pt x="4499" y="605"/>
                    </a:lnTo>
                    <a:lnTo>
                      <a:pt x="4493" y="613"/>
                    </a:lnTo>
                    <a:lnTo>
                      <a:pt x="4484" y="631"/>
                    </a:lnTo>
                    <a:lnTo>
                      <a:pt x="4472" y="649"/>
                    </a:lnTo>
                    <a:lnTo>
                      <a:pt x="4468" y="660"/>
                    </a:lnTo>
                    <a:lnTo>
                      <a:pt x="4460" y="673"/>
                    </a:lnTo>
                    <a:lnTo>
                      <a:pt x="4453" y="684"/>
                    </a:lnTo>
                    <a:lnTo>
                      <a:pt x="4445" y="697"/>
                    </a:lnTo>
                    <a:lnTo>
                      <a:pt x="4437" y="709"/>
                    </a:lnTo>
                    <a:lnTo>
                      <a:pt x="4432" y="721"/>
                    </a:lnTo>
                    <a:lnTo>
                      <a:pt x="4431" y="727"/>
                    </a:lnTo>
                    <a:lnTo>
                      <a:pt x="4429" y="732"/>
                    </a:lnTo>
                    <a:lnTo>
                      <a:pt x="4431" y="737"/>
                    </a:lnTo>
                    <a:lnTo>
                      <a:pt x="4432" y="744"/>
                    </a:lnTo>
                    <a:lnTo>
                      <a:pt x="4437" y="752"/>
                    </a:lnTo>
                    <a:lnTo>
                      <a:pt x="4440" y="761"/>
                    </a:lnTo>
                    <a:lnTo>
                      <a:pt x="4441" y="769"/>
                    </a:lnTo>
                    <a:lnTo>
                      <a:pt x="4442" y="776"/>
                    </a:lnTo>
                    <a:lnTo>
                      <a:pt x="4443" y="792"/>
                    </a:lnTo>
                    <a:lnTo>
                      <a:pt x="4443" y="811"/>
                    </a:lnTo>
                    <a:lnTo>
                      <a:pt x="4445" y="835"/>
                    </a:lnTo>
                    <a:lnTo>
                      <a:pt x="4447" y="861"/>
                    </a:lnTo>
                    <a:lnTo>
                      <a:pt x="4449" y="886"/>
                    </a:lnTo>
                    <a:lnTo>
                      <a:pt x="4450" y="914"/>
                    </a:lnTo>
                    <a:lnTo>
                      <a:pt x="4449" y="941"/>
                    </a:lnTo>
                    <a:lnTo>
                      <a:pt x="4447" y="967"/>
                    </a:lnTo>
                    <a:lnTo>
                      <a:pt x="4446" y="978"/>
                    </a:lnTo>
                    <a:lnTo>
                      <a:pt x="4445" y="991"/>
                    </a:lnTo>
                    <a:lnTo>
                      <a:pt x="4441" y="1003"/>
                    </a:lnTo>
                    <a:lnTo>
                      <a:pt x="4438" y="1015"/>
                    </a:lnTo>
                    <a:lnTo>
                      <a:pt x="4436" y="1021"/>
                    </a:lnTo>
                    <a:lnTo>
                      <a:pt x="4432" y="1028"/>
                    </a:lnTo>
                    <a:lnTo>
                      <a:pt x="4428" y="1033"/>
                    </a:lnTo>
                    <a:lnTo>
                      <a:pt x="4423" y="1038"/>
                    </a:lnTo>
                    <a:lnTo>
                      <a:pt x="4412" y="1047"/>
                    </a:lnTo>
                    <a:lnTo>
                      <a:pt x="4401" y="1056"/>
                    </a:lnTo>
                    <a:lnTo>
                      <a:pt x="4390" y="1065"/>
                    </a:lnTo>
                    <a:lnTo>
                      <a:pt x="4381" y="1076"/>
                    </a:lnTo>
                    <a:lnTo>
                      <a:pt x="4377" y="1081"/>
                    </a:lnTo>
                    <a:lnTo>
                      <a:pt x="4375" y="1087"/>
                    </a:lnTo>
                    <a:lnTo>
                      <a:pt x="4372" y="1094"/>
                    </a:lnTo>
                    <a:lnTo>
                      <a:pt x="4371" y="1103"/>
                    </a:lnTo>
                    <a:lnTo>
                      <a:pt x="4370" y="1114"/>
                    </a:lnTo>
                    <a:lnTo>
                      <a:pt x="4367" y="1126"/>
                    </a:lnTo>
                    <a:lnTo>
                      <a:pt x="4363" y="1135"/>
                    </a:lnTo>
                    <a:lnTo>
                      <a:pt x="4359" y="1144"/>
                    </a:lnTo>
                    <a:lnTo>
                      <a:pt x="4354" y="1153"/>
                    </a:lnTo>
                    <a:lnTo>
                      <a:pt x="4348" y="1160"/>
                    </a:lnTo>
                    <a:lnTo>
                      <a:pt x="4341" y="1166"/>
                    </a:lnTo>
                    <a:lnTo>
                      <a:pt x="4333" y="1173"/>
                    </a:lnTo>
                    <a:lnTo>
                      <a:pt x="4315" y="1182"/>
                    </a:lnTo>
                    <a:lnTo>
                      <a:pt x="4297" y="1190"/>
                    </a:lnTo>
                    <a:lnTo>
                      <a:pt x="4276" y="1196"/>
                    </a:lnTo>
                    <a:lnTo>
                      <a:pt x="4256" y="1201"/>
                    </a:lnTo>
                    <a:lnTo>
                      <a:pt x="4235" y="1196"/>
                    </a:lnTo>
                    <a:lnTo>
                      <a:pt x="4217" y="1191"/>
                    </a:lnTo>
                    <a:lnTo>
                      <a:pt x="4201" y="1184"/>
                    </a:lnTo>
                    <a:lnTo>
                      <a:pt x="4188" y="1178"/>
                    </a:lnTo>
                    <a:lnTo>
                      <a:pt x="4175" y="1169"/>
                    </a:lnTo>
                    <a:lnTo>
                      <a:pt x="4164" y="1157"/>
                    </a:lnTo>
                    <a:lnTo>
                      <a:pt x="4152" y="1144"/>
                    </a:lnTo>
                    <a:lnTo>
                      <a:pt x="4139" y="1127"/>
                    </a:lnTo>
                    <a:lnTo>
                      <a:pt x="4135" y="1122"/>
                    </a:lnTo>
                    <a:lnTo>
                      <a:pt x="4130" y="1120"/>
                    </a:lnTo>
                    <a:lnTo>
                      <a:pt x="4123" y="1118"/>
                    </a:lnTo>
                    <a:lnTo>
                      <a:pt x="4117" y="1118"/>
                    </a:lnTo>
                    <a:lnTo>
                      <a:pt x="4111" y="1121"/>
                    </a:lnTo>
                    <a:lnTo>
                      <a:pt x="4103" y="1123"/>
                    </a:lnTo>
                    <a:lnTo>
                      <a:pt x="4095" y="1127"/>
                    </a:lnTo>
                    <a:lnTo>
                      <a:pt x="4089" y="1133"/>
                    </a:lnTo>
                    <a:lnTo>
                      <a:pt x="4059" y="1153"/>
                    </a:lnTo>
                    <a:lnTo>
                      <a:pt x="4035" y="1169"/>
                    </a:lnTo>
                    <a:lnTo>
                      <a:pt x="4025" y="1174"/>
                    </a:lnTo>
                    <a:lnTo>
                      <a:pt x="4015" y="1177"/>
                    </a:lnTo>
                    <a:lnTo>
                      <a:pt x="4004" y="1179"/>
                    </a:lnTo>
                    <a:lnTo>
                      <a:pt x="3994" y="1179"/>
                    </a:lnTo>
                    <a:lnTo>
                      <a:pt x="3984" y="1179"/>
                    </a:lnTo>
                    <a:lnTo>
                      <a:pt x="3973" y="1179"/>
                    </a:lnTo>
                    <a:lnTo>
                      <a:pt x="3964" y="1177"/>
                    </a:lnTo>
                    <a:lnTo>
                      <a:pt x="3954" y="1174"/>
                    </a:lnTo>
                    <a:lnTo>
                      <a:pt x="3945" y="1171"/>
                    </a:lnTo>
                    <a:lnTo>
                      <a:pt x="3936" y="1166"/>
                    </a:lnTo>
                    <a:lnTo>
                      <a:pt x="3927" y="1161"/>
                    </a:lnTo>
                    <a:lnTo>
                      <a:pt x="3919" y="1156"/>
                    </a:lnTo>
                    <a:lnTo>
                      <a:pt x="3902" y="1143"/>
                    </a:lnTo>
                    <a:lnTo>
                      <a:pt x="3885" y="1129"/>
                    </a:lnTo>
                    <a:lnTo>
                      <a:pt x="3870" y="1113"/>
                    </a:lnTo>
                    <a:lnTo>
                      <a:pt x="3855" y="1096"/>
                    </a:lnTo>
                    <a:lnTo>
                      <a:pt x="3841" y="1078"/>
                    </a:lnTo>
                    <a:lnTo>
                      <a:pt x="3827" y="1060"/>
                    </a:lnTo>
                    <a:lnTo>
                      <a:pt x="3802" y="1026"/>
                    </a:lnTo>
                    <a:lnTo>
                      <a:pt x="3779" y="997"/>
                    </a:lnTo>
                    <a:lnTo>
                      <a:pt x="3754" y="965"/>
                    </a:lnTo>
                    <a:lnTo>
                      <a:pt x="3714" y="919"/>
                    </a:lnTo>
                    <a:lnTo>
                      <a:pt x="3695" y="897"/>
                    </a:lnTo>
                    <a:lnTo>
                      <a:pt x="3675" y="881"/>
                    </a:lnTo>
                    <a:lnTo>
                      <a:pt x="3667" y="876"/>
                    </a:lnTo>
                    <a:lnTo>
                      <a:pt x="3661" y="873"/>
                    </a:lnTo>
                    <a:lnTo>
                      <a:pt x="3658" y="873"/>
                    </a:lnTo>
                    <a:lnTo>
                      <a:pt x="3656" y="873"/>
                    </a:lnTo>
                    <a:lnTo>
                      <a:pt x="3653" y="875"/>
                    </a:lnTo>
                    <a:lnTo>
                      <a:pt x="3652" y="877"/>
                    </a:lnTo>
                    <a:lnTo>
                      <a:pt x="3644" y="898"/>
                    </a:lnTo>
                    <a:lnTo>
                      <a:pt x="3636" y="925"/>
                    </a:lnTo>
                    <a:lnTo>
                      <a:pt x="3629" y="954"/>
                    </a:lnTo>
                    <a:lnTo>
                      <a:pt x="3625" y="977"/>
                    </a:lnTo>
                    <a:lnTo>
                      <a:pt x="3550" y="997"/>
                    </a:lnTo>
                    <a:lnTo>
                      <a:pt x="3550" y="997"/>
                    </a:lnTo>
                    <a:lnTo>
                      <a:pt x="3524" y="1017"/>
                    </a:lnTo>
                    <a:lnTo>
                      <a:pt x="3524" y="1025"/>
                    </a:lnTo>
                    <a:lnTo>
                      <a:pt x="3525" y="1032"/>
                    </a:lnTo>
                    <a:lnTo>
                      <a:pt x="3528" y="1038"/>
                    </a:lnTo>
                    <a:lnTo>
                      <a:pt x="3529" y="1046"/>
                    </a:lnTo>
                    <a:lnTo>
                      <a:pt x="3535" y="1057"/>
                    </a:lnTo>
                    <a:lnTo>
                      <a:pt x="3542" y="1070"/>
                    </a:lnTo>
                    <a:lnTo>
                      <a:pt x="3547" y="1082"/>
                    </a:lnTo>
                    <a:lnTo>
                      <a:pt x="3552" y="1095"/>
                    </a:lnTo>
                    <a:lnTo>
                      <a:pt x="3553" y="1101"/>
                    </a:lnTo>
                    <a:lnTo>
                      <a:pt x="3553" y="1108"/>
                    </a:lnTo>
                    <a:lnTo>
                      <a:pt x="3553" y="1116"/>
                    </a:lnTo>
                    <a:lnTo>
                      <a:pt x="3552" y="1123"/>
                    </a:lnTo>
                    <a:lnTo>
                      <a:pt x="3522" y="1254"/>
                    </a:lnTo>
                    <a:lnTo>
                      <a:pt x="3516" y="1282"/>
                    </a:lnTo>
                    <a:lnTo>
                      <a:pt x="3508" y="1302"/>
                    </a:lnTo>
                    <a:lnTo>
                      <a:pt x="3504" y="1311"/>
                    </a:lnTo>
                    <a:lnTo>
                      <a:pt x="3500" y="1318"/>
                    </a:lnTo>
                    <a:lnTo>
                      <a:pt x="3496" y="1324"/>
                    </a:lnTo>
                    <a:lnTo>
                      <a:pt x="3493" y="1329"/>
                    </a:lnTo>
                    <a:lnTo>
                      <a:pt x="3489" y="1333"/>
                    </a:lnTo>
                    <a:lnTo>
                      <a:pt x="3484" y="1336"/>
                    </a:lnTo>
                    <a:lnTo>
                      <a:pt x="3480" y="1339"/>
                    </a:lnTo>
                    <a:lnTo>
                      <a:pt x="3474" y="1340"/>
                    </a:lnTo>
                    <a:lnTo>
                      <a:pt x="3465" y="1340"/>
                    </a:lnTo>
                    <a:lnTo>
                      <a:pt x="3455" y="1337"/>
                    </a:lnTo>
                    <a:lnTo>
                      <a:pt x="3433" y="1327"/>
                    </a:lnTo>
                    <a:lnTo>
                      <a:pt x="3410" y="1311"/>
                    </a:lnTo>
                    <a:lnTo>
                      <a:pt x="3397" y="1304"/>
                    </a:lnTo>
                    <a:lnTo>
                      <a:pt x="3384" y="1297"/>
                    </a:lnTo>
                    <a:lnTo>
                      <a:pt x="3370" y="1291"/>
                    </a:lnTo>
                    <a:lnTo>
                      <a:pt x="3355" y="1287"/>
                    </a:lnTo>
                    <a:lnTo>
                      <a:pt x="3313" y="1276"/>
                    </a:lnTo>
                    <a:lnTo>
                      <a:pt x="3257" y="1265"/>
                    </a:lnTo>
                    <a:lnTo>
                      <a:pt x="3230" y="1259"/>
                    </a:lnTo>
                    <a:lnTo>
                      <a:pt x="3204" y="1258"/>
                    </a:lnTo>
                    <a:lnTo>
                      <a:pt x="3192" y="1259"/>
                    </a:lnTo>
                    <a:lnTo>
                      <a:pt x="3183" y="1261"/>
                    </a:lnTo>
                    <a:lnTo>
                      <a:pt x="3174" y="1263"/>
                    </a:lnTo>
                    <a:lnTo>
                      <a:pt x="3167" y="1267"/>
                    </a:lnTo>
                    <a:lnTo>
                      <a:pt x="3162" y="1271"/>
                    </a:lnTo>
                    <a:lnTo>
                      <a:pt x="3158" y="1276"/>
                    </a:lnTo>
                    <a:lnTo>
                      <a:pt x="3154" y="1282"/>
                    </a:lnTo>
                    <a:lnTo>
                      <a:pt x="3151" y="1288"/>
                    </a:lnTo>
                    <a:lnTo>
                      <a:pt x="3144" y="1304"/>
                    </a:lnTo>
                    <a:lnTo>
                      <a:pt x="3136" y="1320"/>
                    </a:lnTo>
                    <a:lnTo>
                      <a:pt x="3125" y="1359"/>
                    </a:lnTo>
                    <a:lnTo>
                      <a:pt x="3113" y="1402"/>
                    </a:lnTo>
                    <a:lnTo>
                      <a:pt x="3108" y="1421"/>
                    </a:lnTo>
                    <a:lnTo>
                      <a:pt x="3101" y="1441"/>
                    </a:lnTo>
                    <a:lnTo>
                      <a:pt x="3095" y="1459"/>
                    </a:lnTo>
                    <a:lnTo>
                      <a:pt x="3088" y="1475"/>
                    </a:lnTo>
                    <a:lnTo>
                      <a:pt x="3082" y="1487"/>
                    </a:lnTo>
                    <a:lnTo>
                      <a:pt x="3074" y="1498"/>
                    </a:lnTo>
                    <a:lnTo>
                      <a:pt x="3070" y="1500"/>
                    </a:lnTo>
                    <a:lnTo>
                      <a:pt x="3066" y="1503"/>
                    </a:lnTo>
                    <a:lnTo>
                      <a:pt x="3061" y="1504"/>
                    </a:lnTo>
                    <a:lnTo>
                      <a:pt x="3057" y="1506"/>
                    </a:lnTo>
                    <a:lnTo>
                      <a:pt x="3050" y="1504"/>
                    </a:lnTo>
                    <a:lnTo>
                      <a:pt x="3043" y="1502"/>
                    </a:lnTo>
                    <a:lnTo>
                      <a:pt x="3037" y="1499"/>
                    </a:lnTo>
                    <a:lnTo>
                      <a:pt x="3031" y="1495"/>
                    </a:lnTo>
                    <a:lnTo>
                      <a:pt x="3020" y="1487"/>
                    </a:lnTo>
                    <a:lnTo>
                      <a:pt x="3008" y="1478"/>
                    </a:lnTo>
                    <a:lnTo>
                      <a:pt x="2996" y="1469"/>
                    </a:lnTo>
                    <a:lnTo>
                      <a:pt x="2985" y="1464"/>
                    </a:lnTo>
                    <a:lnTo>
                      <a:pt x="2978" y="1462"/>
                    </a:lnTo>
                    <a:lnTo>
                      <a:pt x="2972" y="1462"/>
                    </a:lnTo>
                    <a:lnTo>
                      <a:pt x="2965" y="1462"/>
                    </a:lnTo>
                    <a:lnTo>
                      <a:pt x="2958" y="1464"/>
                    </a:lnTo>
                    <a:lnTo>
                      <a:pt x="2950" y="1467"/>
                    </a:lnTo>
                    <a:lnTo>
                      <a:pt x="2942" y="1472"/>
                    </a:lnTo>
                    <a:lnTo>
                      <a:pt x="2934" y="1478"/>
                    </a:lnTo>
                    <a:lnTo>
                      <a:pt x="2928" y="1486"/>
                    </a:lnTo>
                    <a:lnTo>
                      <a:pt x="2915" y="1503"/>
                    </a:lnTo>
                    <a:lnTo>
                      <a:pt x="2902" y="1521"/>
                    </a:lnTo>
                    <a:lnTo>
                      <a:pt x="2890" y="1541"/>
                    </a:lnTo>
                    <a:lnTo>
                      <a:pt x="2879" y="1559"/>
                    </a:lnTo>
                    <a:lnTo>
                      <a:pt x="2872" y="1568"/>
                    </a:lnTo>
                    <a:lnTo>
                      <a:pt x="2866" y="1574"/>
                    </a:lnTo>
                    <a:lnTo>
                      <a:pt x="2858" y="1581"/>
                    </a:lnTo>
                    <a:lnTo>
                      <a:pt x="2850" y="1586"/>
                    </a:lnTo>
                    <a:lnTo>
                      <a:pt x="2823" y="1614"/>
                    </a:lnTo>
                    <a:lnTo>
                      <a:pt x="2801" y="1638"/>
                    </a:lnTo>
                    <a:lnTo>
                      <a:pt x="2792" y="1649"/>
                    </a:lnTo>
                    <a:lnTo>
                      <a:pt x="2784" y="1661"/>
                    </a:lnTo>
                    <a:lnTo>
                      <a:pt x="2776" y="1673"/>
                    </a:lnTo>
                    <a:lnTo>
                      <a:pt x="2771" y="1683"/>
                    </a:lnTo>
                    <a:lnTo>
                      <a:pt x="2766" y="1695"/>
                    </a:lnTo>
                    <a:lnTo>
                      <a:pt x="2762" y="1708"/>
                    </a:lnTo>
                    <a:lnTo>
                      <a:pt x="2758" y="1721"/>
                    </a:lnTo>
                    <a:lnTo>
                      <a:pt x="2755" y="1735"/>
                    </a:lnTo>
                    <a:lnTo>
                      <a:pt x="2754" y="1750"/>
                    </a:lnTo>
                    <a:lnTo>
                      <a:pt x="2753" y="1767"/>
                    </a:lnTo>
                    <a:lnTo>
                      <a:pt x="2752" y="1785"/>
                    </a:lnTo>
                    <a:lnTo>
                      <a:pt x="2752" y="1805"/>
                    </a:lnTo>
                    <a:lnTo>
                      <a:pt x="2752" y="1822"/>
                    </a:lnTo>
                    <a:lnTo>
                      <a:pt x="2750" y="1839"/>
                    </a:lnTo>
                    <a:lnTo>
                      <a:pt x="2749" y="1854"/>
                    </a:lnTo>
                    <a:lnTo>
                      <a:pt x="2746" y="1870"/>
                    </a:lnTo>
                    <a:lnTo>
                      <a:pt x="2742" y="1884"/>
                    </a:lnTo>
                    <a:lnTo>
                      <a:pt x="2739" y="1898"/>
                    </a:lnTo>
                    <a:lnTo>
                      <a:pt x="2735" y="1912"/>
                    </a:lnTo>
                    <a:lnTo>
                      <a:pt x="2730" y="1927"/>
                    </a:lnTo>
                    <a:lnTo>
                      <a:pt x="2718" y="1953"/>
                    </a:lnTo>
                    <a:lnTo>
                      <a:pt x="2704" y="1980"/>
                    </a:lnTo>
                    <a:lnTo>
                      <a:pt x="2688" y="2007"/>
                    </a:lnTo>
                    <a:lnTo>
                      <a:pt x="2670" y="2034"/>
                    </a:lnTo>
                    <a:lnTo>
                      <a:pt x="2662" y="2045"/>
                    </a:lnTo>
                    <a:lnTo>
                      <a:pt x="2653" y="2052"/>
                    </a:lnTo>
                    <a:lnTo>
                      <a:pt x="2645" y="2060"/>
                    </a:lnTo>
                    <a:lnTo>
                      <a:pt x="2636" y="2068"/>
                    </a:lnTo>
                    <a:lnTo>
                      <a:pt x="2619" y="2079"/>
                    </a:lnTo>
                    <a:lnTo>
                      <a:pt x="2603" y="2091"/>
                    </a:lnTo>
                    <a:lnTo>
                      <a:pt x="2595" y="2096"/>
                    </a:lnTo>
                    <a:lnTo>
                      <a:pt x="2587" y="2103"/>
                    </a:lnTo>
                    <a:lnTo>
                      <a:pt x="2581" y="2111"/>
                    </a:lnTo>
                    <a:lnTo>
                      <a:pt x="2574" y="2120"/>
                    </a:lnTo>
                    <a:lnTo>
                      <a:pt x="2570" y="2129"/>
                    </a:lnTo>
                    <a:lnTo>
                      <a:pt x="2566" y="2140"/>
                    </a:lnTo>
                    <a:lnTo>
                      <a:pt x="2562" y="2153"/>
                    </a:lnTo>
                    <a:lnTo>
                      <a:pt x="2561" y="2169"/>
                    </a:lnTo>
                    <a:lnTo>
                      <a:pt x="2560" y="2186"/>
                    </a:lnTo>
                    <a:lnTo>
                      <a:pt x="2556" y="2200"/>
                    </a:lnTo>
                    <a:lnTo>
                      <a:pt x="2551" y="2212"/>
                    </a:lnTo>
                    <a:lnTo>
                      <a:pt x="2544" y="2222"/>
                    </a:lnTo>
                    <a:lnTo>
                      <a:pt x="2538" y="2231"/>
                    </a:lnTo>
                    <a:lnTo>
                      <a:pt x="2529" y="2238"/>
                    </a:lnTo>
                    <a:lnTo>
                      <a:pt x="2520" y="2244"/>
                    </a:lnTo>
                    <a:lnTo>
                      <a:pt x="2509" y="2249"/>
                    </a:lnTo>
                    <a:lnTo>
                      <a:pt x="2460" y="2265"/>
                    </a:lnTo>
                    <a:lnTo>
                      <a:pt x="2406" y="2280"/>
                    </a:lnTo>
                    <a:lnTo>
                      <a:pt x="2400" y="2306"/>
                    </a:lnTo>
                    <a:lnTo>
                      <a:pt x="2394" y="2331"/>
                    </a:lnTo>
                    <a:lnTo>
                      <a:pt x="2386" y="2355"/>
                    </a:lnTo>
                    <a:lnTo>
                      <a:pt x="2380" y="2380"/>
                    </a:lnTo>
                    <a:lnTo>
                      <a:pt x="2372" y="2403"/>
                    </a:lnTo>
                    <a:lnTo>
                      <a:pt x="2366" y="2429"/>
                    </a:lnTo>
                    <a:lnTo>
                      <a:pt x="2359" y="2454"/>
                    </a:lnTo>
                    <a:lnTo>
                      <a:pt x="2354" y="2478"/>
                    </a:lnTo>
                    <a:lnTo>
                      <a:pt x="2351" y="2501"/>
                    </a:lnTo>
                    <a:lnTo>
                      <a:pt x="2349" y="2521"/>
                    </a:lnTo>
                    <a:lnTo>
                      <a:pt x="2346" y="2542"/>
                    </a:lnTo>
                    <a:lnTo>
                      <a:pt x="2345" y="2563"/>
                    </a:lnTo>
                    <a:lnTo>
                      <a:pt x="2345" y="2605"/>
                    </a:lnTo>
                    <a:lnTo>
                      <a:pt x="2343" y="2648"/>
                    </a:lnTo>
                    <a:lnTo>
                      <a:pt x="2342" y="2669"/>
                    </a:lnTo>
                    <a:lnTo>
                      <a:pt x="2340" y="2690"/>
                    </a:lnTo>
                    <a:lnTo>
                      <a:pt x="2336" y="2710"/>
                    </a:lnTo>
                    <a:lnTo>
                      <a:pt x="2331" y="2730"/>
                    </a:lnTo>
                    <a:lnTo>
                      <a:pt x="2324" y="2748"/>
                    </a:lnTo>
                    <a:lnTo>
                      <a:pt x="2318" y="2767"/>
                    </a:lnTo>
                    <a:lnTo>
                      <a:pt x="2310" y="2785"/>
                    </a:lnTo>
                    <a:lnTo>
                      <a:pt x="2301" y="2804"/>
                    </a:lnTo>
                    <a:lnTo>
                      <a:pt x="2281" y="2839"/>
                    </a:lnTo>
                    <a:lnTo>
                      <a:pt x="2261" y="2874"/>
                    </a:lnTo>
                    <a:lnTo>
                      <a:pt x="2239" y="2909"/>
                    </a:lnTo>
                    <a:lnTo>
                      <a:pt x="2217" y="2944"/>
                    </a:lnTo>
                    <a:lnTo>
                      <a:pt x="2211" y="2956"/>
                    </a:lnTo>
                    <a:lnTo>
                      <a:pt x="2207" y="2971"/>
                    </a:lnTo>
                    <a:lnTo>
                      <a:pt x="2206" y="2985"/>
                    </a:lnTo>
                    <a:lnTo>
                      <a:pt x="2205" y="2999"/>
                    </a:lnTo>
                    <a:lnTo>
                      <a:pt x="2205" y="3015"/>
                    </a:lnTo>
                    <a:lnTo>
                      <a:pt x="2206" y="3030"/>
                    </a:lnTo>
                    <a:lnTo>
                      <a:pt x="2207" y="3046"/>
                    </a:lnTo>
                    <a:lnTo>
                      <a:pt x="2209" y="3061"/>
                    </a:lnTo>
                    <a:lnTo>
                      <a:pt x="2220" y="3125"/>
                    </a:lnTo>
                    <a:lnTo>
                      <a:pt x="2229" y="3184"/>
                    </a:lnTo>
                    <a:lnTo>
                      <a:pt x="2231" y="3197"/>
                    </a:lnTo>
                    <a:lnTo>
                      <a:pt x="2232" y="3210"/>
                    </a:lnTo>
                    <a:lnTo>
                      <a:pt x="2231" y="3222"/>
                    </a:lnTo>
                    <a:lnTo>
                      <a:pt x="2229" y="3234"/>
                    </a:lnTo>
                    <a:lnTo>
                      <a:pt x="2227" y="3244"/>
                    </a:lnTo>
                    <a:lnTo>
                      <a:pt x="2223" y="3253"/>
                    </a:lnTo>
                    <a:lnTo>
                      <a:pt x="2218" y="3262"/>
                    </a:lnTo>
                    <a:lnTo>
                      <a:pt x="2210" y="3269"/>
                    </a:lnTo>
                    <a:lnTo>
                      <a:pt x="2202" y="3274"/>
                    </a:lnTo>
                    <a:lnTo>
                      <a:pt x="2192" y="3279"/>
                    </a:lnTo>
                    <a:lnTo>
                      <a:pt x="2179" y="3282"/>
                    </a:lnTo>
                    <a:lnTo>
                      <a:pt x="2165" y="3283"/>
                    </a:lnTo>
                    <a:lnTo>
                      <a:pt x="2148" y="3283"/>
                    </a:lnTo>
                    <a:lnTo>
                      <a:pt x="2128" y="3280"/>
                    </a:lnTo>
                    <a:lnTo>
                      <a:pt x="2106" y="3276"/>
                    </a:lnTo>
                    <a:lnTo>
                      <a:pt x="2083" y="3271"/>
                    </a:lnTo>
                    <a:lnTo>
                      <a:pt x="2066" y="3267"/>
                    </a:lnTo>
                    <a:lnTo>
                      <a:pt x="2051" y="3266"/>
                    </a:lnTo>
                    <a:lnTo>
                      <a:pt x="2035" y="3266"/>
                    </a:lnTo>
                    <a:lnTo>
                      <a:pt x="2020" y="3267"/>
                    </a:lnTo>
                    <a:lnTo>
                      <a:pt x="2007" y="3270"/>
                    </a:lnTo>
                    <a:lnTo>
                      <a:pt x="1992" y="3275"/>
                    </a:lnTo>
                    <a:lnTo>
                      <a:pt x="1979" y="3280"/>
                    </a:lnTo>
                    <a:lnTo>
                      <a:pt x="1968" y="3288"/>
                    </a:lnTo>
                    <a:lnTo>
                      <a:pt x="1955" y="3296"/>
                    </a:lnTo>
                    <a:lnTo>
                      <a:pt x="1944" y="3305"/>
                    </a:lnTo>
                    <a:lnTo>
                      <a:pt x="1933" y="3315"/>
                    </a:lnTo>
                    <a:lnTo>
                      <a:pt x="1922" y="3327"/>
                    </a:lnTo>
                    <a:lnTo>
                      <a:pt x="1912" y="3339"/>
                    </a:lnTo>
                    <a:lnTo>
                      <a:pt x="1903" y="3352"/>
                    </a:lnTo>
                    <a:lnTo>
                      <a:pt x="1894" y="3366"/>
                    </a:lnTo>
                    <a:lnTo>
                      <a:pt x="1885" y="3379"/>
                    </a:lnTo>
                    <a:lnTo>
                      <a:pt x="1867" y="3409"/>
                    </a:lnTo>
                    <a:lnTo>
                      <a:pt x="1851" y="3440"/>
                    </a:lnTo>
                    <a:lnTo>
                      <a:pt x="1836" y="3471"/>
                    </a:lnTo>
                    <a:lnTo>
                      <a:pt x="1821" y="3502"/>
                    </a:lnTo>
                    <a:lnTo>
                      <a:pt x="1807" y="3532"/>
                    </a:lnTo>
                    <a:lnTo>
                      <a:pt x="1793" y="3561"/>
                    </a:lnTo>
                    <a:lnTo>
                      <a:pt x="1779" y="3587"/>
                    </a:lnTo>
                    <a:lnTo>
                      <a:pt x="1764" y="3612"/>
                    </a:lnTo>
                    <a:lnTo>
                      <a:pt x="1762" y="3630"/>
                    </a:lnTo>
                    <a:lnTo>
                      <a:pt x="1761" y="3647"/>
                    </a:lnTo>
                    <a:lnTo>
                      <a:pt x="1761" y="3665"/>
                    </a:lnTo>
                    <a:lnTo>
                      <a:pt x="1761" y="3682"/>
                    </a:lnTo>
                    <a:lnTo>
                      <a:pt x="1764" y="3717"/>
                    </a:lnTo>
                    <a:lnTo>
                      <a:pt x="1764" y="3752"/>
                    </a:lnTo>
                    <a:lnTo>
                      <a:pt x="1763" y="3782"/>
                    </a:lnTo>
                    <a:lnTo>
                      <a:pt x="1759" y="3813"/>
                    </a:lnTo>
                    <a:lnTo>
                      <a:pt x="1755" y="3843"/>
                    </a:lnTo>
                    <a:lnTo>
                      <a:pt x="1754" y="3872"/>
                    </a:lnTo>
                    <a:lnTo>
                      <a:pt x="1755" y="3901"/>
                    </a:lnTo>
                    <a:lnTo>
                      <a:pt x="1757" y="3928"/>
                    </a:lnTo>
                    <a:lnTo>
                      <a:pt x="1761" y="3957"/>
                    </a:lnTo>
                    <a:lnTo>
                      <a:pt x="1763" y="3984"/>
                    </a:lnTo>
                    <a:lnTo>
                      <a:pt x="1767" y="4011"/>
                    </a:lnTo>
                    <a:lnTo>
                      <a:pt x="1770" y="4039"/>
                    </a:lnTo>
                    <a:lnTo>
                      <a:pt x="1771" y="4067"/>
                    </a:lnTo>
                    <a:lnTo>
                      <a:pt x="1771" y="4093"/>
                    </a:lnTo>
                    <a:lnTo>
                      <a:pt x="1770" y="4102"/>
                    </a:lnTo>
                    <a:lnTo>
                      <a:pt x="1768" y="4111"/>
                    </a:lnTo>
                    <a:lnTo>
                      <a:pt x="1766" y="4120"/>
                    </a:lnTo>
                    <a:lnTo>
                      <a:pt x="1763" y="4129"/>
                    </a:lnTo>
                    <a:lnTo>
                      <a:pt x="1757" y="4146"/>
                    </a:lnTo>
                    <a:lnTo>
                      <a:pt x="1748" y="4164"/>
                    </a:lnTo>
                    <a:lnTo>
                      <a:pt x="1740" y="4182"/>
                    </a:lnTo>
                    <a:lnTo>
                      <a:pt x="1731" y="4201"/>
                    </a:lnTo>
                    <a:lnTo>
                      <a:pt x="1724" y="4220"/>
                    </a:lnTo>
                    <a:lnTo>
                      <a:pt x="1720" y="4239"/>
                    </a:lnTo>
                    <a:lnTo>
                      <a:pt x="1722" y="4256"/>
                    </a:lnTo>
                    <a:lnTo>
                      <a:pt x="1723" y="4270"/>
                    </a:lnTo>
                    <a:lnTo>
                      <a:pt x="1727" y="4284"/>
                    </a:lnTo>
                    <a:lnTo>
                      <a:pt x="1732" y="4296"/>
                    </a:lnTo>
                    <a:lnTo>
                      <a:pt x="1737" y="4306"/>
                    </a:lnTo>
                    <a:lnTo>
                      <a:pt x="1744" y="4315"/>
                    </a:lnTo>
                    <a:lnTo>
                      <a:pt x="1751" y="4324"/>
                    </a:lnTo>
                    <a:lnTo>
                      <a:pt x="1759" y="4332"/>
                    </a:lnTo>
                    <a:lnTo>
                      <a:pt x="1776" y="4348"/>
                    </a:lnTo>
                    <a:lnTo>
                      <a:pt x="1793" y="4365"/>
                    </a:lnTo>
                    <a:lnTo>
                      <a:pt x="1802" y="4374"/>
                    </a:lnTo>
                    <a:lnTo>
                      <a:pt x="1810" y="4383"/>
                    </a:lnTo>
                    <a:lnTo>
                      <a:pt x="1816" y="4394"/>
                    </a:lnTo>
                    <a:lnTo>
                      <a:pt x="1823" y="4407"/>
                    </a:lnTo>
                    <a:lnTo>
                      <a:pt x="1825" y="4415"/>
                    </a:lnTo>
                    <a:lnTo>
                      <a:pt x="1828" y="4424"/>
                    </a:lnTo>
                    <a:lnTo>
                      <a:pt x="1830" y="4433"/>
                    </a:lnTo>
                    <a:lnTo>
                      <a:pt x="1830" y="4444"/>
                    </a:lnTo>
                    <a:lnTo>
                      <a:pt x="1832" y="4466"/>
                    </a:lnTo>
                    <a:lnTo>
                      <a:pt x="1830" y="4489"/>
                    </a:lnTo>
                    <a:lnTo>
                      <a:pt x="1829" y="4501"/>
                    </a:lnTo>
                    <a:lnTo>
                      <a:pt x="1827" y="4512"/>
                    </a:lnTo>
                    <a:lnTo>
                      <a:pt x="1824" y="4523"/>
                    </a:lnTo>
                    <a:lnTo>
                      <a:pt x="1820" y="4533"/>
                    </a:lnTo>
                    <a:lnTo>
                      <a:pt x="1816" y="4541"/>
                    </a:lnTo>
                    <a:lnTo>
                      <a:pt x="1811" y="4550"/>
                    </a:lnTo>
                    <a:lnTo>
                      <a:pt x="1806" y="4556"/>
                    </a:lnTo>
                    <a:lnTo>
                      <a:pt x="1799" y="4562"/>
                    </a:lnTo>
                    <a:lnTo>
                      <a:pt x="1776" y="4571"/>
                    </a:lnTo>
                    <a:lnTo>
                      <a:pt x="1750" y="4580"/>
                    </a:lnTo>
                    <a:lnTo>
                      <a:pt x="1744" y="4582"/>
                    </a:lnTo>
                    <a:lnTo>
                      <a:pt x="1738" y="4585"/>
                    </a:lnTo>
                    <a:lnTo>
                      <a:pt x="1733" y="4589"/>
                    </a:lnTo>
                    <a:lnTo>
                      <a:pt x="1729" y="4593"/>
                    </a:lnTo>
                    <a:lnTo>
                      <a:pt x="1726" y="4598"/>
                    </a:lnTo>
                    <a:lnTo>
                      <a:pt x="1724" y="4603"/>
                    </a:lnTo>
                    <a:lnTo>
                      <a:pt x="1723" y="4608"/>
                    </a:lnTo>
                    <a:lnTo>
                      <a:pt x="1723" y="4616"/>
                    </a:lnTo>
                    <a:lnTo>
                      <a:pt x="1726" y="4652"/>
                    </a:lnTo>
                    <a:lnTo>
                      <a:pt x="1728" y="4687"/>
                    </a:lnTo>
                    <a:lnTo>
                      <a:pt x="1729" y="4705"/>
                    </a:lnTo>
                    <a:lnTo>
                      <a:pt x="1733" y="4722"/>
                    </a:lnTo>
                    <a:lnTo>
                      <a:pt x="1737" y="4740"/>
                    </a:lnTo>
                    <a:lnTo>
                      <a:pt x="1742" y="4758"/>
                    </a:lnTo>
                    <a:lnTo>
                      <a:pt x="1750" y="4780"/>
                    </a:lnTo>
                    <a:lnTo>
                      <a:pt x="1757" y="4799"/>
                    </a:lnTo>
                    <a:lnTo>
                      <a:pt x="1761" y="4815"/>
                    </a:lnTo>
                    <a:lnTo>
                      <a:pt x="1763" y="4831"/>
                    </a:lnTo>
                    <a:lnTo>
                      <a:pt x="1764" y="4839"/>
                    </a:lnTo>
                    <a:lnTo>
                      <a:pt x="1764" y="4847"/>
                    </a:lnTo>
                    <a:lnTo>
                      <a:pt x="1763" y="4854"/>
                    </a:lnTo>
                    <a:lnTo>
                      <a:pt x="1761" y="4863"/>
                    </a:lnTo>
                    <a:lnTo>
                      <a:pt x="1758" y="4871"/>
                    </a:lnTo>
                    <a:lnTo>
                      <a:pt x="1755" y="4881"/>
                    </a:lnTo>
                    <a:lnTo>
                      <a:pt x="1750" y="4891"/>
                    </a:lnTo>
                    <a:lnTo>
                      <a:pt x="1745" y="4901"/>
                    </a:lnTo>
                    <a:lnTo>
                      <a:pt x="1736" y="4941"/>
                    </a:lnTo>
                    <a:lnTo>
                      <a:pt x="1728" y="4977"/>
                    </a:lnTo>
                    <a:lnTo>
                      <a:pt x="1723" y="4995"/>
                    </a:lnTo>
                    <a:lnTo>
                      <a:pt x="1716" y="5012"/>
                    </a:lnTo>
                    <a:lnTo>
                      <a:pt x="1711" y="5029"/>
                    </a:lnTo>
                    <a:lnTo>
                      <a:pt x="1704" y="5046"/>
                    </a:lnTo>
                    <a:lnTo>
                      <a:pt x="1696" y="5062"/>
                    </a:lnTo>
                    <a:lnTo>
                      <a:pt x="1688" y="5077"/>
                    </a:lnTo>
                    <a:lnTo>
                      <a:pt x="1678" y="5091"/>
                    </a:lnTo>
                    <a:lnTo>
                      <a:pt x="1667" y="5106"/>
                    </a:lnTo>
                    <a:lnTo>
                      <a:pt x="1654" y="5120"/>
                    </a:lnTo>
                    <a:lnTo>
                      <a:pt x="1641" y="5133"/>
                    </a:lnTo>
                    <a:lnTo>
                      <a:pt x="1626" y="5147"/>
                    </a:lnTo>
                    <a:lnTo>
                      <a:pt x="1609" y="5159"/>
                    </a:lnTo>
                    <a:lnTo>
                      <a:pt x="1600" y="5166"/>
                    </a:lnTo>
                    <a:lnTo>
                      <a:pt x="1593" y="5174"/>
                    </a:lnTo>
                    <a:lnTo>
                      <a:pt x="1587" y="5183"/>
                    </a:lnTo>
                    <a:lnTo>
                      <a:pt x="1582" y="5192"/>
                    </a:lnTo>
                    <a:lnTo>
                      <a:pt x="1573" y="5211"/>
                    </a:lnTo>
                    <a:lnTo>
                      <a:pt x="1564" y="5231"/>
                    </a:lnTo>
                    <a:lnTo>
                      <a:pt x="1545" y="5268"/>
                    </a:lnTo>
                    <a:lnTo>
                      <a:pt x="1529" y="5305"/>
                    </a:lnTo>
                    <a:lnTo>
                      <a:pt x="1513" y="5343"/>
                    </a:lnTo>
                    <a:lnTo>
                      <a:pt x="1500" y="5380"/>
                    </a:lnTo>
                    <a:lnTo>
                      <a:pt x="1495" y="5400"/>
                    </a:lnTo>
                    <a:lnTo>
                      <a:pt x="1490" y="5419"/>
                    </a:lnTo>
                    <a:lnTo>
                      <a:pt x="1485" y="5439"/>
                    </a:lnTo>
                    <a:lnTo>
                      <a:pt x="1481" y="5458"/>
                    </a:lnTo>
                    <a:lnTo>
                      <a:pt x="1478" y="5479"/>
                    </a:lnTo>
                    <a:lnTo>
                      <a:pt x="1475" y="5498"/>
                    </a:lnTo>
                    <a:lnTo>
                      <a:pt x="1474" y="5519"/>
                    </a:lnTo>
                    <a:lnTo>
                      <a:pt x="1474" y="5541"/>
                    </a:lnTo>
                    <a:lnTo>
                      <a:pt x="1469" y="5546"/>
                    </a:lnTo>
                    <a:lnTo>
                      <a:pt x="1466" y="5549"/>
                    </a:lnTo>
                    <a:lnTo>
                      <a:pt x="1463" y="5550"/>
                    </a:lnTo>
                    <a:lnTo>
                      <a:pt x="1456" y="5553"/>
                    </a:lnTo>
                    <a:lnTo>
                      <a:pt x="1412" y="5521"/>
                    </a:lnTo>
                    <a:lnTo>
                      <a:pt x="1412" y="5521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8" name="Freeform 39">
                <a:extLst>
                  <a:ext uri="{FF2B5EF4-FFF2-40B4-BE49-F238E27FC236}">
                    <a16:creationId xmlns:a16="http://schemas.microsoft.com/office/drawing/2014/main" id="{F2AEE3B8-013E-3B42-A33F-1C24AAD02D2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557529" y="68770"/>
                <a:ext cx="1306153" cy="2853961"/>
              </a:xfrm>
              <a:custGeom>
                <a:avLst/>
                <a:gdLst/>
                <a:ahLst/>
                <a:cxnLst>
                  <a:cxn ang="0">
                    <a:pos x="71" y="4961"/>
                  </a:cxn>
                  <a:cxn ang="0">
                    <a:pos x="1388" y="5448"/>
                  </a:cxn>
                  <a:cxn ang="0">
                    <a:pos x="1188" y="5879"/>
                  </a:cxn>
                  <a:cxn ang="0">
                    <a:pos x="1761" y="5197"/>
                  </a:cxn>
                  <a:cxn ang="0">
                    <a:pos x="1887" y="5158"/>
                  </a:cxn>
                  <a:cxn ang="0">
                    <a:pos x="1815" y="5427"/>
                  </a:cxn>
                  <a:cxn ang="0">
                    <a:pos x="1641" y="5636"/>
                  </a:cxn>
                  <a:cxn ang="0">
                    <a:pos x="193" y="4308"/>
                  </a:cxn>
                  <a:cxn ang="0">
                    <a:pos x="428" y="3850"/>
                  </a:cxn>
                  <a:cxn ang="0">
                    <a:pos x="491" y="3515"/>
                  </a:cxn>
                  <a:cxn ang="0">
                    <a:pos x="427" y="3132"/>
                  </a:cxn>
                  <a:cxn ang="0">
                    <a:pos x="515" y="2443"/>
                  </a:cxn>
                  <a:cxn ang="0">
                    <a:pos x="887" y="2256"/>
                  </a:cxn>
                  <a:cxn ang="0">
                    <a:pos x="1007" y="1651"/>
                  </a:cxn>
                  <a:cxn ang="0">
                    <a:pos x="1238" y="1123"/>
                  </a:cxn>
                  <a:cxn ang="0">
                    <a:pos x="1426" y="711"/>
                  </a:cxn>
                  <a:cxn ang="0">
                    <a:pos x="1695" y="498"/>
                  </a:cxn>
                  <a:cxn ang="0">
                    <a:pos x="1921" y="268"/>
                  </a:cxn>
                  <a:cxn ang="0">
                    <a:pos x="2199" y="60"/>
                  </a:cxn>
                  <a:cxn ang="0">
                    <a:pos x="2601" y="426"/>
                  </a:cxn>
                  <a:cxn ang="0">
                    <a:pos x="2760" y="715"/>
                  </a:cxn>
                  <a:cxn ang="0">
                    <a:pos x="2797" y="1103"/>
                  </a:cxn>
                  <a:cxn ang="0">
                    <a:pos x="2693" y="1452"/>
                  </a:cxn>
                  <a:cxn ang="0">
                    <a:pos x="2571" y="1469"/>
                  </a:cxn>
                  <a:cxn ang="0">
                    <a:pos x="2482" y="1522"/>
                  </a:cxn>
                  <a:cxn ang="0">
                    <a:pos x="2473" y="1610"/>
                  </a:cxn>
                  <a:cxn ang="0">
                    <a:pos x="2412" y="1790"/>
                  </a:cxn>
                  <a:cxn ang="0">
                    <a:pos x="2359" y="2016"/>
                  </a:cxn>
                  <a:cxn ang="0">
                    <a:pos x="2346" y="2247"/>
                  </a:cxn>
                  <a:cxn ang="0">
                    <a:pos x="2185" y="2462"/>
                  </a:cxn>
                  <a:cxn ang="0">
                    <a:pos x="1986" y="2580"/>
                  </a:cxn>
                  <a:cxn ang="0">
                    <a:pos x="1793" y="2773"/>
                  </a:cxn>
                  <a:cxn ang="0">
                    <a:pos x="1711" y="2878"/>
                  </a:cxn>
                  <a:cxn ang="0">
                    <a:pos x="1645" y="2975"/>
                  </a:cxn>
                  <a:cxn ang="0">
                    <a:pos x="1515" y="3075"/>
                  </a:cxn>
                  <a:cxn ang="0">
                    <a:pos x="1536" y="3321"/>
                  </a:cxn>
                  <a:cxn ang="0">
                    <a:pos x="1470" y="3410"/>
                  </a:cxn>
                  <a:cxn ang="0">
                    <a:pos x="1429" y="3666"/>
                  </a:cxn>
                  <a:cxn ang="0">
                    <a:pos x="1528" y="3918"/>
                  </a:cxn>
                  <a:cxn ang="0">
                    <a:pos x="1386" y="4134"/>
                  </a:cxn>
                  <a:cxn ang="0">
                    <a:pos x="1635" y="4026"/>
                  </a:cxn>
                  <a:cxn ang="0">
                    <a:pos x="1822" y="4106"/>
                  </a:cxn>
                  <a:cxn ang="0">
                    <a:pos x="1850" y="4204"/>
                  </a:cxn>
                  <a:cxn ang="0">
                    <a:pos x="1860" y="4357"/>
                  </a:cxn>
                  <a:cxn ang="0">
                    <a:pos x="1711" y="4511"/>
                  </a:cxn>
                  <a:cxn ang="0">
                    <a:pos x="1677" y="4536"/>
                  </a:cxn>
                  <a:cxn ang="0">
                    <a:pos x="1598" y="4750"/>
                  </a:cxn>
                  <a:cxn ang="0">
                    <a:pos x="1460" y="4760"/>
                  </a:cxn>
                  <a:cxn ang="0">
                    <a:pos x="1355" y="4875"/>
                  </a:cxn>
                  <a:cxn ang="0">
                    <a:pos x="1356" y="5008"/>
                  </a:cxn>
                  <a:cxn ang="0">
                    <a:pos x="1264" y="5135"/>
                  </a:cxn>
                  <a:cxn ang="0">
                    <a:pos x="1213" y="5563"/>
                  </a:cxn>
                  <a:cxn ang="0">
                    <a:pos x="1067" y="6009"/>
                  </a:cxn>
                  <a:cxn ang="0">
                    <a:pos x="755" y="5983"/>
                  </a:cxn>
                  <a:cxn ang="0">
                    <a:pos x="653" y="6207"/>
                  </a:cxn>
                  <a:cxn ang="0">
                    <a:pos x="435" y="6293"/>
                  </a:cxn>
                  <a:cxn ang="0">
                    <a:pos x="273" y="6137"/>
                  </a:cxn>
                  <a:cxn ang="0">
                    <a:pos x="196" y="5815"/>
                  </a:cxn>
                  <a:cxn ang="0">
                    <a:pos x="243" y="5741"/>
                  </a:cxn>
                  <a:cxn ang="0">
                    <a:pos x="225" y="5579"/>
                  </a:cxn>
                  <a:cxn ang="0">
                    <a:pos x="112" y="5075"/>
                  </a:cxn>
                  <a:cxn ang="0">
                    <a:pos x="95" y="4833"/>
                  </a:cxn>
                  <a:cxn ang="0">
                    <a:pos x="20" y="4703"/>
                  </a:cxn>
                </a:cxnLst>
                <a:rect l="0" t="0" r="r" b="b"/>
                <a:pathLst>
                  <a:path w="2865" h="6317">
                    <a:moveTo>
                      <a:pt x="71" y="4961"/>
                    </a:moveTo>
                    <a:lnTo>
                      <a:pt x="70" y="4962"/>
                    </a:lnTo>
                    <a:lnTo>
                      <a:pt x="67" y="4964"/>
                    </a:lnTo>
                    <a:lnTo>
                      <a:pt x="64" y="4962"/>
                    </a:lnTo>
                    <a:lnTo>
                      <a:pt x="62" y="4961"/>
                    </a:lnTo>
                    <a:lnTo>
                      <a:pt x="58" y="4956"/>
                    </a:lnTo>
                    <a:lnTo>
                      <a:pt x="55" y="4951"/>
                    </a:lnTo>
                    <a:lnTo>
                      <a:pt x="53" y="4942"/>
                    </a:lnTo>
                    <a:lnTo>
                      <a:pt x="51" y="4931"/>
                    </a:lnTo>
                    <a:lnTo>
                      <a:pt x="67" y="4922"/>
                    </a:lnTo>
                    <a:lnTo>
                      <a:pt x="88" y="4910"/>
                    </a:lnTo>
                    <a:lnTo>
                      <a:pt x="93" y="4905"/>
                    </a:lnTo>
                    <a:lnTo>
                      <a:pt x="98" y="4900"/>
                    </a:lnTo>
                    <a:lnTo>
                      <a:pt x="105" y="4896"/>
                    </a:lnTo>
                    <a:lnTo>
                      <a:pt x="114" y="4895"/>
                    </a:lnTo>
                    <a:lnTo>
                      <a:pt x="115" y="4896"/>
                    </a:lnTo>
                    <a:lnTo>
                      <a:pt x="117" y="4899"/>
                    </a:lnTo>
                    <a:lnTo>
                      <a:pt x="117" y="4903"/>
                    </a:lnTo>
                    <a:lnTo>
                      <a:pt x="119" y="4908"/>
                    </a:lnTo>
                    <a:lnTo>
                      <a:pt x="120" y="4917"/>
                    </a:lnTo>
                    <a:lnTo>
                      <a:pt x="121" y="4925"/>
                    </a:lnTo>
                    <a:lnTo>
                      <a:pt x="123" y="4929"/>
                    </a:lnTo>
                    <a:lnTo>
                      <a:pt x="123" y="4931"/>
                    </a:lnTo>
                    <a:lnTo>
                      <a:pt x="120" y="4934"/>
                    </a:lnTo>
                    <a:lnTo>
                      <a:pt x="117" y="4936"/>
                    </a:lnTo>
                    <a:lnTo>
                      <a:pt x="102" y="4943"/>
                    </a:lnTo>
                    <a:lnTo>
                      <a:pt x="88" y="4951"/>
                    </a:lnTo>
                    <a:lnTo>
                      <a:pt x="71" y="4961"/>
                    </a:lnTo>
                    <a:close/>
                    <a:moveTo>
                      <a:pt x="1193" y="5817"/>
                    </a:moveTo>
                    <a:lnTo>
                      <a:pt x="1195" y="5800"/>
                    </a:lnTo>
                    <a:lnTo>
                      <a:pt x="1199" y="5784"/>
                    </a:lnTo>
                    <a:lnTo>
                      <a:pt x="1206" y="5765"/>
                    </a:lnTo>
                    <a:lnTo>
                      <a:pt x="1212" y="5746"/>
                    </a:lnTo>
                    <a:lnTo>
                      <a:pt x="1226" y="5708"/>
                    </a:lnTo>
                    <a:lnTo>
                      <a:pt x="1238" y="5675"/>
                    </a:lnTo>
                    <a:lnTo>
                      <a:pt x="1242" y="5657"/>
                    </a:lnTo>
                    <a:lnTo>
                      <a:pt x="1248" y="5642"/>
                    </a:lnTo>
                    <a:lnTo>
                      <a:pt x="1256" y="5629"/>
                    </a:lnTo>
                    <a:lnTo>
                      <a:pt x="1264" y="5618"/>
                    </a:lnTo>
                    <a:lnTo>
                      <a:pt x="1282" y="5593"/>
                    </a:lnTo>
                    <a:lnTo>
                      <a:pt x="1300" y="5566"/>
                    </a:lnTo>
                    <a:lnTo>
                      <a:pt x="1315" y="5530"/>
                    </a:lnTo>
                    <a:lnTo>
                      <a:pt x="1335" y="5475"/>
                    </a:lnTo>
                    <a:lnTo>
                      <a:pt x="1347" y="5448"/>
                    </a:lnTo>
                    <a:lnTo>
                      <a:pt x="1359" y="5425"/>
                    </a:lnTo>
                    <a:lnTo>
                      <a:pt x="1365" y="5416"/>
                    </a:lnTo>
                    <a:lnTo>
                      <a:pt x="1370" y="5409"/>
                    </a:lnTo>
                    <a:lnTo>
                      <a:pt x="1377" y="5404"/>
                    </a:lnTo>
                    <a:lnTo>
                      <a:pt x="1382" y="5403"/>
                    </a:lnTo>
                    <a:lnTo>
                      <a:pt x="1386" y="5404"/>
                    </a:lnTo>
                    <a:lnTo>
                      <a:pt x="1387" y="5405"/>
                    </a:lnTo>
                    <a:lnTo>
                      <a:pt x="1390" y="5409"/>
                    </a:lnTo>
                    <a:lnTo>
                      <a:pt x="1390" y="5413"/>
                    </a:lnTo>
                    <a:lnTo>
                      <a:pt x="1391" y="5423"/>
                    </a:lnTo>
                    <a:lnTo>
                      <a:pt x="1391" y="5435"/>
                    </a:lnTo>
                    <a:lnTo>
                      <a:pt x="1388" y="5448"/>
                    </a:lnTo>
                    <a:lnTo>
                      <a:pt x="1386" y="5460"/>
                    </a:lnTo>
                    <a:lnTo>
                      <a:pt x="1384" y="5470"/>
                    </a:lnTo>
                    <a:lnTo>
                      <a:pt x="1382" y="5475"/>
                    </a:lnTo>
                    <a:lnTo>
                      <a:pt x="1364" y="5508"/>
                    </a:lnTo>
                    <a:lnTo>
                      <a:pt x="1349" y="5541"/>
                    </a:lnTo>
                    <a:lnTo>
                      <a:pt x="1335" y="5576"/>
                    </a:lnTo>
                    <a:lnTo>
                      <a:pt x="1324" y="5610"/>
                    </a:lnTo>
                    <a:lnTo>
                      <a:pt x="1311" y="5645"/>
                    </a:lnTo>
                    <a:lnTo>
                      <a:pt x="1296" y="5679"/>
                    </a:lnTo>
                    <a:lnTo>
                      <a:pt x="1282" y="5712"/>
                    </a:lnTo>
                    <a:lnTo>
                      <a:pt x="1265" y="5745"/>
                    </a:lnTo>
                    <a:lnTo>
                      <a:pt x="1260" y="5754"/>
                    </a:lnTo>
                    <a:lnTo>
                      <a:pt x="1255" y="5765"/>
                    </a:lnTo>
                    <a:lnTo>
                      <a:pt x="1251" y="5778"/>
                    </a:lnTo>
                    <a:lnTo>
                      <a:pt x="1247" y="5793"/>
                    </a:lnTo>
                    <a:lnTo>
                      <a:pt x="1239" y="5824"/>
                    </a:lnTo>
                    <a:lnTo>
                      <a:pt x="1230" y="5856"/>
                    </a:lnTo>
                    <a:lnTo>
                      <a:pt x="1226" y="5872"/>
                    </a:lnTo>
                    <a:lnTo>
                      <a:pt x="1221" y="5886"/>
                    </a:lnTo>
                    <a:lnTo>
                      <a:pt x="1216" y="5900"/>
                    </a:lnTo>
                    <a:lnTo>
                      <a:pt x="1210" y="5913"/>
                    </a:lnTo>
                    <a:lnTo>
                      <a:pt x="1203" y="5923"/>
                    </a:lnTo>
                    <a:lnTo>
                      <a:pt x="1195" y="5933"/>
                    </a:lnTo>
                    <a:lnTo>
                      <a:pt x="1188" y="5940"/>
                    </a:lnTo>
                    <a:lnTo>
                      <a:pt x="1178" y="5944"/>
                    </a:lnTo>
                    <a:lnTo>
                      <a:pt x="1180" y="5922"/>
                    </a:lnTo>
                    <a:lnTo>
                      <a:pt x="1184" y="5901"/>
                    </a:lnTo>
                    <a:lnTo>
                      <a:pt x="1188" y="5879"/>
                    </a:lnTo>
                    <a:lnTo>
                      <a:pt x="1190" y="5859"/>
                    </a:lnTo>
                    <a:lnTo>
                      <a:pt x="1193" y="5817"/>
                    </a:lnTo>
                    <a:close/>
                    <a:moveTo>
                      <a:pt x="1641" y="5462"/>
                    </a:moveTo>
                    <a:lnTo>
                      <a:pt x="1638" y="5436"/>
                    </a:lnTo>
                    <a:lnTo>
                      <a:pt x="1636" y="5412"/>
                    </a:lnTo>
                    <a:lnTo>
                      <a:pt x="1636" y="5387"/>
                    </a:lnTo>
                    <a:lnTo>
                      <a:pt x="1637" y="5361"/>
                    </a:lnTo>
                    <a:lnTo>
                      <a:pt x="1640" y="5337"/>
                    </a:lnTo>
                    <a:lnTo>
                      <a:pt x="1646" y="5313"/>
                    </a:lnTo>
                    <a:lnTo>
                      <a:pt x="1650" y="5302"/>
                    </a:lnTo>
                    <a:lnTo>
                      <a:pt x="1654" y="5290"/>
                    </a:lnTo>
                    <a:lnTo>
                      <a:pt x="1659" y="5278"/>
                    </a:lnTo>
                    <a:lnTo>
                      <a:pt x="1666" y="5268"/>
                    </a:lnTo>
                    <a:lnTo>
                      <a:pt x="1672" y="5259"/>
                    </a:lnTo>
                    <a:lnTo>
                      <a:pt x="1680" y="5252"/>
                    </a:lnTo>
                    <a:lnTo>
                      <a:pt x="1688" y="5246"/>
                    </a:lnTo>
                    <a:lnTo>
                      <a:pt x="1697" y="5239"/>
                    </a:lnTo>
                    <a:lnTo>
                      <a:pt x="1704" y="5233"/>
                    </a:lnTo>
                    <a:lnTo>
                      <a:pt x="1714" y="5227"/>
                    </a:lnTo>
                    <a:lnTo>
                      <a:pt x="1720" y="5219"/>
                    </a:lnTo>
                    <a:lnTo>
                      <a:pt x="1726" y="5210"/>
                    </a:lnTo>
                    <a:lnTo>
                      <a:pt x="1734" y="5199"/>
                    </a:lnTo>
                    <a:lnTo>
                      <a:pt x="1739" y="5193"/>
                    </a:lnTo>
                    <a:lnTo>
                      <a:pt x="1742" y="5192"/>
                    </a:lnTo>
                    <a:lnTo>
                      <a:pt x="1745" y="5190"/>
                    </a:lnTo>
                    <a:lnTo>
                      <a:pt x="1747" y="5190"/>
                    </a:lnTo>
                    <a:lnTo>
                      <a:pt x="1750" y="5192"/>
                    </a:lnTo>
                    <a:lnTo>
                      <a:pt x="1761" y="5197"/>
                    </a:lnTo>
                    <a:lnTo>
                      <a:pt x="1777" y="5202"/>
                    </a:lnTo>
                    <a:lnTo>
                      <a:pt x="1781" y="5203"/>
                    </a:lnTo>
                    <a:lnTo>
                      <a:pt x="1785" y="5203"/>
                    </a:lnTo>
                    <a:lnTo>
                      <a:pt x="1787" y="5202"/>
                    </a:lnTo>
                    <a:lnTo>
                      <a:pt x="1791" y="5201"/>
                    </a:lnTo>
                    <a:lnTo>
                      <a:pt x="1796" y="5195"/>
                    </a:lnTo>
                    <a:lnTo>
                      <a:pt x="1802" y="5190"/>
                    </a:lnTo>
                    <a:lnTo>
                      <a:pt x="1809" y="5177"/>
                    </a:lnTo>
                    <a:lnTo>
                      <a:pt x="1818" y="5167"/>
                    </a:lnTo>
                    <a:lnTo>
                      <a:pt x="1824" y="5164"/>
                    </a:lnTo>
                    <a:lnTo>
                      <a:pt x="1828" y="5164"/>
                    </a:lnTo>
                    <a:lnTo>
                      <a:pt x="1830" y="5166"/>
                    </a:lnTo>
                    <a:lnTo>
                      <a:pt x="1834" y="5168"/>
                    </a:lnTo>
                    <a:lnTo>
                      <a:pt x="1838" y="5170"/>
                    </a:lnTo>
                    <a:lnTo>
                      <a:pt x="1840" y="5171"/>
                    </a:lnTo>
                    <a:lnTo>
                      <a:pt x="1844" y="5168"/>
                    </a:lnTo>
                    <a:lnTo>
                      <a:pt x="1850" y="5164"/>
                    </a:lnTo>
                    <a:lnTo>
                      <a:pt x="1860" y="5153"/>
                    </a:lnTo>
                    <a:lnTo>
                      <a:pt x="1872" y="5142"/>
                    </a:lnTo>
                    <a:lnTo>
                      <a:pt x="1883" y="5135"/>
                    </a:lnTo>
                    <a:lnTo>
                      <a:pt x="1892" y="5129"/>
                    </a:lnTo>
                    <a:lnTo>
                      <a:pt x="1896" y="5129"/>
                    </a:lnTo>
                    <a:lnTo>
                      <a:pt x="1899" y="5131"/>
                    </a:lnTo>
                    <a:lnTo>
                      <a:pt x="1900" y="5132"/>
                    </a:lnTo>
                    <a:lnTo>
                      <a:pt x="1899" y="5136"/>
                    </a:lnTo>
                    <a:lnTo>
                      <a:pt x="1897" y="5141"/>
                    </a:lnTo>
                    <a:lnTo>
                      <a:pt x="1892" y="5149"/>
                    </a:lnTo>
                    <a:lnTo>
                      <a:pt x="1887" y="5158"/>
                    </a:lnTo>
                    <a:lnTo>
                      <a:pt x="1878" y="5168"/>
                    </a:lnTo>
                    <a:lnTo>
                      <a:pt x="1866" y="5188"/>
                    </a:lnTo>
                    <a:lnTo>
                      <a:pt x="1855" y="5210"/>
                    </a:lnTo>
                    <a:lnTo>
                      <a:pt x="1848" y="5220"/>
                    </a:lnTo>
                    <a:lnTo>
                      <a:pt x="1843" y="5230"/>
                    </a:lnTo>
                    <a:lnTo>
                      <a:pt x="1837" y="5239"/>
                    </a:lnTo>
                    <a:lnTo>
                      <a:pt x="1829" y="5246"/>
                    </a:lnTo>
                    <a:lnTo>
                      <a:pt x="1825" y="5250"/>
                    </a:lnTo>
                    <a:lnTo>
                      <a:pt x="1821" y="5256"/>
                    </a:lnTo>
                    <a:lnTo>
                      <a:pt x="1817" y="5264"/>
                    </a:lnTo>
                    <a:lnTo>
                      <a:pt x="1815" y="5273"/>
                    </a:lnTo>
                    <a:lnTo>
                      <a:pt x="1811" y="5294"/>
                    </a:lnTo>
                    <a:lnTo>
                      <a:pt x="1809" y="5316"/>
                    </a:lnTo>
                    <a:lnTo>
                      <a:pt x="1809" y="5338"/>
                    </a:lnTo>
                    <a:lnTo>
                      <a:pt x="1813" y="5357"/>
                    </a:lnTo>
                    <a:lnTo>
                      <a:pt x="1816" y="5366"/>
                    </a:lnTo>
                    <a:lnTo>
                      <a:pt x="1818" y="5374"/>
                    </a:lnTo>
                    <a:lnTo>
                      <a:pt x="1822" y="5379"/>
                    </a:lnTo>
                    <a:lnTo>
                      <a:pt x="1826" y="5385"/>
                    </a:lnTo>
                    <a:lnTo>
                      <a:pt x="1833" y="5390"/>
                    </a:lnTo>
                    <a:lnTo>
                      <a:pt x="1838" y="5396"/>
                    </a:lnTo>
                    <a:lnTo>
                      <a:pt x="1839" y="5400"/>
                    </a:lnTo>
                    <a:lnTo>
                      <a:pt x="1839" y="5405"/>
                    </a:lnTo>
                    <a:lnTo>
                      <a:pt x="1837" y="5409"/>
                    </a:lnTo>
                    <a:lnTo>
                      <a:pt x="1833" y="5414"/>
                    </a:lnTo>
                    <a:lnTo>
                      <a:pt x="1828" y="5418"/>
                    </a:lnTo>
                    <a:lnTo>
                      <a:pt x="1821" y="5423"/>
                    </a:lnTo>
                    <a:lnTo>
                      <a:pt x="1815" y="5427"/>
                    </a:lnTo>
                    <a:lnTo>
                      <a:pt x="1809" y="5432"/>
                    </a:lnTo>
                    <a:lnTo>
                      <a:pt x="1806" y="5439"/>
                    </a:lnTo>
                    <a:lnTo>
                      <a:pt x="1802" y="5444"/>
                    </a:lnTo>
                    <a:lnTo>
                      <a:pt x="1796" y="5456"/>
                    </a:lnTo>
                    <a:lnTo>
                      <a:pt x="1791" y="5467"/>
                    </a:lnTo>
                    <a:lnTo>
                      <a:pt x="1786" y="5479"/>
                    </a:lnTo>
                    <a:lnTo>
                      <a:pt x="1778" y="5489"/>
                    </a:lnTo>
                    <a:lnTo>
                      <a:pt x="1774" y="5495"/>
                    </a:lnTo>
                    <a:lnTo>
                      <a:pt x="1768" y="5500"/>
                    </a:lnTo>
                    <a:lnTo>
                      <a:pt x="1761" y="5504"/>
                    </a:lnTo>
                    <a:lnTo>
                      <a:pt x="1754" y="5509"/>
                    </a:lnTo>
                    <a:lnTo>
                      <a:pt x="1746" y="5513"/>
                    </a:lnTo>
                    <a:lnTo>
                      <a:pt x="1738" y="5519"/>
                    </a:lnTo>
                    <a:lnTo>
                      <a:pt x="1732" y="5526"/>
                    </a:lnTo>
                    <a:lnTo>
                      <a:pt x="1726" y="5532"/>
                    </a:lnTo>
                    <a:lnTo>
                      <a:pt x="1715" y="5549"/>
                    </a:lnTo>
                    <a:lnTo>
                      <a:pt x="1706" y="5567"/>
                    </a:lnTo>
                    <a:lnTo>
                      <a:pt x="1697" y="5585"/>
                    </a:lnTo>
                    <a:lnTo>
                      <a:pt x="1686" y="5602"/>
                    </a:lnTo>
                    <a:lnTo>
                      <a:pt x="1681" y="5610"/>
                    </a:lnTo>
                    <a:lnTo>
                      <a:pt x="1676" y="5616"/>
                    </a:lnTo>
                    <a:lnTo>
                      <a:pt x="1669" y="5623"/>
                    </a:lnTo>
                    <a:lnTo>
                      <a:pt x="1662" y="5628"/>
                    </a:lnTo>
                    <a:lnTo>
                      <a:pt x="1655" y="5632"/>
                    </a:lnTo>
                    <a:lnTo>
                      <a:pt x="1650" y="5635"/>
                    </a:lnTo>
                    <a:lnTo>
                      <a:pt x="1646" y="5637"/>
                    </a:lnTo>
                    <a:lnTo>
                      <a:pt x="1642" y="5637"/>
                    </a:lnTo>
                    <a:lnTo>
                      <a:pt x="1641" y="5636"/>
                    </a:lnTo>
                    <a:lnTo>
                      <a:pt x="1640" y="5635"/>
                    </a:lnTo>
                    <a:lnTo>
                      <a:pt x="1640" y="5632"/>
                    </a:lnTo>
                    <a:lnTo>
                      <a:pt x="1640" y="5629"/>
                    </a:lnTo>
                    <a:lnTo>
                      <a:pt x="1645" y="5613"/>
                    </a:lnTo>
                    <a:lnTo>
                      <a:pt x="1653" y="5596"/>
                    </a:lnTo>
                    <a:lnTo>
                      <a:pt x="1659" y="5581"/>
                    </a:lnTo>
                    <a:lnTo>
                      <a:pt x="1662" y="5571"/>
                    </a:lnTo>
                    <a:lnTo>
                      <a:pt x="1662" y="5563"/>
                    </a:lnTo>
                    <a:lnTo>
                      <a:pt x="1660" y="5557"/>
                    </a:lnTo>
                    <a:lnTo>
                      <a:pt x="1653" y="5544"/>
                    </a:lnTo>
                    <a:lnTo>
                      <a:pt x="1641" y="5522"/>
                    </a:lnTo>
                    <a:lnTo>
                      <a:pt x="1641" y="5462"/>
                    </a:lnTo>
                    <a:close/>
                    <a:moveTo>
                      <a:pt x="76" y="4524"/>
                    </a:moveTo>
                    <a:lnTo>
                      <a:pt x="120" y="4556"/>
                    </a:lnTo>
                    <a:lnTo>
                      <a:pt x="127" y="4553"/>
                    </a:lnTo>
                    <a:lnTo>
                      <a:pt x="130" y="4552"/>
                    </a:lnTo>
                    <a:lnTo>
                      <a:pt x="133" y="4549"/>
                    </a:lnTo>
                    <a:lnTo>
                      <a:pt x="138" y="4544"/>
                    </a:lnTo>
                    <a:lnTo>
                      <a:pt x="138" y="4522"/>
                    </a:lnTo>
                    <a:lnTo>
                      <a:pt x="139" y="4501"/>
                    </a:lnTo>
                    <a:lnTo>
                      <a:pt x="142" y="4482"/>
                    </a:lnTo>
                    <a:lnTo>
                      <a:pt x="145" y="4461"/>
                    </a:lnTo>
                    <a:lnTo>
                      <a:pt x="149" y="4442"/>
                    </a:lnTo>
                    <a:lnTo>
                      <a:pt x="154" y="4422"/>
                    </a:lnTo>
                    <a:lnTo>
                      <a:pt x="159" y="4403"/>
                    </a:lnTo>
                    <a:lnTo>
                      <a:pt x="164" y="4383"/>
                    </a:lnTo>
                    <a:lnTo>
                      <a:pt x="177" y="4346"/>
                    </a:lnTo>
                    <a:lnTo>
                      <a:pt x="193" y="4308"/>
                    </a:lnTo>
                    <a:lnTo>
                      <a:pt x="209" y="4271"/>
                    </a:lnTo>
                    <a:lnTo>
                      <a:pt x="228" y="4234"/>
                    </a:lnTo>
                    <a:lnTo>
                      <a:pt x="237" y="4214"/>
                    </a:lnTo>
                    <a:lnTo>
                      <a:pt x="246" y="4195"/>
                    </a:lnTo>
                    <a:lnTo>
                      <a:pt x="251" y="4186"/>
                    </a:lnTo>
                    <a:lnTo>
                      <a:pt x="257" y="4177"/>
                    </a:lnTo>
                    <a:lnTo>
                      <a:pt x="264" y="4169"/>
                    </a:lnTo>
                    <a:lnTo>
                      <a:pt x="273" y="4162"/>
                    </a:lnTo>
                    <a:lnTo>
                      <a:pt x="290" y="4150"/>
                    </a:lnTo>
                    <a:lnTo>
                      <a:pt x="305" y="4136"/>
                    </a:lnTo>
                    <a:lnTo>
                      <a:pt x="318" y="4123"/>
                    </a:lnTo>
                    <a:lnTo>
                      <a:pt x="331" y="4109"/>
                    </a:lnTo>
                    <a:lnTo>
                      <a:pt x="342" y="4094"/>
                    </a:lnTo>
                    <a:lnTo>
                      <a:pt x="352" y="4080"/>
                    </a:lnTo>
                    <a:lnTo>
                      <a:pt x="360" y="4065"/>
                    </a:lnTo>
                    <a:lnTo>
                      <a:pt x="368" y="4049"/>
                    </a:lnTo>
                    <a:lnTo>
                      <a:pt x="375" y="4032"/>
                    </a:lnTo>
                    <a:lnTo>
                      <a:pt x="380" y="4015"/>
                    </a:lnTo>
                    <a:lnTo>
                      <a:pt x="387" y="3998"/>
                    </a:lnTo>
                    <a:lnTo>
                      <a:pt x="392" y="3980"/>
                    </a:lnTo>
                    <a:lnTo>
                      <a:pt x="400" y="3944"/>
                    </a:lnTo>
                    <a:lnTo>
                      <a:pt x="409" y="3904"/>
                    </a:lnTo>
                    <a:lnTo>
                      <a:pt x="414" y="3894"/>
                    </a:lnTo>
                    <a:lnTo>
                      <a:pt x="419" y="3884"/>
                    </a:lnTo>
                    <a:lnTo>
                      <a:pt x="422" y="3874"/>
                    </a:lnTo>
                    <a:lnTo>
                      <a:pt x="425" y="3866"/>
                    </a:lnTo>
                    <a:lnTo>
                      <a:pt x="427" y="3857"/>
                    </a:lnTo>
                    <a:lnTo>
                      <a:pt x="428" y="3850"/>
                    </a:lnTo>
                    <a:lnTo>
                      <a:pt x="428" y="3842"/>
                    </a:lnTo>
                    <a:lnTo>
                      <a:pt x="427" y="3834"/>
                    </a:lnTo>
                    <a:lnTo>
                      <a:pt x="425" y="3818"/>
                    </a:lnTo>
                    <a:lnTo>
                      <a:pt x="421" y="3802"/>
                    </a:lnTo>
                    <a:lnTo>
                      <a:pt x="414" y="3783"/>
                    </a:lnTo>
                    <a:lnTo>
                      <a:pt x="406" y="3761"/>
                    </a:lnTo>
                    <a:lnTo>
                      <a:pt x="401" y="3743"/>
                    </a:lnTo>
                    <a:lnTo>
                      <a:pt x="397" y="3725"/>
                    </a:lnTo>
                    <a:lnTo>
                      <a:pt x="393" y="3708"/>
                    </a:lnTo>
                    <a:lnTo>
                      <a:pt x="392" y="3690"/>
                    </a:lnTo>
                    <a:lnTo>
                      <a:pt x="390" y="3655"/>
                    </a:lnTo>
                    <a:lnTo>
                      <a:pt x="387" y="3619"/>
                    </a:lnTo>
                    <a:lnTo>
                      <a:pt x="387" y="3611"/>
                    </a:lnTo>
                    <a:lnTo>
                      <a:pt x="388" y="3606"/>
                    </a:lnTo>
                    <a:lnTo>
                      <a:pt x="390" y="3601"/>
                    </a:lnTo>
                    <a:lnTo>
                      <a:pt x="393" y="3596"/>
                    </a:lnTo>
                    <a:lnTo>
                      <a:pt x="397" y="3592"/>
                    </a:lnTo>
                    <a:lnTo>
                      <a:pt x="402" y="3588"/>
                    </a:lnTo>
                    <a:lnTo>
                      <a:pt x="408" y="3585"/>
                    </a:lnTo>
                    <a:lnTo>
                      <a:pt x="414" y="3583"/>
                    </a:lnTo>
                    <a:lnTo>
                      <a:pt x="440" y="3574"/>
                    </a:lnTo>
                    <a:lnTo>
                      <a:pt x="463" y="3565"/>
                    </a:lnTo>
                    <a:lnTo>
                      <a:pt x="470" y="3559"/>
                    </a:lnTo>
                    <a:lnTo>
                      <a:pt x="475" y="3553"/>
                    </a:lnTo>
                    <a:lnTo>
                      <a:pt x="480" y="3544"/>
                    </a:lnTo>
                    <a:lnTo>
                      <a:pt x="484" y="3536"/>
                    </a:lnTo>
                    <a:lnTo>
                      <a:pt x="488" y="3526"/>
                    </a:lnTo>
                    <a:lnTo>
                      <a:pt x="491" y="3515"/>
                    </a:lnTo>
                    <a:lnTo>
                      <a:pt x="493" y="3504"/>
                    </a:lnTo>
                    <a:lnTo>
                      <a:pt x="494" y="3492"/>
                    </a:lnTo>
                    <a:lnTo>
                      <a:pt x="496" y="3469"/>
                    </a:lnTo>
                    <a:lnTo>
                      <a:pt x="494" y="3447"/>
                    </a:lnTo>
                    <a:lnTo>
                      <a:pt x="494" y="3436"/>
                    </a:lnTo>
                    <a:lnTo>
                      <a:pt x="492" y="3427"/>
                    </a:lnTo>
                    <a:lnTo>
                      <a:pt x="489" y="3418"/>
                    </a:lnTo>
                    <a:lnTo>
                      <a:pt x="487" y="3410"/>
                    </a:lnTo>
                    <a:lnTo>
                      <a:pt x="480" y="3397"/>
                    </a:lnTo>
                    <a:lnTo>
                      <a:pt x="474" y="3386"/>
                    </a:lnTo>
                    <a:lnTo>
                      <a:pt x="466" y="3377"/>
                    </a:lnTo>
                    <a:lnTo>
                      <a:pt x="457" y="3368"/>
                    </a:lnTo>
                    <a:lnTo>
                      <a:pt x="440" y="3351"/>
                    </a:lnTo>
                    <a:lnTo>
                      <a:pt x="423" y="3335"/>
                    </a:lnTo>
                    <a:lnTo>
                      <a:pt x="415" y="3327"/>
                    </a:lnTo>
                    <a:lnTo>
                      <a:pt x="408" y="3318"/>
                    </a:lnTo>
                    <a:lnTo>
                      <a:pt x="401" y="3309"/>
                    </a:lnTo>
                    <a:lnTo>
                      <a:pt x="396" y="3299"/>
                    </a:lnTo>
                    <a:lnTo>
                      <a:pt x="391" y="3287"/>
                    </a:lnTo>
                    <a:lnTo>
                      <a:pt x="387" y="3273"/>
                    </a:lnTo>
                    <a:lnTo>
                      <a:pt x="386" y="3259"/>
                    </a:lnTo>
                    <a:lnTo>
                      <a:pt x="384" y="3242"/>
                    </a:lnTo>
                    <a:lnTo>
                      <a:pt x="388" y="3223"/>
                    </a:lnTo>
                    <a:lnTo>
                      <a:pt x="395" y="3204"/>
                    </a:lnTo>
                    <a:lnTo>
                      <a:pt x="404" y="3185"/>
                    </a:lnTo>
                    <a:lnTo>
                      <a:pt x="412" y="3167"/>
                    </a:lnTo>
                    <a:lnTo>
                      <a:pt x="421" y="3149"/>
                    </a:lnTo>
                    <a:lnTo>
                      <a:pt x="427" y="3132"/>
                    </a:lnTo>
                    <a:lnTo>
                      <a:pt x="430" y="3123"/>
                    </a:lnTo>
                    <a:lnTo>
                      <a:pt x="432" y="3114"/>
                    </a:lnTo>
                    <a:lnTo>
                      <a:pt x="434" y="3105"/>
                    </a:lnTo>
                    <a:lnTo>
                      <a:pt x="435" y="3096"/>
                    </a:lnTo>
                    <a:lnTo>
                      <a:pt x="435" y="3070"/>
                    </a:lnTo>
                    <a:lnTo>
                      <a:pt x="434" y="3042"/>
                    </a:lnTo>
                    <a:lnTo>
                      <a:pt x="431" y="3014"/>
                    </a:lnTo>
                    <a:lnTo>
                      <a:pt x="427" y="2987"/>
                    </a:lnTo>
                    <a:lnTo>
                      <a:pt x="425" y="2960"/>
                    </a:lnTo>
                    <a:lnTo>
                      <a:pt x="421" y="2931"/>
                    </a:lnTo>
                    <a:lnTo>
                      <a:pt x="419" y="2904"/>
                    </a:lnTo>
                    <a:lnTo>
                      <a:pt x="418" y="2875"/>
                    </a:lnTo>
                    <a:lnTo>
                      <a:pt x="419" y="2846"/>
                    </a:lnTo>
                    <a:lnTo>
                      <a:pt x="423" y="2816"/>
                    </a:lnTo>
                    <a:lnTo>
                      <a:pt x="427" y="2785"/>
                    </a:lnTo>
                    <a:lnTo>
                      <a:pt x="428" y="2755"/>
                    </a:lnTo>
                    <a:lnTo>
                      <a:pt x="428" y="2720"/>
                    </a:lnTo>
                    <a:lnTo>
                      <a:pt x="425" y="2685"/>
                    </a:lnTo>
                    <a:lnTo>
                      <a:pt x="425" y="2668"/>
                    </a:lnTo>
                    <a:lnTo>
                      <a:pt x="425" y="2650"/>
                    </a:lnTo>
                    <a:lnTo>
                      <a:pt x="426" y="2633"/>
                    </a:lnTo>
                    <a:lnTo>
                      <a:pt x="428" y="2615"/>
                    </a:lnTo>
                    <a:lnTo>
                      <a:pt x="443" y="2590"/>
                    </a:lnTo>
                    <a:lnTo>
                      <a:pt x="457" y="2564"/>
                    </a:lnTo>
                    <a:lnTo>
                      <a:pt x="471" y="2535"/>
                    </a:lnTo>
                    <a:lnTo>
                      <a:pt x="485" y="2505"/>
                    </a:lnTo>
                    <a:lnTo>
                      <a:pt x="500" y="2474"/>
                    </a:lnTo>
                    <a:lnTo>
                      <a:pt x="515" y="2443"/>
                    </a:lnTo>
                    <a:lnTo>
                      <a:pt x="531" y="2412"/>
                    </a:lnTo>
                    <a:lnTo>
                      <a:pt x="549" y="2382"/>
                    </a:lnTo>
                    <a:lnTo>
                      <a:pt x="558" y="2369"/>
                    </a:lnTo>
                    <a:lnTo>
                      <a:pt x="567" y="2355"/>
                    </a:lnTo>
                    <a:lnTo>
                      <a:pt x="576" y="2342"/>
                    </a:lnTo>
                    <a:lnTo>
                      <a:pt x="586" y="2330"/>
                    </a:lnTo>
                    <a:lnTo>
                      <a:pt x="597" y="2318"/>
                    </a:lnTo>
                    <a:lnTo>
                      <a:pt x="608" y="2308"/>
                    </a:lnTo>
                    <a:lnTo>
                      <a:pt x="619" y="2299"/>
                    </a:lnTo>
                    <a:lnTo>
                      <a:pt x="632" y="2291"/>
                    </a:lnTo>
                    <a:lnTo>
                      <a:pt x="643" y="2283"/>
                    </a:lnTo>
                    <a:lnTo>
                      <a:pt x="656" y="2278"/>
                    </a:lnTo>
                    <a:lnTo>
                      <a:pt x="671" y="2273"/>
                    </a:lnTo>
                    <a:lnTo>
                      <a:pt x="684" y="2270"/>
                    </a:lnTo>
                    <a:lnTo>
                      <a:pt x="699" y="2269"/>
                    </a:lnTo>
                    <a:lnTo>
                      <a:pt x="715" y="2269"/>
                    </a:lnTo>
                    <a:lnTo>
                      <a:pt x="730" y="2270"/>
                    </a:lnTo>
                    <a:lnTo>
                      <a:pt x="747" y="2274"/>
                    </a:lnTo>
                    <a:lnTo>
                      <a:pt x="770" y="2279"/>
                    </a:lnTo>
                    <a:lnTo>
                      <a:pt x="792" y="2283"/>
                    </a:lnTo>
                    <a:lnTo>
                      <a:pt x="812" y="2286"/>
                    </a:lnTo>
                    <a:lnTo>
                      <a:pt x="829" y="2286"/>
                    </a:lnTo>
                    <a:lnTo>
                      <a:pt x="843" y="2285"/>
                    </a:lnTo>
                    <a:lnTo>
                      <a:pt x="856" y="2282"/>
                    </a:lnTo>
                    <a:lnTo>
                      <a:pt x="866" y="2277"/>
                    </a:lnTo>
                    <a:lnTo>
                      <a:pt x="874" y="2272"/>
                    </a:lnTo>
                    <a:lnTo>
                      <a:pt x="882" y="2265"/>
                    </a:lnTo>
                    <a:lnTo>
                      <a:pt x="887" y="2256"/>
                    </a:lnTo>
                    <a:lnTo>
                      <a:pt x="891" y="2247"/>
                    </a:lnTo>
                    <a:lnTo>
                      <a:pt x="893" y="2237"/>
                    </a:lnTo>
                    <a:lnTo>
                      <a:pt x="895" y="2225"/>
                    </a:lnTo>
                    <a:lnTo>
                      <a:pt x="896" y="2213"/>
                    </a:lnTo>
                    <a:lnTo>
                      <a:pt x="895" y="2200"/>
                    </a:lnTo>
                    <a:lnTo>
                      <a:pt x="893" y="2187"/>
                    </a:lnTo>
                    <a:lnTo>
                      <a:pt x="884" y="2128"/>
                    </a:lnTo>
                    <a:lnTo>
                      <a:pt x="873" y="2064"/>
                    </a:lnTo>
                    <a:lnTo>
                      <a:pt x="871" y="2049"/>
                    </a:lnTo>
                    <a:lnTo>
                      <a:pt x="870" y="2033"/>
                    </a:lnTo>
                    <a:lnTo>
                      <a:pt x="869" y="2018"/>
                    </a:lnTo>
                    <a:lnTo>
                      <a:pt x="869" y="2002"/>
                    </a:lnTo>
                    <a:lnTo>
                      <a:pt x="870" y="1988"/>
                    </a:lnTo>
                    <a:lnTo>
                      <a:pt x="871" y="1974"/>
                    </a:lnTo>
                    <a:lnTo>
                      <a:pt x="875" y="1959"/>
                    </a:lnTo>
                    <a:lnTo>
                      <a:pt x="881" y="1947"/>
                    </a:lnTo>
                    <a:lnTo>
                      <a:pt x="903" y="1912"/>
                    </a:lnTo>
                    <a:lnTo>
                      <a:pt x="925" y="1877"/>
                    </a:lnTo>
                    <a:lnTo>
                      <a:pt x="945" y="1842"/>
                    </a:lnTo>
                    <a:lnTo>
                      <a:pt x="965" y="1807"/>
                    </a:lnTo>
                    <a:lnTo>
                      <a:pt x="974" y="1788"/>
                    </a:lnTo>
                    <a:lnTo>
                      <a:pt x="982" y="1770"/>
                    </a:lnTo>
                    <a:lnTo>
                      <a:pt x="988" y="1751"/>
                    </a:lnTo>
                    <a:lnTo>
                      <a:pt x="995" y="1733"/>
                    </a:lnTo>
                    <a:lnTo>
                      <a:pt x="1000" y="1713"/>
                    </a:lnTo>
                    <a:lnTo>
                      <a:pt x="1004" y="1693"/>
                    </a:lnTo>
                    <a:lnTo>
                      <a:pt x="1006" y="1672"/>
                    </a:lnTo>
                    <a:lnTo>
                      <a:pt x="1007" y="1651"/>
                    </a:lnTo>
                    <a:lnTo>
                      <a:pt x="1009" y="1608"/>
                    </a:lnTo>
                    <a:lnTo>
                      <a:pt x="1009" y="1566"/>
                    </a:lnTo>
                    <a:lnTo>
                      <a:pt x="1010" y="1545"/>
                    </a:lnTo>
                    <a:lnTo>
                      <a:pt x="1013" y="1524"/>
                    </a:lnTo>
                    <a:lnTo>
                      <a:pt x="1015" y="1504"/>
                    </a:lnTo>
                    <a:lnTo>
                      <a:pt x="1018" y="1481"/>
                    </a:lnTo>
                    <a:lnTo>
                      <a:pt x="1023" y="1457"/>
                    </a:lnTo>
                    <a:lnTo>
                      <a:pt x="1030" y="1432"/>
                    </a:lnTo>
                    <a:lnTo>
                      <a:pt x="1036" y="1406"/>
                    </a:lnTo>
                    <a:lnTo>
                      <a:pt x="1044" y="1383"/>
                    </a:lnTo>
                    <a:lnTo>
                      <a:pt x="1050" y="1358"/>
                    </a:lnTo>
                    <a:lnTo>
                      <a:pt x="1058" y="1334"/>
                    </a:lnTo>
                    <a:lnTo>
                      <a:pt x="1064" y="1309"/>
                    </a:lnTo>
                    <a:lnTo>
                      <a:pt x="1070" y="1283"/>
                    </a:lnTo>
                    <a:lnTo>
                      <a:pt x="1124" y="1268"/>
                    </a:lnTo>
                    <a:lnTo>
                      <a:pt x="1173" y="1252"/>
                    </a:lnTo>
                    <a:lnTo>
                      <a:pt x="1184" y="1247"/>
                    </a:lnTo>
                    <a:lnTo>
                      <a:pt x="1193" y="1241"/>
                    </a:lnTo>
                    <a:lnTo>
                      <a:pt x="1202" y="1234"/>
                    </a:lnTo>
                    <a:lnTo>
                      <a:pt x="1208" y="1225"/>
                    </a:lnTo>
                    <a:lnTo>
                      <a:pt x="1215" y="1215"/>
                    </a:lnTo>
                    <a:lnTo>
                      <a:pt x="1220" y="1203"/>
                    </a:lnTo>
                    <a:lnTo>
                      <a:pt x="1224" y="1189"/>
                    </a:lnTo>
                    <a:lnTo>
                      <a:pt x="1225" y="1172"/>
                    </a:lnTo>
                    <a:lnTo>
                      <a:pt x="1226" y="1156"/>
                    </a:lnTo>
                    <a:lnTo>
                      <a:pt x="1230" y="1143"/>
                    </a:lnTo>
                    <a:lnTo>
                      <a:pt x="1234" y="1132"/>
                    </a:lnTo>
                    <a:lnTo>
                      <a:pt x="1238" y="1123"/>
                    </a:lnTo>
                    <a:lnTo>
                      <a:pt x="1245" y="1114"/>
                    </a:lnTo>
                    <a:lnTo>
                      <a:pt x="1251" y="1106"/>
                    </a:lnTo>
                    <a:lnTo>
                      <a:pt x="1259" y="1099"/>
                    </a:lnTo>
                    <a:lnTo>
                      <a:pt x="1267" y="1094"/>
                    </a:lnTo>
                    <a:lnTo>
                      <a:pt x="1283" y="1082"/>
                    </a:lnTo>
                    <a:lnTo>
                      <a:pt x="1300" y="1071"/>
                    </a:lnTo>
                    <a:lnTo>
                      <a:pt x="1309" y="1063"/>
                    </a:lnTo>
                    <a:lnTo>
                      <a:pt x="1317" y="1055"/>
                    </a:lnTo>
                    <a:lnTo>
                      <a:pt x="1326" y="1048"/>
                    </a:lnTo>
                    <a:lnTo>
                      <a:pt x="1334" y="1037"/>
                    </a:lnTo>
                    <a:lnTo>
                      <a:pt x="1352" y="1010"/>
                    </a:lnTo>
                    <a:lnTo>
                      <a:pt x="1368" y="983"/>
                    </a:lnTo>
                    <a:lnTo>
                      <a:pt x="1382" y="956"/>
                    </a:lnTo>
                    <a:lnTo>
                      <a:pt x="1394" y="930"/>
                    </a:lnTo>
                    <a:lnTo>
                      <a:pt x="1399" y="915"/>
                    </a:lnTo>
                    <a:lnTo>
                      <a:pt x="1403" y="901"/>
                    </a:lnTo>
                    <a:lnTo>
                      <a:pt x="1406" y="887"/>
                    </a:lnTo>
                    <a:lnTo>
                      <a:pt x="1410" y="873"/>
                    </a:lnTo>
                    <a:lnTo>
                      <a:pt x="1413" y="857"/>
                    </a:lnTo>
                    <a:lnTo>
                      <a:pt x="1414" y="842"/>
                    </a:lnTo>
                    <a:lnTo>
                      <a:pt x="1416" y="825"/>
                    </a:lnTo>
                    <a:lnTo>
                      <a:pt x="1416" y="808"/>
                    </a:lnTo>
                    <a:lnTo>
                      <a:pt x="1416" y="788"/>
                    </a:lnTo>
                    <a:lnTo>
                      <a:pt x="1417" y="770"/>
                    </a:lnTo>
                    <a:lnTo>
                      <a:pt x="1418" y="753"/>
                    </a:lnTo>
                    <a:lnTo>
                      <a:pt x="1419" y="738"/>
                    </a:lnTo>
                    <a:lnTo>
                      <a:pt x="1422" y="724"/>
                    </a:lnTo>
                    <a:lnTo>
                      <a:pt x="1426" y="711"/>
                    </a:lnTo>
                    <a:lnTo>
                      <a:pt x="1430" y="698"/>
                    </a:lnTo>
                    <a:lnTo>
                      <a:pt x="1435" y="686"/>
                    </a:lnTo>
                    <a:lnTo>
                      <a:pt x="1440" y="676"/>
                    </a:lnTo>
                    <a:lnTo>
                      <a:pt x="1448" y="664"/>
                    </a:lnTo>
                    <a:lnTo>
                      <a:pt x="1456" y="652"/>
                    </a:lnTo>
                    <a:lnTo>
                      <a:pt x="1465" y="641"/>
                    </a:lnTo>
                    <a:lnTo>
                      <a:pt x="1487" y="617"/>
                    </a:lnTo>
                    <a:lnTo>
                      <a:pt x="1514" y="589"/>
                    </a:lnTo>
                    <a:lnTo>
                      <a:pt x="1522" y="584"/>
                    </a:lnTo>
                    <a:lnTo>
                      <a:pt x="1530" y="577"/>
                    </a:lnTo>
                    <a:lnTo>
                      <a:pt x="1536" y="571"/>
                    </a:lnTo>
                    <a:lnTo>
                      <a:pt x="1543" y="562"/>
                    </a:lnTo>
                    <a:lnTo>
                      <a:pt x="1554" y="544"/>
                    </a:lnTo>
                    <a:lnTo>
                      <a:pt x="1566" y="524"/>
                    </a:lnTo>
                    <a:lnTo>
                      <a:pt x="1579" y="506"/>
                    </a:lnTo>
                    <a:lnTo>
                      <a:pt x="1592" y="489"/>
                    </a:lnTo>
                    <a:lnTo>
                      <a:pt x="1598" y="481"/>
                    </a:lnTo>
                    <a:lnTo>
                      <a:pt x="1606" y="475"/>
                    </a:lnTo>
                    <a:lnTo>
                      <a:pt x="1614" y="470"/>
                    </a:lnTo>
                    <a:lnTo>
                      <a:pt x="1622" y="467"/>
                    </a:lnTo>
                    <a:lnTo>
                      <a:pt x="1629" y="465"/>
                    </a:lnTo>
                    <a:lnTo>
                      <a:pt x="1636" y="465"/>
                    </a:lnTo>
                    <a:lnTo>
                      <a:pt x="1642" y="465"/>
                    </a:lnTo>
                    <a:lnTo>
                      <a:pt x="1649" y="467"/>
                    </a:lnTo>
                    <a:lnTo>
                      <a:pt x="1660" y="472"/>
                    </a:lnTo>
                    <a:lnTo>
                      <a:pt x="1672" y="481"/>
                    </a:lnTo>
                    <a:lnTo>
                      <a:pt x="1684" y="490"/>
                    </a:lnTo>
                    <a:lnTo>
                      <a:pt x="1695" y="498"/>
                    </a:lnTo>
                    <a:lnTo>
                      <a:pt x="1701" y="502"/>
                    </a:lnTo>
                    <a:lnTo>
                      <a:pt x="1707" y="505"/>
                    </a:lnTo>
                    <a:lnTo>
                      <a:pt x="1714" y="507"/>
                    </a:lnTo>
                    <a:lnTo>
                      <a:pt x="1721" y="509"/>
                    </a:lnTo>
                    <a:lnTo>
                      <a:pt x="1725" y="507"/>
                    </a:lnTo>
                    <a:lnTo>
                      <a:pt x="1730" y="506"/>
                    </a:lnTo>
                    <a:lnTo>
                      <a:pt x="1734" y="503"/>
                    </a:lnTo>
                    <a:lnTo>
                      <a:pt x="1738" y="501"/>
                    </a:lnTo>
                    <a:lnTo>
                      <a:pt x="1746" y="490"/>
                    </a:lnTo>
                    <a:lnTo>
                      <a:pt x="1752" y="478"/>
                    </a:lnTo>
                    <a:lnTo>
                      <a:pt x="1759" y="462"/>
                    </a:lnTo>
                    <a:lnTo>
                      <a:pt x="1765" y="444"/>
                    </a:lnTo>
                    <a:lnTo>
                      <a:pt x="1772" y="424"/>
                    </a:lnTo>
                    <a:lnTo>
                      <a:pt x="1777" y="405"/>
                    </a:lnTo>
                    <a:lnTo>
                      <a:pt x="1789" y="362"/>
                    </a:lnTo>
                    <a:lnTo>
                      <a:pt x="1800" y="323"/>
                    </a:lnTo>
                    <a:lnTo>
                      <a:pt x="1808" y="307"/>
                    </a:lnTo>
                    <a:lnTo>
                      <a:pt x="1815" y="291"/>
                    </a:lnTo>
                    <a:lnTo>
                      <a:pt x="1818" y="285"/>
                    </a:lnTo>
                    <a:lnTo>
                      <a:pt x="1822" y="279"/>
                    </a:lnTo>
                    <a:lnTo>
                      <a:pt x="1826" y="274"/>
                    </a:lnTo>
                    <a:lnTo>
                      <a:pt x="1831" y="270"/>
                    </a:lnTo>
                    <a:lnTo>
                      <a:pt x="1838" y="266"/>
                    </a:lnTo>
                    <a:lnTo>
                      <a:pt x="1847" y="264"/>
                    </a:lnTo>
                    <a:lnTo>
                      <a:pt x="1856" y="262"/>
                    </a:lnTo>
                    <a:lnTo>
                      <a:pt x="1868" y="261"/>
                    </a:lnTo>
                    <a:lnTo>
                      <a:pt x="1894" y="262"/>
                    </a:lnTo>
                    <a:lnTo>
                      <a:pt x="1921" y="268"/>
                    </a:lnTo>
                    <a:lnTo>
                      <a:pt x="1977" y="279"/>
                    </a:lnTo>
                    <a:lnTo>
                      <a:pt x="2019" y="290"/>
                    </a:lnTo>
                    <a:lnTo>
                      <a:pt x="2034" y="294"/>
                    </a:lnTo>
                    <a:lnTo>
                      <a:pt x="2048" y="300"/>
                    </a:lnTo>
                    <a:lnTo>
                      <a:pt x="2061" y="307"/>
                    </a:lnTo>
                    <a:lnTo>
                      <a:pt x="2074" y="314"/>
                    </a:lnTo>
                    <a:lnTo>
                      <a:pt x="2097" y="330"/>
                    </a:lnTo>
                    <a:lnTo>
                      <a:pt x="2119" y="340"/>
                    </a:lnTo>
                    <a:lnTo>
                      <a:pt x="2129" y="343"/>
                    </a:lnTo>
                    <a:lnTo>
                      <a:pt x="2138" y="343"/>
                    </a:lnTo>
                    <a:lnTo>
                      <a:pt x="2144" y="342"/>
                    </a:lnTo>
                    <a:lnTo>
                      <a:pt x="2148" y="339"/>
                    </a:lnTo>
                    <a:lnTo>
                      <a:pt x="2153" y="336"/>
                    </a:lnTo>
                    <a:lnTo>
                      <a:pt x="2157" y="332"/>
                    </a:lnTo>
                    <a:lnTo>
                      <a:pt x="2160" y="327"/>
                    </a:lnTo>
                    <a:lnTo>
                      <a:pt x="2164" y="321"/>
                    </a:lnTo>
                    <a:lnTo>
                      <a:pt x="2168" y="314"/>
                    </a:lnTo>
                    <a:lnTo>
                      <a:pt x="2172" y="305"/>
                    </a:lnTo>
                    <a:lnTo>
                      <a:pt x="2180" y="285"/>
                    </a:lnTo>
                    <a:lnTo>
                      <a:pt x="2186" y="257"/>
                    </a:lnTo>
                    <a:lnTo>
                      <a:pt x="2216" y="126"/>
                    </a:lnTo>
                    <a:lnTo>
                      <a:pt x="2217" y="119"/>
                    </a:lnTo>
                    <a:lnTo>
                      <a:pt x="2217" y="111"/>
                    </a:lnTo>
                    <a:lnTo>
                      <a:pt x="2217" y="104"/>
                    </a:lnTo>
                    <a:lnTo>
                      <a:pt x="2216" y="98"/>
                    </a:lnTo>
                    <a:lnTo>
                      <a:pt x="2211" y="85"/>
                    </a:lnTo>
                    <a:lnTo>
                      <a:pt x="2206" y="73"/>
                    </a:lnTo>
                    <a:lnTo>
                      <a:pt x="2199" y="60"/>
                    </a:lnTo>
                    <a:lnTo>
                      <a:pt x="2193" y="49"/>
                    </a:lnTo>
                    <a:lnTo>
                      <a:pt x="2192" y="41"/>
                    </a:lnTo>
                    <a:lnTo>
                      <a:pt x="2189" y="35"/>
                    </a:lnTo>
                    <a:lnTo>
                      <a:pt x="2188" y="28"/>
                    </a:lnTo>
                    <a:lnTo>
                      <a:pt x="2188" y="20"/>
                    </a:lnTo>
                    <a:lnTo>
                      <a:pt x="2214" y="0"/>
                    </a:lnTo>
                    <a:lnTo>
                      <a:pt x="2239" y="32"/>
                    </a:lnTo>
                    <a:lnTo>
                      <a:pt x="2264" y="68"/>
                    </a:lnTo>
                    <a:lnTo>
                      <a:pt x="2287" y="104"/>
                    </a:lnTo>
                    <a:lnTo>
                      <a:pt x="2311" y="139"/>
                    </a:lnTo>
                    <a:lnTo>
                      <a:pt x="2319" y="151"/>
                    </a:lnTo>
                    <a:lnTo>
                      <a:pt x="2328" y="161"/>
                    </a:lnTo>
                    <a:lnTo>
                      <a:pt x="2337" y="171"/>
                    </a:lnTo>
                    <a:lnTo>
                      <a:pt x="2346" y="180"/>
                    </a:lnTo>
                    <a:lnTo>
                      <a:pt x="2366" y="194"/>
                    </a:lnTo>
                    <a:lnTo>
                      <a:pt x="2387" y="207"/>
                    </a:lnTo>
                    <a:lnTo>
                      <a:pt x="2434" y="231"/>
                    </a:lnTo>
                    <a:lnTo>
                      <a:pt x="2479" y="257"/>
                    </a:lnTo>
                    <a:lnTo>
                      <a:pt x="2487" y="274"/>
                    </a:lnTo>
                    <a:lnTo>
                      <a:pt x="2496" y="291"/>
                    </a:lnTo>
                    <a:lnTo>
                      <a:pt x="2506" y="308"/>
                    </a:lnTo>
                    <a:lnTo>
                      <a:pt x="2518" y="325"/>
                    </a:lnTo>
                    <a:lnTo>
                      <a:pt x="2540" y="358"/>
                    </a:lnTo>
                    <a:lnTo>
                      <a:pt x="2562" y="388"/>
                    </a:lnTo>
                    <a:lnTo>
                      <a:pt x="2574" y="402"/>
                    </a:lnTo>
                    <a:lnTo>
                      <a:pt x="2585" y="415"/>
                    </a:lnTo>
                    <a:lnTo>
                      <a:pt x="2593" y="421"/>
                    </a:lnTo>
                    <a:lnTo>
                      <a:pt x="2601" y="426"/>
                    </a:lnTo>
                    <a:lnTo>
                      <a:pt x="2609" y="428"/>
                    </a:lnTo>
                    <a:lnTo>
                      <a:pt x="2618" y="430"/>
                    </a:lnTo>
                    <a:lnTo>
                      <a:pt x="2633" y="427"/>
                    </a:lnTo>
                    <a:lnTo>
                      <a:pt x="2653" y="423"/>
                    </a:lnTo>
                    <a:lnTo>
                      <a:pt x="2663" y="422"/>
                    </a:lnTo>
                    <a:lnTo>
                      <a:pt x="2672" y="421"/>
                    </a:lnTo>
                    <a:lnTo>
                      <a:pt x="2680" y="421"/>
                    </a:lnTo>
                    <a:lnTo>
                      <a:pt x="2686" y="422"/>
                    </a:lnTo>
                    <a:lnTo>
                      <a:pt x="2692" y="440"/>
                    </a:lnTo>
                    <a:lnTo>
                      <a:pt x="2697" y="459"/>
                    </a:lnTo>
                    <a:lnTo>
                      <a:pt x="2703" y="478"/>
                    </a:lnTo>
                    <a:lnTo>
                      <a:pt x="2710" y="497"/>
                    </a:lnTo>
                    <a:lnTo>
                      <a:pt x="2716" y="516"/>
                    </a:lnTo>
                    <a:lnTo>
                      <a:pt x="2721" y="535"/>
                    </a:lnTo>
                    <a:lnTo>
                      <a:pt x="2725" y="554"/>
                    </a:lnTo>
                    <a:lnTo>
                      <a:pt x="2728" y="573"/>
                    </a:lnTo>
                    <a:lnTo>
                      <a:pt x="2723" y="610"/>
                    </a:lnTo>
                    <a:lnTo>
                      <a:pt x="2718" y="649"/>
                    </a:lnTo>
                    <a:lnTo>
                      <a:pt x="2718" y="656"/>
                    </a:lnTo>
                    <a:lnTo>
                      <a:pt x="2718" y="665"/>
                    </a:lnTo>
                    <a:lnTo>
                      <a:pt x="2720" y="672"/>
                    </a:lnTo>
                    <a:lnTo>
                      <a:pt x="2723" y="680"/>
                    </a:lnTo>
                    <a:lnTo>
                      <a:pt x="2728" y="685"/>
                    </a:lnTo>
                    <a:lnTo>
                      <a:pt x="2734" y="690"/>
                    </a:lnTo>
                    <a:lnTo>
                      <a:pt x="2742" y="694"/>
                    </a:lnTo>
                    <a:lnTo>
                      <a:pt x="2753" y="696"/>
                    </a:lnTo>
                    <a:lnTo>
                      <a:pt x="2758" y="706"/>
                    </a:lnTo>
                    <a:lnTo>
                      <a:pt x="2760" y="715"/>
                    </a:lnTo>
                    <a:lnTo>
                      <a:pt x="2760" y="724"/>
                    </a:lnTo>
                    <a:lnTo>
                      <a:pt x="2759" y="734"/>
                    </a:lnTo>
                    <a:lnTo>
                      <a:pt x="2754" y="753"/>
                    </a:lnTo>
                    <a:lnTo>
                      <a:pt x="2746" y="773"/>
                    </a:lnTo>
                    <a:lnTo>
                      <a:pt x="2737" y="800"/>
                    </a:lnTo>
                    <a:lnTo>
                      <a:pt x="2732" y="817"/>
                    </a:lnTo>
                    <a:lnTo>
                      <a:pt x="2732" y="825"/>
                    </a:lnTo>
                    <a:lnTo>
                      <a:pt x="2732" y="835"/>
                    </a:lnTo>
                    <a:lnTo>
                      <a:pt x="2732" y="847"/>
                    </a:lnTo>
                    <a:lnTo>
                      <a:pt x="2733" y="862"/>
                    </a:lnTo>
                    <a:lnTo>
                      <a:pt x="2742" y="877"/>
                    </a:lnTo>
                    <a:lnTo>
                      <a:pt x="2753" y="888"/>
                    </a:lnTo>
                    <a:lnTo>
                      <a:pt x="2764" y="899"/>
                    </a:lnTo>
                    <a:lnTo>
                      <a:pt x="2775" y="909"/>
                    </a:lnTo>
                    <a:lnTo>
                      <a:pt x="2785" y="918"/>
                    </a:lnTo>
                    <a:lnTo>
                      <a:pt x="2795" y="928"/>
                    </a:lnTo>
                    <a:lnTo>
                      <a:pt x="2800" y="935"/>
                    </a:lnTo>
                    <a:lnTo>
                      <a:pt x="2804" y="941"/>
                    </a:lnTo>
                    <a:lnTo>
                      <a:pt x="2808" y="949"/>
                    </a:lnTo>
                    <a:lnTo>
                      <a:pt x="2812" y="957"/>
                    </a:lnTo>
                    <a:lnTo>
                      <a:pt x="2816" y="968"/>
                    </a:lnTo>
                    <a:lnTo>
                      <a:pt x="2817" y="981"/>
                    </a:lnTo>
                    <a:lnTo>
                      <a:pt x="2819" y="993"/>
                    </a:lnTo>
                    <a:lnTo>
                      <a:pt x="2819" y="1005"/>
                    </a:lnTo>
                    <a:lnTo>
                      <a:pt x="2815" y="1029"/>
                    </a:lnTo>
                    <a:lnTo>
                      <a:pt x="2810" y="1054"/>
                    </a:lnTo>
                    <a:lnTo>
                      <a:pt x="2803" y="1079"/>
                    </a:lnTo>
                    <a:lnTo>
                      <a:pt x="2797" y="1103"/>
                    </a:lnTo>
                    <a:lnTo>
                      <a:pt x="2794" y="1116"/>
                    </a:lnTo>
                    <a:lnTo>
                      <a:pt x="2791" y="1128"/>
                    </a:lnTo>
                    <a:lnTo>
                      <a:pt x="2790" y="1139"/>
                    </a:lnTo>
                    <a:lnTo>
                      <a:pt x="2789" y="1152"/>
                    </a:lnTo>
                    <a:lnTo>
                      <a:pt x="2790" y="1168"/>
                    </a:lnTo>
                    <a:lnTo>
                      <a:pt x="2793" y="1185"/>
                    </a:lnTo>
                    <a:lnTo>
                      <a:pt x="2797" y="1200"/>
                    </a:lnTo>
                    <a:lnTo>
                      <a:pt x="2800" y="1215"/>
                    </a:lnTo>
                    <a:lnTo>
                      <a:pt x="2812" y="1244"/>
                    </a:lnTo>
                    <a:lnTo>
                      <a:pt x="2825" y="1273"/>
                    </a:lnTo>
                    <a:lnTo>
                      <a:pt x="2839" y="1301"/>
                    </a:lnTo>
                    <a:lnTo>
                      <a:pt x="2851" y="1330"/>
                    </a:lnTo>
                    <a:lnTo>
                      <a:pt x="2856" y="1344"/>
                    </a:lnTo>
                    <a:lnTo>
                      <a:pt x="2860" y="1358"/>
                    </a:lnTo>
                    <a:lnTo>
                      <a:pt x="2863" y="1373"/>
                    </a:lnTo>
                    <a:lnTo>
                      <a:pt x="2865" y="1387"/>
                    </a:lnTo>
                    <a:lnTo>
                      <a:pt x="2863" y="1432"/>
                    </a:lnTo>
                    <a:lnTo>
                      <a:pt x="2856" y="1432"/>
                    </a:lnTo>
                    <a:lnTo>
                      <a:pt x="2846" y="1435"/>
                    </a:lnTo>
                    <a:lnTo>
                      <a:pt x="2835" y="1437"/>
                    </a:lnTo>
                    <a:lnTo>
                      <a:pt x="2822" y="1443"/>
                    </a:lnTo>
                    <a:lnTo>
                      <a:pt x="2800" y="1450"/>
                    </a:lnTo>
                    <a:lnTo>
                      <a:pt x="2784" y="1456"/>
                    </a:lnTo>
                    <a:lnTo>
                      <a:pt x="2755" y="1454"/>
                    </a:lnTo>
                    <a:lnTo>
                      <a:pt x="2728" y="1450"/>
                    </a:lnTo>
                    <a:lnTo>
                      <a:pt x="2714" y="1449"/>
                    </a:lnTo>
                    <a:lnTo>
                      <a:pt x="2699" y="1450"/>
                    </a:lnTo>
                    <a:lnTo>
                      <a:pt x="2693" y="1452"/>
                    </a:lnTo>
                    <a:lnTo>
                      <a:pt x="2686" y="1454"/>
                    </a:lnTo>
                    <a:lnTo>
                      <a:pt x="2679" y="1457"/>
                    </a:lnTo>
                    <a:lnTo>
                      <a:pt x="2672" y="1461"/>
                    </a:lnTo>
                    <a:lnTo>
                      <a:pt x="2662" y="1465"/>
                    </a:lnTo>
                    <a:lnTo>
                      <a:pt x="2654" y="1467"/>
                    </a:lnTo>
                    <a:lnTo>
                      <a:pt x="2646" y="1467"/>
                    </a:lnTo>
                    <a:lnTo>
                      <a:pt x="2641" y="1466"/>
                    </a:lnTo>
                    <a:lnTo>
                      <a:pt x="2636" y="1463"/>
                    </a:lnTo>
                    <a:lnTo>
                      <a:pt x="2631" y="1459"/>
                    </a:lnTo>
                    <a:lnTo>
                      <a:pt x="2627" y="1454"/>
                    </a:lnTo>
                    <a:lnTo>
                      <a:pt x="2623" y="1449"/>
                    </a:lnTo>
                    <a:lnTo>
                      <a:pt x="2616" y="1437"/>
                    </a:lnTo>
                    <a:lnTo>
                      <a:pt x="2610" y="1428"/>
                    </a:lnTo>
                    <a:lnTo>
                      <a:pt x="2606" y="1424"/>
                    </a:lnTo>
                    <a:lnTo>
                      <a:pt x="2602" y="1423"/>
                    </a:lnTo>
                    <a:lnTo>
                      <a:pt x="2597" y="1422"/>
                    </a:lnTo>
                    <a:lnTo>
                      <a:pt x="2592" y="1423"/>
                    </a:lnTo>
                    <a:lnTo>
                      <a:pt x="2589" y="1424"/>
                    </a:lnTo>
                    <a:lnTo>
                      <a:pt x="2587" y="1427"/>
                    </a:lnTo>
                    <a:lnTo>
                      <a:pt x="2585" y="1430"/>
                    </a:lnTo>
                    <a:lnTo>
                      <a:pt x="2584" y="1432"/>
                    </a:lnTo>
                    <a:lnTo>
                      <a:pt x="2582" y="1440"/>
                    </a:lnTo>
                    <a:lnTo>
                      <a:pt x="2580" y="1448"/>
                    </a:lnTo>
                    <a:lnTo>
                      <a:pt x="2580" y="1456"/>
                    </a:lnTo>
                    <a:lnTo>
                      <a:pt x="2578" y="1462"/>
                    </a:lnTo>
                    <a:lnTo>
                      <a:pt x="2576" y="1465"/>
                    </a:lnTo>
                    <a:lnTo>
                      <a:pt x="2574" y="1467"/>
                    </a:lnTo>
                    <a:lnTo>
                      <a:pt x="2571" y="1469"/>
                    </a:lnTo>
                    <a:lnTo>
                      <a:pt x="2569" y="1469"/>
                    </a:lnTo>
                    <a:lnTo>
                      <a:pt x="2562" y="1467"/>
                    </a:lnTo>
                    <a:lnTo>
                      <a:pt x="2556" y="1463"/>
                    </a:lnTo>
                    <a:lnTo>
                      <a:pt x="2548" y="1457"/>
                    </a:lnTo>
                    <a:lnTo>
                      <a:pt x="2541" y="1450"/>
                    </a:lnTo>
                    <a:lnTo>
                      <a:pt x="2528" y="1434"/>
                    </a:lnTo>
                    <a:lnTo>
                      <a:pt x="2521" y="1421"/>
                    </a:lnTo>
                    <a:lnTo>
                      <a:pt x="2519" y="1423"/>
                    </a:lnTo>
                    <a:lnTo>
                      <a:pt x="2515" y="1430"/>
                    </a:lnTo>
                    <a:lnTo>
                      <a:pt x="2512" y="1439"/>
                    </a:lnTo>
                    <a:lnTo>
                      <a:pt x="2506" y="1449"/>
                    </a:lnTo>
                    <a:lnTo>
                      <a:pt x="2500" y="1469"/>
                    </a:lnTo>
                    <a:lnTo>
                      <a:pt x="2496" y="1476"/>
                    </a:lnTo>
                    <a:lnTo>
                      <a:pt x="2513" y="1488"/>
                    </a:lnTo>
                    <a:lnTo>
                      <a:pt x="2539" y="1502"/>
                    </a:lnTo>
                    <a:lnTo>
                      <a:pt x="2544" y="1506"/>
                    </a:lnTo>
                    <a:lnTo>
                      <a:pt x="2549" y="1510"/>
                    </a:lnTo>
                    <a:lnTo>
                      <a:pt x="2552" y="1513"/>
                    </a:lnTo>
                    <a:lnTo>
                      <a:pt x="2554" y="1516"/>
                    </a:lnTo>
                    <a:lnTo>
                      <a:pt x="2553" y="1520"/>
                    </a:lnTo>
                    <a:lnTo>
                      <a:pt x="2550" y="1524"/>
                    </a:lnTo>
                    <a:lnTo>
                      <a:pt x="2545" y="1528"/>
                    </a:lnTo>
                    <a:lnTo>
                      <a:pt x="2536" y="1531"/>
                    </a:lnTo>
                    <a:lnTo>
                      <a:pt x="2525" y="1533"/>
                    </a:lnTo>
                    <a:lnTo>
                      <a:pt x="2514" y="1533"/>
                    </a:lnTo>
                    <a:lnTo>
                      <a:pt x="2504" y="1531"/>
                    </a:lnTo>
                    <a:lnTo>
                      <a:pt x="2492" y="1527"/>
                    </a:lnTo>
                    <a:lnTo>
                      <a:pt x="2482" y="1522"/>
                    </a:lnTo>
                    <a:lnTo>
                      <a:pt x="2471" y="1515"/>
                    </a:lnTo>
                    <a:lnTo>
                      <a:pt x="2461" y="1509"/>
                    </a:lnTo>
                    <a:lnTo>
                      <a:pt x="2451" y="1501"/>
                    </a:lnTo>
                    <a:lnTo>
                      <a:pt x="2431" y="1485"/>
                    </a:lnTo>
                    <a:lnTo>
                      <a:pt x="2412" y="1471"/>
                    </a:lnTo>
                    <a:lnTo>
                      <a:pt x="2403" y="1466"/>
                    </a:lnTo>
                    <a:lnTo>
                      <a:pt x="2392" y="1462"/>
                    </a:lnTo>
                    <a:lnTo>
                      <a:pt x="2383" y="1459"/>
                    </a:lnTo>
                    <a:lnTo>
                      <a:pt x="2374" y="1458"/>
                    </a:lnTo>
                    <a:lnTo>
                      <a:pt x="2376" y="1467"/>
                    </a:lnTo>
                    <a:lnTo>
                      <a:pt x="2379" y="1476"/>
                    </a:lnTo>
                    <a:lnTo>
                      <a:pt x="2385" y="1484"/>
                    </a:lnTo>
                    <a:lnTo>
                      <a:pt x="2391" y="1491"/>
                    </a:lnTo>
                    <a:lnTo>
                      <a:pt x="2408" y="1502"/>
                    </a:lnTo>
                    <a:lnTo>
                      <a:pt x="2427" y="1514"/>
                    </a:lnTo>
                    <a:lnTo>
                      <a:pt x="2436" y="1519"/>
                    </a:lnTo>
                    <a:lnTo>
                      <a:pt x="2445" y="1526"/>
                    </a:lnTo>
                    <a:lnTo>
                      <a:pt x="2455" y="1532"/>
                    </a:lnTo>
                    <a:lnTo>
                      <a:pt x="2461" y="1540"/>
                    </a:lnTo>
                    <a:lnTo>
                      <a:pt x="2466" y="1548"/>
                    </a:lnTo>
                    <a:lnTo>
                      <a:pt x="2470" y="1557"/>
                    </a:lnTo>
                    <a:lnTo>
                      <a:pt x="2473" y="1568"/>
                    </a:lnTo>
                    <a:lnTo>
                      <a:pt x="2471" y="1580"/>
                    </a:lnTo>
                    <a:lnTo>
                      <a:pt x="2469" y="1585"/>
                    </a:lnTo>
                    <a:lnTo>
                      <a:pt x="2469" y="1590"/>
                    </a:lnTo>
                    <a:lnTo>
                      <a:pt x="2469" y="1595"/>
                    </a:lnTo>
                    <a:lnTo>
                      <a:pt x="2469" y="1599"/>
                    </a:lnTo>
                    <a:lnTo>
                      <a:pt x="2473" y="1610"/>
                    </a:lnTo>
                    <a:lnTo>
                      <a:pt x="2477" y="1619"/>
                    </a:lnTo>
                    <a:lnTo>
                      <a:pt x="2480" y="1627"/>
                    </a:lnTo>
                    <a:lnTo>
                      <a:pt x="2482" y="1636"/>
                    </a:lnTo>
                    <a:lnTo>
                      <a:pt x="2480" y="1640"/>
                    </a:lnTo>
                    <a:lnTo>
                      <a:pt x="2479" y="1643"/>
                    </a:lnTo>
                    <a:lnTo>
                      <a:pt x="2477" y="1646"/>
                    </a:lnTo>
                    <a:lnTo>
                      <a:pt x="2471" y="1650"/>
                    </a:lnTo>
                    <a:lnTo>
                      <a:pt x="2462" y="1655"/>
                    </a:lnTo>
                    <a:lnTo>
                      <a:pt x="2452" y="1659"/>
                    </a:lnTo>
                    <a:lnTo>
                      <a:pt x="2440" y="1663"/>
                    </a:lnTo>
                    <a:lnTo>
                      <a:pt x="2429" y="1665"/>
                    </a:lnTo>
                    <a:lnTo>
                      <a:pt x="2404" y="1672"/>
                    </a:lnTo>
                    <a:lnTo>
                      <a:pt x="2382" y="1678"/>
                    </a:lnTo>
                    <a:lnTo>
                      <a:pt x="2370" y="1684"/>
                    </a:lnTo>
                    <a:lnTo>
                      <a:pt x="2364" y="1689"/>
                    </a:lnTo>
                    <a:lnTo>
                      <a:pt x="2361" y="1693"/>
                    </a:lnTo>
                    <a:lnTo>
                      <a:pt x="2359" y="1695"/>
                    </a:lnTo>
                    <a:lnTo>
                      <a:pt x="2359" y="1699"/>
                    </a:lnTo>
                    <a:lnTo>
                      <a:pt x="2359" y="1703"/>
                    </a:lnTo>
                    <a:lnTo>
                      <a:pt x="2360" y="1709"/>
                    </a:lnTo>
                    <a:lnTo>
                      <a:pt x="2364" y="1717"/>
                    </a:lnTo>
                    <a:lnTo>
                      <a:pt x="2369" y="1725"/>
                    </a:lnTo>
                    <a:lnTo>
                      <a:pt x="2376" y="1734"/>
                    </a:lnTo>
                    <a:lnTo>
                      <a:pt x="2390" y="1751"/>
                    </a:lnTo>
                    <a:lnTo>
                      <a:pt x="2403" y="1769"/>
                    </a:lnTo>
                    <a:lnTo>
                      <a:pt x="2408" y="1778"/>
                    </a:lnTo>
                    <a:lnTo>
                      <a:pt x="2411" y="1786"/>
                    </a:lnTo>
                    <a:lnTo>
                      <a:pt x="2412" y="1790"/>
                    </a:lnTo>
                    <a:lnTo>
                      <a:pt x="2412" y="1795"/>
                    </a:lnTo>
                    <a:lnTo>
                      <a:pt x="2412" y="1799"/>
                    </a:lnTo>
                    <a:lnTo>
                      <a:pt x="2411" y="1803"/>
                    </a:lnTo>
                    <a:lnTo>
                      <a:pt x="2404" y="1814"/>
                    </a:lnTo>
                    <a:lnTo>
                      <a:pt x="2398" y="1826"/>
                    </a:lnTo>
                    <a:lnTo>
                      <a:pt x="2388" y="1838"/>
                    </a:lnTo>
                    <a:lnTo>
                      <a:pt x="2378" y="1848"/>
                    </a:lnTo>
                    <a:lnTo>
                      <a:pt x="2368" y="1860"/>
                    </a:lnTo>
                    <a:lnTo>
                      <a:pt x="2357" y="1871"/>
                    </a:lnTo>
                    <a:lnTo>
                      <a:pt x="2348" y="1883"/>
                    </a:lnTo>
                    <a:lnTo>
                      <a:pt x="2341" y="1895"/>
                    </a:lnTo>
                    <a:lnTo>
                      <a:pt x="2333" y="1909"/>
                    </a:lnTo>
                    <a:lnTo>
                      <a:pt x="2328" y="1921"/>
                    </a:lnTo>
                    <a:lnTo>
                      <a:pt x="2325" y="1930"/>
                    </a:lnTo>
                    <a:lnTo>
                      <a:pt x="2322" y="1937"/>
                    </a:lnTo>
                    <a:lnTo>
                      <a:pt x="2322" y="1944"/>
                    </a:lnTo>
                    <a:lnTo>
                      <a:pt x="2324" y="1949"/>
                    </a:lnTo>
                    <a:lnTo>
                      <a:pt x="2326" y="1953"/>
                    </a:lnTo>
                    <a:lnTo>
                      <a:pt x="2329" y="1956"/>
                    </a:lnTo>
                    <a:lnTo>
                      <a:pt x="2337" y="1962"/>
                    </a:lnTo>
                    <a:lnTo>
                      <a:pt x="2346" y="1970"/>
                    </a:lnTo>
                    <a:lnTo>
                      <a:pt x="2350" y="1975"/>
                    </a:lnTo>
                    <a:lnTo>
                      <a:pt x="2354" y="1982"/>
                    </a:lnTo>
                    <a:lnTo>
                      <a:pt x="2357" y="1989"/>
                    </a:lnTo>
                    <a:lnTo>
                      <a:pt x="2360" y="2000"/>
                    </a:lnTo>
                    <a:lnTo>
                      <a:pt x="2361" y="2007"/>
                    </a:lnTo>
                    <a:lnTo>
                      <a:pt x="2360" y="2013"/>
                    </a:lnTo>
                    <a:lnTo>
                      <a:pt x="2359" y="2016"/>
                    </a:lnTo>
                    <a:lnTo>
                      <a:pt x="2355" y="2020"/>
                    </a:lnTo>
                    <a:lnTo>
                      <a:pt x="2351" y="2022"/>
                    </a:lnTo>
                    <a:lnTo>
                      <a:pt x="2346" y="2023"/>
                    </a:lnTo>
                    <a:lnTo>
                      <a:pt x="2341" y="2023"/>
                    </a:lnTo>
                    <a:lnTo>
                      <a:pt x="2335" y="2023"/>
                    </a:lnTo>
                    <a:lnTo>
                      <a:pt x="2309" y="2019"/>
                    </a:lnTo>
                    <a:lnTo>
                      <a:pt x="2290" y="2018"/>
                    </a:lnTo>
                    <a:lnTo>
                      <a:pt x="2290" y="2020"/>
                    </a:lnTo>
                    <a:lnTo>
                      <a:pt x="2295" y="2023"/>
                    </a:lnTo>
                    <a:lnTo>
                      <a:pt x="2304" y="2028"/>
                    </a:lnTo>
                    <a:lnTo>
                      <a:pt x="2315" y="2037"/>
                    </a:lnTo>
                    <a:lnTo>
                      <a:pt x="2325" y="2046"/>
                    </a:lnTo>
                    <a:lnTo>
                      <a:pt x="2347" y="2066"/>
                    </a:lnTo>
                    <a:lnTo>
                      <a:pt x="2361" y="2079"/>
                    </a:lnTo>
                    <a:lnTo>
                      <a:pt x="2385" y="2099"/>
                    </a:lnTo>
                    <a:lnTo>
                      <a:pt x="2407" y="2123"/>
                    </a:lnTo>
                    <a:lnTo>
                      <a:pt x="2412" y="2129"/>
                    </a:lnTo>
                    <a:lnTo>
                      <a:pt x="2416" y="2136"/>
                    </a:lnTo>
                    <a:lnTo>
                      <a:pt x="2418" y="2142"/>
                    </a:lnTo>
                    <a:lnTo>
                      <a:pt x="2420" y="2149"/>
                    </a:lnTo>
                    <a:lnTo>
                      <a:pt x="2420" y="2155"/>
                    </a:lnTo>
                    <a:lnTo>
                      <a:pt x="2420" y="2163"/>
                    </a:lnTo>
                    <a:lnTo>
                      <a:pt x="2417" y="2169"/>
                    </a:lnTo>
                    <a:lnTo>
                      <a:pt x="2413" y="2176"/>
                    </a:lnTo>
                    <a:lnTo>
                      <a:pt x="2399" y="2195"/>
                    </a:lnTo>
                    <a:lnTo>
                      <a:pt x="2382" y="2212"/>
                    </a:lnTo>
                    <a:lnTo>
                      <a:pt x="2364" y="2230"/>
                    </a:lnTo>
                    <a:lnTo>
                      <a:pt x="2346" y="2247"/>
                    </a:lnTo>
                    <a:lnTo>
                      <a:pt x="2329" y="2264"/>
                    </a:lnTo>
                    <a:lnTo>
                      <a:pt x="2313" y="2281"/>
                    </a:lnTo>
                    <a:lnTo>
                      <a:pt x="2307" y="2290"/>
                    </a:lnTo>
                    <a:lnTo>
                      <a:pt x="2300" y="2299"/>
                    </a:lnTo>
                    <a:lnTo>
                      <a:pt x="2297" y="2308"/>
                    </a:lnTo>
                    <a:lnTo>
                      <a:pt x="2293" y="2318"/>
                    </a:lnTo>
                    <a:lnTo>
                      <a:pt x="2286" y="2353"/>
                    </a:lnTo>
                    <a:lnTo>
                      <a:pt x="2280" y="2393"/>
                    </a:lnTo>
                    <a:lnTo>
                      <a:pt x="2278" y="2404"/>
                    </a:lnTo>
                    <a:lnTo>
                      <a:pt x="2274" y="2413"/>
                    </a:lnTo>
                    <a:lnTo>
                      <a:pt x="2272" y="2422"/>
                    </a:lnTo>
                    <a:lnTo>
                      <a:pt x="2267" y="2430"/>
                    </a:lnTo>
                    <a:lnTo>
                      <a:pt x="2262" y="2437"/>
                    </a:lnTo>
                    <a:lnTo>
                      <a:pt x="2256" y="2445"/>
                    </a:lnTo>
                    <a:lnTo>
                      <a:pt x="2249" y="2450"/>
                    </a:lnTo>
                    <a:lnTo>
                      <a:pt x="2239" y="2456"/>
                    </a:lnTo>
                    <a:lnTo>
                      <a:pt x="2233" y="2458"/>
                    </a:lnTo>
                    <a:lnTo>
                      <a:pt x="2228" y="2460"/>
                    </a:lnTo>
                    <a:lnTo>
                      <a:pt x="2224" y="2460"/>
                    </a:lnTo>
                    <a:lnTo>
                      <a:pt x="2219" y="2458"/>
                    </a:lnTo>
                    <a:lnTo>
                      <a:pt x="2212" y="2456"/>
                    </a:lnTo>
                    <a:lnTo>
                      <a:pt x="2206" y="2452"/>
                    </a:lnTo>
                    <a:lnTo>
                      <a:pt x="2203" y="2452"/>
                    </a:lnTo>
                    <a:lnTo>
                      <a:pt x="2201" y="2450"/>
                    </a:lnTo>
                    <a:lnTo>
                      <a:pt x="2197" y="2452"/>
                    </a:lnTo>
                    <a:lnTo>
                      <a:pt x="2194" y="2454"/>
                    </a:lnTo>
                    <a:lnTo>
                      <a:pt x="2190" y="2457"/>
                    </a:lnTo>
                    <a:lnTo>
                      <a:pt x="2185" y="2462"/>
                    </a:lnTo>
                    <a:lnTo>
                      <a:pt x="2181" y="2470"/>
                    </a:lnTo>
                    <a:lnTo>
                      <a:pt x="2175" y="2480"/>
                    </a:lnTo>
                    <a:lnTo>
                      <a:pt x="2164" y="2498"/>
                    </a:lnTo>
                    <a:lnTo>
                      <a:pt x="2154" y="2513"/>
                    </a:lnTo>
                    <a:lnTo>
                      <a:pt x="2145" y="2523"/>
                    </a:lnTo>
                    <a:lnTo>
                      <a:pt x="2135" y="2532"/>
                    </a:lnTo>
                    <a:lnTo>
                      <a:pt x="2113" y="2545"/>
                    </a:lnTo>
                    <a:lnTo>
                      <a:pt x="2080" y="2564"/>
                    </a:lnTo>
                    <a:lnTo>
                      <a:pt x="2072" y="2571"/>
                    </a:lnTo>
                    <a:lnTo>
                      <a:pt x="2067" y="2577"/>
                    </a:lnTo>
                    <a:lnTo>
                      <a:pt x="2062" y="2584"/>
                    </a:lnTo>
                    <a:lnTo>
                      <a:pt x="2059" y="2592"/>
                    </a:lnTo>
                    <a:lnTo>
                      <a:pt x="2057" y="2599"/>
                    </a:lnTo>
                    <a:lnTo>
                      <a:pt x="2053" y="2606"/>
                    </a:lnTo>
                    <a:lnTo>
                      <a:pt x="2049" y="2612"/>
                    </a:lnTo>
                    <a:lnTo>
                      <a:pt x="2043" y="2619"/>
                    </a:lnTo>
                    <a:lnTo>
                      <a:pt x="2036" y="2623"/>
                    </a:lnTo>
                    <a:lnTo>
                      <a:pt x="2031" y="2624"/>
                    </a:lnTo>
                    <a:lnTo>
                      <a:pt x="2026" y="2624"/>
                    </a:lnTo>
                    <a:lnTo>
                      <a:pt x="2021" y="2623"/>
                    </a:lnTo>
                    <a:lnTo>
                      <a:pt x="2017" y="2620"/>
                    </a:lnTo>
                    <a:lnTo>
                      <a:pt x="2013" y="2616"/>
                    </a:lnTo>
                    <a:lnTo>
                      <a:pt x="2009" y="2611"/>
                    </a:lnTo>
                    <a:lnTo>
                      <a:pt x="2005" y="2606"/>
                    </a:lnTo>
                    <a:lnTo>
                      <a:pt x="1999" y="2596"/>
                    </a:lnTo>
                    <a:lnTo>
                      <a:pt x="1992" y="2586"/>
                    </a:lnTo>
                    <a:lnTo>
                      <a:pt x="1989" y="2583"/>
                    </a:lnTo>
                    <a:lnTo>
                      <a:pt x="1986" y="2580"/>
                    </a:lnTo>
                    <a:lnTo>
                      <a:pt x="1983" y="2579"/>
                    </a:lnTo>
                    <a:lnTo>
                      <a:pt x="1979" y="2579"/>
                    </a:lnTo>
                    <a:lnTo>
                      <a:pt x="1975" y="2596"/>
                    </a:lnTo>
                    <a:lnTo>
                      <a:pt x="1970" y="2618"/>
                    </a:lnTo>
                    <a:lnTo>
                      <a:pt x="1962" y="2641"/>
                    </a:lnTo>
                    <a:lnTo>
                      <a:pt x="1954" y="2665"/>
                    </a:lnTo>
                    <a:lnTo>
                      <a:pt x="1951" y="2677"/>
                    </a:lnTo>
                    <a:lnTo>
                      <a:pt x="1945" y="2689"/>
                    </a:lnTo>
                    <a:lnTo>
                      <a:pt x="1939" y="2699"/>
                    </a:lnTo>
                    <a:lnTo>
                      <a:pt x="1932" y="2708"/>
                    </a:lnTo>
                    <a:lnTo>
                      <a:pt x="1926" y="2717"/>
                    </a:lnTo>
                    <a:lnTo>
                      <a:pt x="1920" y="2724"/>
                    </a:lnTo>
                    <a:lnTo>
                      <a:pt x="1912" y="2730"/>
                    </a:lnTo>
                    <a:lnTo>
                      <a:pt x="1903" y="2733"/>
                    </a:lnTo>
                    <a:lnTo>
                      <a:pt x="1890" y="2746"/>
                    </a:lnTo>
                    <a:lnTo>
                      <a:pt x="1874" y="2763"/>
                    </a:lnTo>
                    <a:lnTo>
                      <a:pt x="1866" y="2770"/>
                    </a:lnTo>
                    <a:lnTo>
                      <a:pt x="1859" y="2778"/>
                    </a:lnTo>
                    <a:lnTo>
                      <a:pt x="1852" y="2783"/>
                    </a:lnTo>
                    <a:lnTo>
                      <a:pt x="1846" y="2786"/>
                    </a:lnTo>
                    <a:lnTo>
                      <a:pt x="1838" y="2787"/>
                    </a:lnTo>
                    <a:lnTo>
                      <a:pt x="1830" y="2785"/>
                    </a:lnTo>
                    <a:lnTo>
                      <a:pt x="1822" y="2781"/>
                    </a:lnTo>
                    <a:lnTo>
                      <a:pt x="1813" y="2777"/>
                    </a:lnTo>
                    <a:lnTo>
                      <a:pt x="1806" y="2773"/>
                    </a:lnTo>
                    <a:lnTo>
                      <a:pt x="1799" y="2772"/>
                    </a:lnTo>
                    <a:lnTo>
                      <a:pt x="1796" y="2772"/>
                    </a:lnTo>
                    <a:lnTo>
                      <a:pt x="1793" y="2773"/>
                    </a:lnTo>
                    <a:lnTo>
                      <a:pt x="1791" y="2776"/>
                    </a:lnTo>
                    <a:lnTo>
                      <a:pt x="1789" y="2778"/>
                    </a:lnTo>
                    <a:lnTo>
                      <a:pt x="1785" y="2789"/>
                    </a:lnTo>
                    <a:lnTo>
                      <a:pt x="1782" y="2799"/>
                    </a:lnTo>
                    <a:lnTo>
                      <a:pt x="1782" y="2808"/>
                    </a:lnTo>
                    <a:lnTo>
                      <a:pt x="1783" y="2816"/>
                    </a:lnTo>
                    <a:lnTo>
                      <a:pt x="1790" y="2830"/>
                    </a:lnTo>
                    <a:lnTo>
                      <a:pt x="1796" y="2843"/>
                    </a:lnTo>
                    <a:lnTo>
                      <a:pt x="1800" y="2848"/>
                    </a:lnTo>
                    <a:lnTo>
                      <a:pt x="1803" y="2853"/>
                    </a:lnTo>
                    <a:lnTo>
                      <a:pt x="1804" y="2859"/>
                    </a:lnTo>
                    <a:lnTo>
                      <a:pt x="1804" y="2865"/>
                    </a:lnTo>
                    <a:lnTo>
                      <a:pt x="1803" y="2870"/>
                    </a:lnTo>
                    <a:lnTo>
                      <a:pt x="1799" y="2877"/>
                    </a:lnTo>
                    <a:lnTo>
                      <a:pt x="1793" y="2883"/>
                    </a:lnTo>
                    <a:lnTo>
                      <a:pt x="1783" y="2890"/>
                    </a:lnTo>
                    <a:lnTo>
                      <a:pt x="1773" y="2896"/>
                    </a:lnTo>
                    <a:lnTo>
                      <a:pt x="1764" y="2901"/>
                    </a:lnTo>
                    <a:lnTo>
                      <a:pt x="1756" y="2904"/>
                    </a:lnTo>
                    <a:lnTo>
                      <a:pt x="1750" y="2906"/>
                    </a:lnTo>
                    <a:lnTo>
                      <a:pt x="1745" y="2906"/>
                    </a:lnTo>
                    <a:lnTo>
                      <a:pt x="1741" y="2905"/>
                    </a:lnTo>
                    <a:lnTo>
                      <a:pt x="1737" y="2903"/>
                    </a:lnTo>
                    <a:lnTo>
                      <a:pt x="1734" y="2900"/>
                    </a:lnTo>
                    <a:lnTo>
                      <a:pt x="1728" y="2893"/>
                    </a:lnTo>
                    <a:lnTo>
                      <a:pt x="1721" y="2886"/>
                    </a:lnTo>
                    <a:lnTo>
                      <a:pt x="1716" y="2882"/>
                    </a:lnTo>
                    <a:lnTo>
                      <a:pt x="1711" y="2878"/>
                    </a:lnTo>
                    <a:lnTo>
                      <a:pt x="1706" y="2875"/>
                    </a:lnTo>
                    <a:lnTo>
                      <a:pt x="1698" y="2873"/>
                    </a:lnTo>
                    <a:lnTo>
                      <a:pt x="1680" y="2869"/>
                    </a:lnTo>
                    <a:lnTo>
                      <a:pt x="1668" y="2866"/>
                    </a:lnTo>
                    <a:lnTo>
                      <a:pt x="1659" y="2860"/>
                    </a:lnTo>
                    <a:lnTo>
                      <a:pt x="1645" y="2848"/>
                    </a:lnTo>
                    <a:lnTo>
                      <a:pt x="1637" y="2839"/>
                    </a:lnTo>
                    <a:lnTo>
                      <a:pt x="1627" y="2826"/>
                    </a:lnTo>
                    <a:lnTo>
                      <a:pt x="1623" y="2821"/>
                    </a:lnTo>
                    <a:lnTo>
                      <a:pt x="1618" y="2816"/>
                    </a:lnTo>
                    <a:lnTo>
                      <a:pt x="1612" y="2813"/>
                    </a:lnTo>
                    <a:lnTo>
                      <a:pt x="1607" y="2813"/>
                    </a:lnTo>
                    <a:lnTo>
                      <a:pt x="1605" y="2816"/>
                    </a:lnTo>
                    <a:lnTo>
                      <a:pt x="1602" y="2817"/>
                    </a:lnTo>
                    <a:lnTo>
                      <a:pt x="1601" y="2818"/>
                    </a:lnTo>
                    <a:lnTo>
                      <a:pt x="1600" y="2821"/>
                    </a:lnTo>
                    <a:lnTo>
                      <a:pt x="1600" y="2827"/>
                    </a:lnTo>
                    <a:lnTo>
                      <a:pt x="1601" y="2834"/>
                    </a:lnTo>
                    <a:lnTo>
                      <a:pt x="1607" y="2851"/>
                    </a:lnTo>
                    <a:lnTo>
                      <a:pt x="1618" y="2869"/>
                    </a:lnTo>
                    <a:lnTo>
                      <a:pt x="1631" y="2888"/>
                    </a:lnTo>
                    <a:lnTo>
                      <a:pt x="1642" y="2905"/>
                    </a:lnTo>
                    <a:lnTo>
                      <a:pt x="1651" y="2921"/>
                    </a:lnTo>
                    <a:lnTo>
                      <a:pt x="1655" y="2931"/>
                    </a:lnTo>
                    <a:lnTo>
                      <a:pt x="1655" y="2944"/>
                    </a:lnTo>
                    <a:lnTo>
                      <a:pt x="1653" y="2956"/>
                    </a:lnTo>
                    <a:lnTo>
                      <a:pt x="1649" y="2966"/>
                    </a:lnTo>
                    <a:lnTo>
                      <a:pt x="1645" y="2975"/>
                    </a:lnTo>
                    <a:lnTo>
                      <a:pt x="1641" y="2985"/>
                    </a:lnTo>
                    <a:lnTo>
                      <a:pt x="1637" y="2995"/>
                    </a:lnTo>
                    <a:lnTo>
                      <a:pt x="1635" y="3004"/>
                    </a:lnTo>
                    <a:lnTo>
                      <a:pt x="1635" y="3014"/>
                    </a:lnTo>
                    <a:lnTo>
                      <a:pt x="1637" y="3024"/>
                    </a:lnTo>
                    <a:lnTo>
                      <a:pt x="1641" y="3036"/>
                    </a:lnTo>
                    <a:lnTo>
                      <a:pt x="1642" y="3041"/>
                    </a:lnTo>
                    <a:lnTo>
                      <a:pt x="1644" y="3046"/>
                    </a:lnTo>
                    <a:lnTo>
                      <a:pt x="1644" y="3053"/>
                    </a:lnTo>
                    <a:lnTo>
                      <a:pt x="1641" y="3058"/>
                    </a:lnTo>
                    <a:lnTo>
                      <a:pt x="1633" y="3071"/>
                    </a:lnTo>
                    <a:lnTo>
                      <a:pt x="1625" y="3080"/>
                    </a:lnTo>
                    <a:lnTo>
                      <a:pt x="1619" y="3087"/>
                    </a:lnTo>
                    <a:lnTo>
                      <a:pt x="1614" y="3090"/>
                    </a:lnTo>
                    <a:lnTo>
                      <a:pt x="1607" y="3093"/>
                    </a:lnTo>
                    <a:lnTo>
                      <a:pt x="1602" y="3093"/>
                    </a:lnTo>
                    <a:lnTo>
                      <a:pt x="1597" y="3092"/>
                    </a:lnTo>
                    <a:lnTo>
                      <a:pt x="1592" y="3089"/>
                    </a:lnTo>
                    <a:lnTo>
                      <a:pt x="1572" y="3068"/>
                    </a:lnTo>
                    <a:lnTo>
                      <a:pt x="1552" y="3046"/>
                    </a:lnTo>
                    <a:lnTo>
                      <a:pt x="1544" y="3041"/>
                    </a:lnTo>
                    <a:lnTo>
                      <a:pt x="1537" y="3040"/>
                    </a:lnTo>
                    <a:lnTo>
                      <a:pt x="1532" y="3041"/>
                    </a:lnTo>
                    <a:lnTo>
                      <a:pt x="1527" y="3045"/>
                    </a:lnTo>
                    <a:lnTo>
                      <a:pt x="1523" y="3050"/>
                    </a:lnTo>
                    <a:lnTo>
                      <a:pt x="1520" y="3057"/>
                    </a:lnTo>
                    <a:lnTo>
                      <a:pt x="1518" y="3066"/>
                    </a:lnTo>
                    <a:lnTo>
                      <a:pt x="1515" y="3075"/>
                    </a:lnTo>
                    <a:lnTo>
                      <a:pt x="1513" y="3094"/>
                    </a:lnTo>
                    <a:lnTo>
                      <a:pt x="1513" y="3112"/>
                    </a:lnTo>
                    <a:lnTo>
                      <a:pt x="1513" y="3128"/>
                    </a:lnTo>
                    <a:lnTo>
                      <a:pt x="1515" y="3137"/>
                    </a:lnTo>
                    <a:lnTo>
                      <a:pt x="1523" y="3142"/>
                    </a:lnTo>
                    <a:lnTo>
                      <a:pt x="1537" y="3153"/>
                    </a:lnTo>
                    <a:lnTo>
                      <a:pt x="1555" y="3164"/>
                    </a:lnTo>
                    <a:lnTo>
                      <a:pt x="1574" y="3177"/>
                    </a:lnTo>
                    <a:lnTo>
                      <a:pt x="1583" y="3184"/>
                    </a:lnTo>
                    <a:lnTo>
                      <a:pt x="1588" y="3189"/>
                    </a:lnTo>
                    <a:lnTo>
                      <a:pt x="1593" y="3194"/>
                    </a:lnTo>
                    <a:lnTo>
                      <a:pt x="1594" y="3199"/>
                    </a:lnTo>
                    <a:lnTo>
                      <a:pt x="1594" y="3200"/>
                    </a:lnTo>
                    <a:lnTo>
                      <a:pt x="1594" y="3203"/>
                    </a:lnTo>
                    <a:lnTo>
                      <a:pt x="1592" y="3204"/>
                    </a:lnTo>
                    <a:lnTo>
                      <a:pt x="1589" y="3204"/>
                    </a:lnTo>
                    <a:lnTo>
                      <a:pt x="1581" y="3206"/>
                    </a:lnTo>
                    <a:lnTo>
                      <a:pt x="1568" y="3204"/>
                    </a:lnTo>
                    <a:lnTo>
                      <a:pt x="1562" y="3204"/>
                    </a:lnTo>
                    <a:lnTo>
                      <a:pt x="1558" y="3206"/>
                    </a:lnTo>
                    <a:lnTo>
                      <a:pt x="1555" y="3208"/>
                    </a:lnTo>
                    <a:lnTo>
                      <a:pt x="1553" y="3211"/>
                    </a:lnTo>
                    <a:lnTo>
                      <a:pt x="1552" y="3220"/>
                    </a:lnTo>
                    <a:lnTo>
                      <a:pt x="1552" y="3230"/>
                    </a:lnTo>
                    <a:lnTo>
                      <a:pt x="1557" y="3252"/>
                    </a:lnTo>
                    <a:lnTo>
                      <a:pt x="1559" y="3272"/>
                    </a:lnTo>
                    <a:lnTo>
                      <a:pt x="1549" y="3294"/>
                    </a:lnTo>
                    <a:lnTo>
                      <a:pt x="1536" y="3321"/>
                    </a:lnTo>
                    <a:lnTo>
                      <a:pt x="1531" y="3334"/>
                    </a:lnTo>
                    <a:lnTo>
                      <a:pt x="1526" y="3348"/>
                    </a:lnTo>
                    <a:lnTo>
                      <a:pt x="1524" y="3361"/>
                    </a:lnTo>
                    <a:lnTo>
                      <a:pt x="1524" y="3371"/>
                    </a:lnTo>
                    <a:lnTo>
                      <a:pt x="1526" y="3378"/>
                    </a:lnTo>
                    <a:lnTo>
                      <a:pt x="1530" y="3386"/>
                    </a:lnTo>
                    <a:lnTo>
                      <a:pt x="1535" y="3392"/>
                    </a:lnTo>
                    <a:lnTo>
                      <a:pt x="1540" y="3399"/>
                    </a:lnTo>
                    <a:lnTo>
                      <a:pt x="1545" y="3406"/>
                    </a:lnTo>
                    <a:lnTo>
                      <a:pt x="1550" y="3413"/>
                    </a:lnTo>
                    <a:lnTo>
                      <a:pt x="1555" y="3421"/>
                    </a:lnTo>
                    <a:lnTo>
                      <a:pt x="1559" y="3428"/>
                    </a:lnTo>
                    <a:lnTo>
                      <a:pt x="1559" y="3432"/>
                    </a:lnTo>
                    <a:lnTo>
                      <a:pt x="1559" y="3436"/>
                    </a:lnTo>
                    <a:lnTo>
                      <a:pt x="1559" y="3438"/>
                    </a:lnTo>
                    <a:lnTo>
                      <a:pt x="1558" y="3440"/>
                    </a:lnTo>
                    <a:lnTo>
                      <a:pt x="1554" y="3440"/>
                    </a:lnTo>
                    <a:lnTo>
                      <a:pt x="1548" y="3438"/>
                    </a:lnTo>
                    <a:lnTo>
                      <a:pt x="1530" y="3427"/>
                    </a:lnTo>
                    <a:lnTo>
                      <a:pt x="1509" y="3413"/>
                    </a:lnTo>
                    <a:lnTo>
                      <a:pt x="1489" y="3400"/>
                    </a:lnTo>
                    <a:lnTo>
                      <a:pt x="1474" y="3392"/>
                    </a:lnTo>
                    <a:lnTo>
                      <a:pt x="1471" y="3392"/>
                    </a:lnTo>
                    <a:lnTo>
                      <a:pt x="1469" y="3392"/>
                    </a:lnTo>
                    <a:lnTo>
                      <a:pt x="1467" y="3392"/>
                    </a:lnTo>
                    <a:lnTo>
                      <a:pt x="1466" y="3395"/>
                    </a:lnTo>
                    <a:lnTo>
                      <a:pt x="1466" y="3400"/>
                    </a:lnTo>
                    <a:lnTo>
                      <a:pt x="1470" y="3410"/>
                    </a:lnTo>
                    <a:lnTo>
                      <a:pt x="1479" y="3430"/>
                    </a:lnTo>
                    <a:lnTo>
                      <a:pt x="1486" y="3444"/>
                    </a:lnTo>
                    <a:lnTo>
                      <a:pt x="1487" y="3451"/>
                    </a:lnTo>
                    <a:lnTo>
                      <a:pt x="1486" y="3458"/>
                    </a:lnTo>
                    <a:lnTo>
                      <a:pt x="1483" y="3467"/>
                    </a:lnTo>
                    <a:lnTo>
                      <a:pt x="1476" y="3479"/>
                    </a:lnTo>
                    <a:lnTo>
                      <a:pt x="1469" y="3492"/>
                    </a:lnTo>
                    <a:lnTo>
                      <a:pt x="1465" y="3506"/>
                    </a:lnTo>
                    <a:lnTo>
                      <a:pt x="1461" y="3522"/>
                    </a:lnTo>
                    <a:lnTo>
                      <a:pt x="1461" y="3537"/>
                    </a:lnTo>
                    <a:lnTo>
                      <a:pt x="1461" y="3553"/>
                    </a:lnTo>
                    <a:lnTo>
                      <a:pt x="1463" y="3570"/>
                    </a:lnTo>
                    <a:lnTo>
                      <a:pt x="1469" y="3584"/>
                    </a:lnTo>
                    <a:lnTo>
                      <a:pt x="1474" y="3598"/>
                    </a:lnTo>
                    <a:lnTo>
                      <a:pt x="1478" y="3607"/>
                    </a:lnTo>
                    <a:lnTo>
                      <a:pt x="1479" y="3614"/>
                    </a:lnTo>
                    <a:lnTo>
                      <a:pt x="1479" y="3620"/>
                    </a:lnTo>
                    <a:lnTo>
                      <a:pt x="1476" y="3627"/>
                    </a:lnTo>
                    <a:lnTo>
                      <a:pt x="1474" y="3632"/>
                    </a:lnTo>
                    <a:lnTo>
                      <a:pt x="1470" y="3636"/>
                    </a:lnTo>
                    <a:lnTo>
                      <a:pt x="1466" y="3640"/>
                    </a:lnTo>
                    <a:lnTo>
                      <a:pt x="1461" y="3644"/>
                    </a:lnTo>
                    <a:lnTo>
                      <a:pt x="1449" y="3650"/>
                    </a:lnTo>
                    <a:lnTo>
                      <a:pt x="1439" y="3655"/>
                    </a:lnTo>
                    <a:lnTo>
                      <a:pt x="1435" y="3658"/>
                    </a:lnTo>
                    <a:lnTo>
                      <a:pt x="1431" y="3660"/>
                    </a:lnTo>
                    <a:lnTo>
                      <a:pt x="1430" y="3663"/>
                    </a:lnTo>
                    <a:lnTo>
                      <a:pt x="1429" y="3666"/>
                    </a:lnTo>
                    <a:lnTo>
                      <a:pt x="1434" y="3669"/>
                    </a:lnTo>
                    <a:lnTo>
                      <a:pt x="1444" y="3672"/>
                    </a:lnTo>
                    <a:lnTo>
                      <a:pt x="1454" y="3675"/>
                    </a:lnTo>
                    <a:lnTo>
                      <a:pt x="1462" y="3676"/>
                    </a:lnTo>
                    <a:lnTo>
                      <a:pt x="1460" y="3690"/>
                    </a:lnTo>
                    <a:lnTo>
                      <a:pt x="1456" y="3707"/>
                    </a:lnTo>
                    <a:lnTo>
                      <a:pt x="1452" y="3723"/>
                    </a:lnTo>
                    <a:lnTo>
                      <a:pt x="1448" y="3737"/>
                    </a:lnTo>
                    <a:lnTo>
                      <a:pt x="1447" y="3743"/>
                    </a:lnTo>
                    <a:lnTo>
                      <a:pt x="1448" y="3750"/>
                    </a:lnTo>
                    <a:lnTo>
                      <a:pt x="1449" y="3759"/>
                    </a:lnTo>
                    <a:lnTo>
                      <a:pt x="1451" y="3769"/>
                    </a:lnTo>
                    <a:lnTo>
                      <a:pt x="1457" y="3790"/>
                    </a:lnTo>
                    <a:lnTo>
                      <a:pt x="1466" y="3813"/>
                    </a:lnTo>
                    <a:lnTo>
                      <a:pt x="1475" y="3835"/>
                    </a:lnTo>
                    <a:lnTo>
                      <a:pt x="1487" y="3855"/>
                    </a:lnTo>
                    <a:lnTo>
                      <a:pt x="1492" y="3864"/>
                    </a:lnTo>
                    <a:lnTo>
                      <a:pt x="1497" y="3870"/>
                    </a:lnTo>
                    <a:lnTo>
                      <a:pt x="1502" y="3875"/>
                    </a:lnTo>
                    <a:lnTo>
                      <a:pt x="1508" y="3879"/>
                    </a:lnTo>
                    <a:lnTo>
                      <a:pt x="1514" y="3883"/>
                    </a:lnTo>
                    <a:lnTo>
                      <a:pt x="1519" y="3887"/>
                    </a:lnTo>
                    <a:lnTo>
                      <a:pt x="1523" y="3892"/>
                    </a:lnTo>
                    <a:lnTo>
                      <a:pt x="1527" y="3896"/>
                    </a:lnTo>
                    <a:lnTo>
                      <a:pt x="1528" y="3901"/>
                    </a:lnTo>
                    <a:lnTo>
                      <a:pt x="1530" y="3906"/>
                    </a:lnTo>
                    <a:lnTo>
                      <a:pt x="1530" y="3913"/>
                    </a:lnTo>
                    <a:lnTo>
                      <a:pt x="1528" y="3918"/>
                    </a:lnTo>
                    <a:lnTo>
                      <a:pt x="1526" y="3930"/>
                    </a:lnTo>
                    <a:lnTo>
                      <a:pt x="1519" y="3941"/>
                    </a:lnTo>
                    <a:lnTo>
                      <a:pt x="1513" y="3953"/>
                    </a:lnTo>
                    <a:lnTo>
                      <a:pt x="1506" y="3963"/>
                    </a:lnTo>
                    <a:lnTo>
                      <a:pt x="1501" y="3971"/>
                    </a:lnTo>
                    <a:lnTo>
                      <a:pt x="1498" y="3979"/>
                    </a:lnTo>
                    <a:lnTo>
                      <a:pt x="1496" y="3987"/>
                    </a:lnTo>
                    <a:lnTo>
                      <a:pt x="1495" y="3995"/>
                    </a:lnTo>
                    <a:lnTo>
                      <a:pt x="1492" y="4010"/>
                    </a:lnTo>
                    <a:lnTo>
                      <a:pt x="1488" y="4027"/>
                    </a:lnTo>
                    <a:lnTo>
                      <a:pt x="1483" y="4036"/>
                    </a:lnTo>
                    <a:lnTo>
                      <a:pt x="1476" y="4044"/>
                    </a:lnTo>
                    <a:lnTo>
                      <a:pt x="1470" y="4052"/>
                    </a:lnTo>
                    <a:lnTo>
                      <a:pt x="1463" y="4059"/>
                    </a:lnTo>
                    <a:lnTo>
                      <a:pt x="1447" y="4071"/>
                    </a:lnTo>
                    <a:lnTo>
                      <a:pt x="1430" y="4083"/>
                    </a:lnTo>
                    <a:lnTo>
                      <a:pt x="1412" y="4093"/>
                    </a:lnTo>
                    <a:lnTo>
                      <a:pt x="1395" y="4103"/>
                    </a:lnTo>
                    <a:lnTo>
                      <a:pt x="1387" y="4110"/>
                    </a:lnTo>
                    <a:lnTo>
                      <a:pt x="1379" y="4115"/>
                    </a:lnTo>
                    <a:lnTo>
                      <a:pt x="1373" y="4122"/>
                    </a:lnTo>
                    <a:lnTo>
                      <a:pt x="1366" y="4128"/>
                    </a:lnTo>
                    <a:lnTo>
                      <a:pt x="1362" y="4133"/>
                    </a:lnTo>
                    <a:lnTo>
                      <a:pt x="1361" y="4137"/>
                    </a:lnTo>
                    <a:lnTo>
                      <a:pt x="1361" y="4138"/>
                    </a:lnTo>
                    <a:lnTo>
                      <a:pt x="1364" y="4140"/>
                    </a:lnTo>
                    <a:lnTo>
                      <a:pt x="1373" y="4138"/>
                    </a:lnTo>
                    <a:lnTo>
                      <a:pt x="1386" y="4134"/>
                    </a:lnTo>
                    <a:lnTo>
                      <a:pt x="1413" y="4122"/>
                    </a:lnTo>
                    <a:lnTo>
                      <a:pt x="1430" y="4114"/>
                    </a:lnTo>
                    <a:lnTo>
                      <a:pt x="1447" y="4102"/>
                    </a:lnTo>
                    <a:lnTo>
                      <a:pt x="1462" y="4092"/>
                    </a:lnTo>
                    <a:lnTo>
                      <a:pt x="1475" y="4081"/>
                    </a:lnTo>
                    <a:lnTo>
                      <a:pt x="1488" y="4070"/>
                    </a:lnTo>
                    <a:lnTo>
                      <a:pt x="1498" y="4058"/>
                    </a:lnTo>
                    <a:lnTo>
                      <a:pt x="1509" y="4044"/>
                    </a:lnTo>
                    <a:lnTo>
                      <a:pt x="1520" y="4027"/>
                    </a:lnTo>
                    <a:lnTo>
                      <a:pt x="1531" y="4008"/>
                    </a:lnTo>
                    <a:lnTo>
                      <a:pt x="1539" y="3988"/>
                    </a:lnTo>
                    <a:lnTo>
                      <a:pt x="1546" y="3963"/>
                    </a:lnTo>
                    <a:lnTo>
                      <a:pt x="1550" y="3951"/>
                    </a:lnTo>
                    <a:lnTo>
                      <a:pt x="1557" y="3940"/>
                    </a:lnTo>
                    <a:lnTo>
                      <a:pt x="1559" y="3935"/>
                    </a:lnTo>
                    <a:lnTo>
                      <a:pt x="1563" y="3931"/>
                    </a:lnTo>
                    <a:lnTo>
                      <a:pt x="1567" y="3927"/>
                    </a:lnTo>
                    <a:lnTo>
                      <a:pt x="1571" y="3925"/>
                    </a:lnTo>
                    <a:lnTo>
                      <a:pt x="1577" y="3923"/>
                    </a:lnTo>
                    <a:lnTo>
                      <a:pt x="1583" y="3925"/>
                    </a:lnTo>
                    <a:lnTo>
                      <a:pt x="1588" y="3927"/>
                    </a:lnTo>
                    <a:lnTo>
                      <a:pt x="1593" y="3932"/>
                    </a:lnTo>
                    <a:lnTo>
                      <a:pt x="1598" y="3939"/>
                    </a:lnTo>
                    <a:lnTo>
                      <a:pt x="1602" y="3945"/>
                    </a:lnTo>
                    <a:lnTo>
                      <a:pt x="1606" y="3954"/>
                    </a:lnTo>
                    <a:lnTo>
                      <a:pt x="1610" y="3962"/>
                    </a:lnTo>
                    <a:lnTo>
                      <a:pt x="1624" y="4000"/>
                    </a:lnTo>
                    <a:lnTo>
                      <a:pt x="1635" y="4026"/>
                    </a:lnTo>
                    <a:lnTo>
                      <a:pt x="1638" y="4032"/>
                    </a:lnTo>
                    <a:lnTo>
                      <a:pt x="1642" y="4039"/>
                    </a:lnTo>
                    <a:lnTo>
                      <a:pt x="1646" y="4043"/>
                    </a:lnTo>
                    <a:lnTo>
                      <a:pt x="1650" y="4045"/>
                    </a:lnTo>
                    <a:lnTo>
                      <a:pt x="1654" y="4048"/>
                    </a:lnTo>
                    <a:lnTo>
                      <a:pt x="1657" y="4049"/>
                    </a:lnTo>
                    <a:lnTo>
                      <a:pt x="1660" y="4049"/>
                    </a:lnTo>
                    <a:lnTo>
                      <a:pt x="1664" y="4048"/>
                    </a:lnTo>
                    <a:lnTo>
                      <a:pt x="1671" y="4045"/>
                    </a:lnTo>
                    <a:lnTo>
                      <a:pt x="1676" y="4039"/>
                    </a:lnTo>
                    <a:lnTo>
                      <a:pt x="1682" y="4032"/>
                    </a:lnTo>
                    <a:lnTo>
                      <a:pt x="1688" y="4023"/>
                    </a:lnTo>
                    <a:lnTo>
                      <a:pt x="1697" y="4008"/>
                    </a:lnTo>
                    <a:lnTo>
                      <a:pt x="1707" y="3995"/>
                    </a:lnTo>
                    <a:lnTo>
                      <a:pt x="1708" y="3993"/>
                    </a:lnTo>
                    <a:lnTo>
                      <a:pt x="1711" y="3992"/>
                    </a:lnTo>
                    <a:lnTo>
                      <a:pt x="1714" y="3992"/>
                    </a:lnTo>
                    <a:lnTo>
                      <a:pt x="1715" y="3993"/>
                    </a:lnTo>
                    <a:lnTo>
                      <a:pt x="1720" y="3997"/>
                    </a:lnTo>
                    <a:lnTo>
                      <a:pt x="1724" y="4006"/>
                    </a:lnTo>
                    <a:lnTo>
                      <a:pt x="1733" y="4032"/>
                    </a:lnTo>
                    <a:lnTo>
                      <a:pt x="1742" y="4054"/>
                    </a:lnTo>
                    <a:lnTo>
                      <a:pt x="1747" y="4063"/>
                    </a:lnTo>
                    <a:lnTo>
                      <a:pt x="1755" y="4071"/>
                    </a:lnTo>
                    <a:lnTo>
                      <a:pt x="1765" y="4079"/>
                    </a:lnTo>
                    <a:lnTo>
                      <a:pt x="1780" y="4085"/>
                    </a:lnTo>
                    <a:lnTo>
                      <a:pt x="1796" y="4093"/>
                    </a:lnTo>
                    <a:lnTo>
                      <a:pt x="1822" y="4106"/>
                    </a:lnTo>
                    <a:lnTo>
                      <a:pt x="1835" y="4112"/>
                    </a:lnTo>
                    <a:lnTo>
                      <a:pt x="1847" y="4119"/>
                    </a:lnTo>
                    <a:lnTo>
                      <a:pt x="1853" y="4124"/>
                    </a:lnTo>
                    <a:lnTo>
                      <a:pt x="1856" y="4129"/>
                    </a:lnTo>
                    <a:lnTo>
                      <a:pt x="1856" y="4131"/>
                    </a:lnTo>
                    <a:lnTo>
                      <a:pt x="1834" y="4132"/>
                    </a:lnTo>
                    <a:lnTo>
                      <a:pt x="1802" y="4133"/>
                    </a:lnTo>
                    <a:lnTo>
                      <a:pt x="1773" y="4134"/>
                    </a:lnTo>
                    <a:lnTo>
                      <a:pt x="1756" y="4137"/>
                    </a:lnTo>
                    <a:lnTo>
                      <a:pt x="1758" y="4142"/>
                    </a:lnTo>
                    <a:lnTo>
                      <a:pt x="1759" y="4147"/>
                    </a:lnTo>
                    <a:lnTo>
                      <a:pt x="1760" y="4151"/>
                    </a:lnTo>
                    <a:lnTo>
                      <a:pt x="1764" y="4154"/>
                    </a:lnTo>
                    <a:lnTo>
                      <a:pt x="1771" y="4160"/>
                    </a:lnTo>
                    <a:lnTo>
                      <a:pt x="1780" y="4166"/>
                    </a:lnTo>
                    <a:lnTo>
                      <a:pt x="1787" y="4171"/>
                    </a:lnTo>
                    <a:lnTo>
                      <a:pt x="1796" y="4176"/>
                    </a:lnTo>
                    <a:lnTo>
                      <a:pt x="1803" y="4181"/>
                    </a:lnTo>
                    <a:lnTo>
                      <a:pt x="1807" y="4188"/>
                    </a:lnTo>
                    <a:lnTo>
                      <a:pt x="1811" y="4199"/>
                    </a:lnTo>
                    <a:lnTo>
                      <a:pt x="1816" y="4207"/>
                    </a:lnTo>
                    <a:lnTo>
                      <a:pt x="1818" y="4210"/>
                    </a:lnTo>
                    <a:lnTo>
                      <a:pt x="1821" y="4212"/>
                    </a:lnTo>
                    <a:lnTo>
                      <a:pt x="1824" y="4214"/>
                    </a:lnTo>
                    <a:lnTo>
                      <a:pt x="1828" y="4215"/>
                    </a:lnTo>
                    <a:lnTo>
                      <a:pt x="1834" y="4214"/>
                    </a:lnTo>
                    <a:lnTo>
                      <a:pt x="1842" y="4210"/>
                    </a:lnTo>
                    <a:lnTo>
                      <a:pt x="1850" y="4204"/>
                    </a:lnTo>
                    <a:lnTo>
                      <a:pt x="1859" y="4197"/>
                    </a:lnTo>
                    <a:lnTo>
                      <a:pt x="1861" y="4194"/>
                    </a:lnTo>
                    <a:lnTo>
                      <a:pt x="1863" y="4195"/>
                    </a:lnTo>
                    <a:lnTo>
                      <a:pt x="1864" y="4197"/>
                    </a:lnTo>
                    <a:lnTo>
                      <a:pt x="1865" y="4199"/>
                    </a:lnTo>
                    <a:lnTo>
                      <a:pt x="1865" y="4208"/>
                    </a:lnTo>
                    <a:lnTo>
                      <a:pt x="1865" y="4219"/>
                    </a:lnTo>
                    <a:lnTo>
                      <a:pt x="1864" y="4243"/>
                    </a:lnTo>
                    <a:lnTo>
                      <a:pt x="1860" y="4259"/>
                    </a:lnTo>
                    <a:lnTo>
                      <a:pt x="1840" y="4277"/>
                    </a:lnTo>
                    <a:lnTo>
                      <a:pt x="1815" y="4298"/>
                    </a:lnTo>
                    <a:lnTo>
                      <a:pt x="1802" y="4308"/>
                    </a:lnTo>
                    <a:lnTo>
                      <a:pt x="1793" y="4316"/>
                    </a:lnTo>
                    <a:lnTo>
                      <a:pt x="1790" y="4318"/>
                    </a:lnTo>
                    <a:lnTo>
                      <a:pt x="1787" y="4322"/>
                    </a:lnTo>
                    <a:lnTo>
                      <a:pt x="1787" y="4324"/>
                    </a:lnTo>
                    <a:lnTo>
                      <a:pt x="1787" y="4325"/>
                    </a:lnTo>
                    <a:lnTo>
                      <a:pt x="1809" y="4329"/>
                    </a:lnTo>
                    <a:lnTo>
                      <a:pt x="1838" y="4333"/>
                    </a:lnTo>
                    <a:lnTo>
                      <a:pt x="1852" y="4334"/>
                    </a:lnTo>
                    <a:lnTo>
                      <a:pt x="1864" y="4337"/>
                    </a:lnTo>
                    <a:lnTo>
                      <a:pt x="1868" y="4338"/>
                    </a:lnTo>
                    <a:lnTo>
                      <a:pt x="1870" y="4339"/>
                    </a:lnTo>
                    <a:lnTo>
                      <a:pt x="1873" y="4342"/>
                    </a:lnTo>
                    <a:lnTo>
                      <a:pt x="1873" y="4344"/>
                    </a:lnTo>
                    <a:lnTo>
                      <a:pt x="1870" y="4348"/>
                    </a:lnTo>
                    <a:lnTo>
                      <a:pt x="1865" y="4353"/>
                    </a:lnTo>
                    <a:lnTo>
                      <a:pt x="1860" y="4357"/>
                    </a:lnTo>
                    <a:lnTo>
                      <a:pt x="1853" y="4360"/>
                    </a:lnTo>
                    <a:lnTo>
                      <a:pt x="1840" y="4366"/>
                    </a:lnTo>
                    <a:lnTo>
                      <a:pt x="1829" y="4372"/>
                    </a:lnTo>
                    <a:lnTo>
                      <a:pt x="1822" y="4374"/>
                    </a:lnTo>
                    <a:lnTo>
                      <a:pt x="1818" y="4379"/>
                    </a:lnTo>
                    <a:lnTo>
                      <a:pt x="1815" y="4386"/>
                    </a:lnTo>
                    <a:lnTo>
                      <a:pt x="1812" y="4394"/>
                    </a:lnTo>
                    <a:lnTo>
                      <a:pt x="1808" y="4400"/>
                    </a:lnTo>
                    <a:lnTo>
                      <a:pt x="1803" y="4408"/>
                    </a:lnTo>
                    <a:lnTo>
                      <a:pt x="1798" y="4416"/>
                    </a:lnTo>
                    <a:lnTo>
                      <a:pt x="1790" y="4422"/>
                    </a:lnTo>
                    <a:lnTo>
                      <a:pt x="1776" y="4431"/>
                    </a:lnTo>
                    <a:lnTo>
                      <a:pt x="1761" y="4439"/>
                    </a:lnTo>
                    <a:lnTo>
                      <a:pt x="1749" y="4444"/>
                    </a:lnTo>
                    <a:lnTo>
                      <a:pt x="1734" y="4448"/>
                    </a:lnTo>
                    <a:lnTo>
                      <a:pt x="1707" y="4456"/>
                    </a:lnTo>
                    <a:lnTo>
                      <a:pt x="1676" y="4466"/>
                    </a:lnTo>
                    <a:lnTo>
                      <a:pt x="1673" y="4467"/>
                    </a:lnTo>
                    <a:lnTo>
                      <a:pt x="1672" y="4469"/>
                    </a:lnTo>
                    <a:lnTo>
                      <a:pt x="1672" y="4471"/>
                    </a:lnTo>
                    <a:lnTo>
                      <a:pt x="1672" y="4475"/>
                    </a:lnTo>
                    <a:lnTo>
                      <a:pt x="1676" y="4482"/>
                    </a:lnTo>
                    <a:lnTo>
                      <a:pt x="1681" y="4489"/>
                    </a:lnTo>
                    <a:lnTo>
                      <a:pt x="1686" y="4496"/>
                    </a:lnTo>
                    <a:lnTo>
                      <a:pt x="1693" y="4502"/>
                    </a:lnTo>
                    <a:lnTo>
                      <a:pt x="1699" y="4508"/>
                    </a:lnTo>
                    <a:lnTo>
                      <a:pt x="1703" y="4510"/>
                    </a:lnTo>
                    <a:lnTo>
                      <a:pt x="1711" y="4511"/>
                    </a:lnTo>
                    <a:lnTo>
                      <a:pt x="1721" y="4511"/>
                    </a:lnTo>
                    <a:lnTo>
                      <a:pt x="1730" y="4510"/>
                    </a:lnTo>
                    <a:lnTo>
                      <a:pt x="1741" y="4509"/>
                    </a:lnTo>
                    <a:lnTo>
                      <a:pt x="1751" y="4509"/>
                    </a:lnTo>
                    <a:lnTo>
                      <a:pt x="1759" y="4509"/>
                    </a:lnTo>
                    <a:lnTo>
                      <a:pt x="1763" y="4509"/>
                    </a:lnTo>
                    <a:lnTo>
                      <a:pt x="1767" y="4510"/>
                    </a:lnTo>
                    <a:lnTo>
                      <a:pt x="1769" y="4511"/>
                    </a:lnTo>
                    <a:lnTo>
                      <a:pt x="1772" y="4514"/>
                    </a:lnTo>
                    <a:lnTo>
                      <a:pt x="1774" y="4518"/>
                    </a:lnTo>
                    <a:lnTo>
                      <a:pt x="1774" y="4522"/>
                    </a:lnTo>
                    <a:lnTo>
                      <a:pt x="1774" y="4526"/>
                    </a:lnTo>
                    <a:lnTo>
                      <a:pt x="1773" y="4528"/>
                    </a:lnTo>
                    <a:lnTo>
                      <a:pt x="1772" y="4531"/>
                    </a:lnTo>
                    <a:lnTo>
                      <a:pt x="1768" y="4535"/>
                    </a:lnTo>
                    <a:lnTo>
                      <a:pt x="1765" y="4536"/>
                    </a:lnTo>
                    <a:lnTo>
                      <a:pt x="1760" y="4539"/>
                    </a:lnTo>
                    <a:lnTo>
                      <a:pt x="1751" y="4541"/>
                    </a:lnTo>
                    <a:lnTo>
                      <a:pt x="1741" y="4543"/>
                    </a:lnTo>
                    <a:lnTo>
                      <a:pt x="1730" y="4543"/>
                    </a:lnTo>
                    <a:lnTo>
                      <a:pt x="1721" y="4540"/>
                    </a:lnTo>
                    <a:lnTo>
                      <a:pt x="1710" y="4535"/>
                    </a:lnTo>
                    <a:lnTo>
                      <a:pt x="1698" y="4532"/>
                    </a:lnTo>
                    <a:lnTo>
                      <a:pt x="1693" y="4532"/>
                    </a:lnTo>
                    <a:lnTo>
                      <a:pt x="1688" y="4532"/>
                    </a:lnTo>
                    <a:lnTo>
                      <a:pt x="1684" y="4533"/>
                    </a:lnTo>
                    <a:lnTo>
                      <a:pt x="1680" y="4535"/>
                    </a:lnTo>
                    <a:lnTo>
                      <a:pt x="1677" y="4536"/>
                    </a:lnTo>
                    <a:lnTo>
                      <a:pt x="1676" y="4539"/>
                    </a:lnTo>
                    <a:lnTo>
                      <a:pt x="1675" y="4543"/>
                    </a:lnTo>
                    <a:lnTo>
                      <a:pt x="1676" y="4546"/>
                    </a:lnTo>
                    <a:lnTo>
                      <a:pt x="1677" y="4550"/>
                    </a:lnTo>
                    <a:lnTo>
                      <a:pt x="1681" y="4556"/>
                    </a:lnTo>
                    <a:lnTo>
                      <a:pt x="1686" y="4561"/>
                    </a:lnTo>
                    <a:lnTo>
                      <a:pt x="1693" y="4566"/>
                    </a:lnTo>
                    <a:lnTo>
                      <a:pt x="1698" y="4571"/>
                    </a:lnTo>
                    <a:lnTo>
                      <a:pt x="1702" y="4576"/>
                    </a:lnTo>
                    <a:lnTo>
                      <a:pt x="1703" y="4580"/>
                    </a:lnTo>
                    <a:lnTo>
                      <a:pt x="1704" y="4585"/>
                    </a:lnTo>
                    <a:lnTo>
                      <a:pt x="1703" y="4590"/>
                    </a:lnTo>
                    <a:lnTo>
                      <a:pt x="1701" y="4594"/>
                    </a:lnTo>
                    <a:lnTo>
                      <a:pt x="1698" y="4600"/>
                    </a:lnTo>
                    <a:lnTo>
                      <a:pt x="1694" y="4603"/>
                    </a:lnTo>
                    <a:lnTo>
                      <a:pt x="1673" y="4623"/>
                    </a:lnTo>
                    <a:lnTo>
                      <a:pt x="1653" y="4641"/>
                    </a:lnTo>
                    <a:lnTo>
                      <a:pt x="1649" y="4646"/>
                    </a:lnTo>
                    <a:lnTo>
                      <a:pt x="1645" y="4653"/>
                    </a:lnTo>
                    <a:lnTo>
                      <a:pt x="1641" y="4662"/>
                    </a:lnTo>
                    <a:lnTo>
                      <a:pt x="1638" y="4672"/>
                    </a:lnTo>
                    <a:lnTo>
                      <a:pt x="1631" y="4693"/>
                    </a:lnTo>
                    <a:lnTo>
                      <a:pt x="1623" y="4715"/>
                    </a:lnTo>
                    <a:lnTo>
                      <a:pt x="1619" y="4724"/>
                    </a:lnTo>
                    <a:lnTo>
                      <a:pt x="1614" y="4733"/>
                    </a:lnTo>
                    <a:lnTo>
                      <a:pt x="1609" y="4741"/>
                    </a:lnTo>
                    <a:lnTo>
                      <a:pt x="1603" y="4746"/>
                    </a:lnTo>
                    <a:lnTo>
                      <a:pt x="1598" y="4750"/>
                    </a:lnTo>
                    <a:lnTo>
                      <a:pt x="1592" y="4751"/>
                    </a:lnTo>
                    <a:lnTo>
                      <a:pt x="1588" y="4750"/>
                    </a:lnTo>
                    <a:lnTo>
                      <a:pt x="1584" y="4749"/>
                    </a:lnTo>
                    <a:lnTo>
                      <a:pt x="1580" y="4747"/>
                    </a:lnTo>
                    <a:lnTo>
                      <a:pt x="1576" y="4745"/>
                    </a:lnTo>
                    <a:lnTo>
                      <a:pt x="1572" y="4739"/>
                    </a:lnTo>
                    <a:lnTo>
                      <a:pt x="1568" y="4734"/>
                    </a:lnTo>
                    <a:lnTo>
                      <a:pt x="1565" y="4726"/>
                    </a:lnTo>
                    <a:lnTo>
                      <a:pt x="1562" y="4719"/>
                    </a:lnTo>
                    <a:lnTo>
                      <a:pt x="1557" y="4702"/>
                    </a:lnTo>
                    <a:lnTo>
                      <a:pt x="1553" y="4684"/>
                    </a:lnTo>
                    <a:lnTo>
                      <a:pt x="1550" y="4666"/>
                    </a:lnTo>
                    <a:lnTo>
                      <a:pt x="1548" y="4650"/>
                    </a:lnTo>
                    <a:lnTo>
                      <a:pt x="1545" y="4640"/>
                    </a:lnTo>
                    <a:lnTo>
                      <a:pt x="1543" y="4636"/>
                    </a:lnTo>
                    <a:lnTo>
                      <a:pt x="1536" y="4658"/>
                    </a:lnTo>
                    <a:lnTo>
                      <a:pt x="1528" y="4677"/>
                    </a:lnTo>
                    <a:lnTo>
                      <a:pt x="1524" y="4688"/>
                    </a:lnTo>
                    <a:lnTo>
                      <a:pt x="1520" y="4698"/>
                    </a:lnTo>
                    <a:lnTo>
                      <a:pt x="1518" y="4710"/>
                    </a:lnTo>
                    <a:lnTo>
                      <a:pt x="1515" y="4723"/>
                    </a:lnTo>
                    <a:lnTo>
                      <a:pt x="1514" y="4729"/>
                    </a:lnTo>
                    <a:lnTo>
                      <a:pt x="1511" y="4736"/>
                    </a:lnTo>
                    <a:lnTo>
                      <a:pt x="1508" y="4741"/>
                    </a:lnTo>
                    <a:lnTo>
                      <a:pt x="1502" y="4745"/>
                    </a:lnTo>
                    <a:lnTo>
                      <a:pt x="1489" y="4751"/>
                    </a:lnTo>
                    <a:lnTo>
                      <a:pt x="1475" y="4756"/>
                    </a:lnTo>
                    <a:lnTo>
                      <a:pt x="1460" y="4760"/>
                    </a:lnTo>
                    <a:lnTo>
                      <a:pt x="1445" y="4764"/>
                    </a:lnTo>
                    <a:lnTo>
                      <a:pt x="1432" y="4768"/>
                    </a:lnTo>
                    <a:lnTo>
                      <a:pt x="1421" y="4772"/>
                    </a:lnTo>
                    <a:lnTo>
                      <a:pt x="1406" y="4783"/>
                    </a:lnTo>
                    <a:lnTo>
                      <a:pt x="1394" y="4796"/>
                    </a:lnTo>
                    <a:lnTo>
                      <a:pt x="1379" y="4808"/>
                    </a:lnTo>
                    <a:lnTo>
                      <a:pt x="1364" y="4820"/>
                    </a:lnTo>
                    <a:lnTo>
                      <a:pt x="1359" y="4822"/>
                    </a:lnTo>
                    <a:lnTo>
                      <a:pt x="1352" y="4825"/>
                    </a:lnTo>
                    <a:lnTo>
                      <a:pt x="1346" y="4826"/>
                    </a:lnTo>
                    <a:lnTo>
                      <a:pt x="1338" y="4826"/>
                    </a:lnTo>
                    <a:lnTo>
                      <a:pt x="1322" y="4826"/>
                    </a:lnTo>
                    <a:lnTo>
                      <a:pt x="1307" y="4825"/>
                    </a:lnTo>
                    <a:lnTo>
                      <a:pt x="1290" y="4822"/>
                    </a:lnTo>
                    <a:lnTo>
                      <a:pt x="1274" y="4821"/>
                    </a:lnTo>
                    <a:lnTo>
                      <a:pt x="1259" y="4820"/>
                    </a:lnTo>
                    <a:lnTo>
                      <a:pt x="1246" y="4822"/>
                    </a:lnTo>
                    <a:lnTo>
                      <a:pt x="1247" y="4828"/>
                    </a:lnTo>
                    <a:lnTo>
                      <a:pt x="1248" y="4831"/>
                    </a:lnTo>
                    <a:lnTo>
                      <a:pt x="1252" y="4835"/>
                    </a:lnTo>
                    <a:lnTo>
                      <a:pt x="1258" y="4839"/>
                    </a:lnTo>
                    <a:lnTo>
                      <a:pt x="1269" y="4844"/>
                    </a:lnTo>
                    <a:lnTo>
                      <a:pt x="1283" y="4850"/>
                    </a:lnTo>
                    <a:lnTo>
                      <a:pt x="1313" y="4856"/>
                    </a:lnTo>
                    <a:lnTo>
                      <a:pt x="1337" y="4861"/>
                    </a:lnTo>
                    <a:lnTo>
                      <a:pt x="1343" y="4865"/>
                    </a:lnTo>
                    <a:lnTo>
                      <a:pt x="1349" y="4870"/>
                    </a:lnTo>
                    <a:lnTo>
                      <a:pt x="1355" y="4875"/>
                    </a:lnTo>
                    <a:lnTo>
                      <a:pt x="1361" y="4881"/>
                    </a:lnTo>
                    <a:lnTo>
                      <a:pt x="1365" y="4887"/>
                    </a:lnTo>
                    <a:lnTo>
                      <a:pt x="1369" y="4894"/>
                    </a:lnTo>
                    <a:lnTo>
                      <a:pt x="1373" y="4899"/>
                    </a:lnTo>
                    <a:lnTo>
                      <a:pt x="1374" y="4905"/>
                    </a:lnTo>
                    <a:lnTo>
                      <a:pt x="1375" y="4910"/>
                    </a:lnTo>
                    <a:lnTo>
                      <a:pt x="1374" y="4916"/>
                    </a:lnTo>
                    <a:lnTo>
                      <a:pt x="1372" y="4920"/>
                    </a:lnTo>
                    <a:lnTo>
                      <a:pt x="1368" y="4923"/>
                    </a:lnTo>
                    <a:lnTo>
                      <a:pt x="1362" y="4926"/>
                    </a:lnTo>
                    <a:lnTo>
                      <a:pt x="1355" y="4927"/>
                    </a:lnTo>
                    <a:lnTo>
                      <a:pt x="1346" y="4927"/>
                    </a:lnTo>
                    <a:lnTo>
                      <a:pt x="1334" y="4925"/>
                    </a:lnTo>
                    <a:lnTo>
                      <a:pt x="1292" y="4923"/>
                    </a:lnTo>
                    <a:lnTo>
                      <a:pt x="1291" y="4929"/>
                    </a:lnTo>
                    <a:lnTo>
                      <a:pt x="1292" y="4932"/>
                    </a:lnTo>
                    <a:lnTo>
                      <a:pt x="1294" y="4936"/>
                    </a:lnTo>
                    <a:lnTo>
                      <a:pt x="1296" y="4939"/>
                    </a:lnTo>
                    <a:lnTo>
                      <a:pt x="1304" y="4947"/>
                    </a:lnTo>
                    <a:lnTo>
                      <a:pt x="1313" y="4953"/>
                    </a:lnTo>
                    <a:lnTo>
                      <a:pt x="1333" y="4966"/>
                    </a:lnTo>
                    <a:lnTo>
                      <a:pt x="1348" y="4979"/>
                    </a:lnTo>
                    <a:lnTo>
                      <a:pt x="1353" y="4986"/>
                    </a:lnTo>
                    <a:lnTo>
                      <a:pt x="1356" y="4992"/>
                    </a:lnTo>
                    <a:lnTo>
                      <a:pt x="1359" y="4996"/>
                    </a:lnTo>
                    <a:lnTo>
                      <a:pt x="1359" y="5001"/>
                    </a:lnTo>
                    <a:lnTo>
                      <a:pt x="1357" y="5005"/>
                    </a:lnTo>
                    <a:lnTo>
                      <a:pt x="1356" y="5008"/>
                    </a:lnTo>
                    <a:lnTo>
                      <a:pt x="1353" y="5010"/>
                    </a:lnTo>
                    <a:lnTo>
                      <a:pt x="1351" y="5013"/>
                    </a:lnTo>
                    <a:lnTo>
                      <a:pt x="1334" y="5019"/>
                    </a:lnTo>
                    <a:lnTo>
                      <a:pt x="1317" y="5023"/>
                    </a:lnTo>
                    <a:lnTo>
                      <a:pt x="1317" y="5030"/>
                    </a:lnTo>
                    <a:lnTo>
                      <a:pt x="1318" y="5040"/>
                    </a:lnTo>
                    <a:lnTo>
                      <a:pt x="1321" y="5050"/>
                    </a:lnTo>
                    <a:lnTo>
                      <a:pt x="1325" y="5062"/>
                    </a:lnTo>
                    <a:lnTo>
                      <a:pt x="1333" y="5087"/>
                    </a:lnTo>
                    <a:lnTo>
                      <a:pt x="1340" y="5110"/>
                    </a:lnTo>
                    <a:lnTo>
                      <a:pt x="1342" y="5122"/>
                    </a:lnTo>
                    <a:lnTo>
                      <a:pt x="1343" y="5132"/>
                    </a:lnTo>
                    <a:lnTo>
                      <a:pt x="1343" y="5140"/>
                    </a:lnTo>
                    <a:lnTo>
                      <a:pt x="1339" y="5146"/>
                    </a:lnTo>
                    <a:lnTo>
                      <a:pt x="1338" y="5149"/>
                    </a:lnTo>
                    <a:lnTo>
                      <a:pt x="1334" y="5151"/>
                    </a:lnTo>
                    <a:lnTo>
                      <a:pt x="1331" y="5153"/>
                    </a:lnTo>
                    <a:lnTo>
                      <a:pt x="1326" y="5153"/>
                    </a:lnTo>
                    <a:lnTo>
                      <a:pt x="1316" y="5153"/>
                    </a:lnTo>
                    <a:lnTo>
                      <a:pt x="1300" y="5149"/>
                    </a:lnTo>
                    <a:lnTo>
                      <a:pt x="1290" y="5141"/>
                    </a:lnTo>
                    <a:lnTo>
                      <a:pt x="1278" y="5131"/>
                    </a:lnTo>
                    <a:lnTo>
                      <a:pt x="1273" y="5127"/>
                    </a:lnTo>
                    <a:lnTo>
                      <a:pt x="1268" y="5125"/>
                    </a:lnTo>
                    <a:lnTo>
                      <a:pt x="1267" y="5127"/>
                    </a:lnTo>
                    <a:lnTo>
                      <a:pt x="1265" y="5128"/>
                    </a:lnTo>
                    <a:lnTo>
                      <a:pt x="1264" y="5131"/>
                    </a:lnTo>
                    <a:lnTo>
                      <a:pt x="1264" y="5135"/>
                    </a:lnTo>
                    <a:lnTo>
                      <a:pt x="1265" y="5142"/>
                    </a:lnTo>
                    <a:lnTo>
                      <a:pt x="1267" y="5150"/>
                    </a:lnTo>
                    <a:lnTo>
                      <a:pt x="1270" y="5158"/>
                    </a:lnTo>
                    <a:lnTo>
                      <a:pt x="1273" y="5166"/>
                    </a:lnTo>
                    <a:lnTo>
                      <a:pt x="1281" y="5181"/>
                    </a:lnTo>
                    <a:lnTo>
                      <a:pt x="1286" y="5195"/>
                    </a:lnTo>
                    <a:lnTo>
                      <a:pt x="1289" y="5207"/>
                    </a:lnTo>
                    <a:lnTo>
                      <a:pt x="1289" y="5220"/>
                    </a:lnTo>
                    <a:lnTo>
                      <a:pt x="1287" y="5232"/>
                    </a:lnTo>
                    <a:lnTo>
                      <a:pt x="1285" y="5245"/>
                    </a:lnTo>
                    <a:lnTo>
                      <a:pt x="1281" y="5271"/>
                    </a:lnTo>
                    <a:lnTo>
                      <a:pt x="1280" y="5295"/>
                    </a:lnTo>
                    <a:lnTo>
                      <a:pt x="1282" y="5329"/>
                    </a:lnTo>
                    <a:lnTo>
                      <a:pt x="1286" y="5365"/>
                    </a:lnTo>
                    <a:lnTo>
                      <a:pt x="1287" y="5385"/>
                    </a:lnTo>
                    <a:lnTo>
                      <a:pt x="1287" y="5403"/>
                    </a:lnTo>
                    <a:lnTo>
                      <a:pt x="1287" y="5410"/>
                    </a:lnTo>
                    <a:lnTo>
                      <a:pt x="1286" y="5420"/>
                    </a:lnTo>
                    <a:lnTo>
                      <a:pt x="1283" y="5427"/>
                    </a:lnTo>
                    <a:lnTo>
                      <a:pt x="1281" y="5435"/>
                    </a:lnTo>
                    <a:lnTo>
                      <a:pt x="1276" y="5447"/>
                    </a:lnTo>
                    <a:lnTo>
                      <a:pt x="1269" y="5458"/>
                    </a:lnTo>
                    <a:lnTo>
                      <a:pt x="1260" y="5470"/>
                    </a:lnTo>
                    <a:lnTo>
                      <a:pt x="1251" y="5480"/>
                    </a:lnTo>
                    <a:lnTo>
                      <a:pt x="1232" y="5504"/>
                    </a:lnTo>
                    <a:lnTo>
                      <a:pt x="1215" y="5524"/>
                    </a:lnTo>
                    <a:lnTo>
                      <a:pt x="1216" y="5544"/>
                    </a:lnTo>
                    <a:lnTo>
                      <a:pt x="1213" y="5563"/>
                    </a:lnTo>
                    <a:lnTo>
                      <a:pt x="1211" y="5583"/>
                    </a:lnTo>
                    <a:lnTo>
                      <a:pt x="1208" y="5601"/>
                    </a:lnTo>
                    <a:lnTo>
                      <a:pt x="1206" y="5620"/>
                    </a:lnTo>
                    <a:lnTo>
                      <a:pt x="1203" y="5640"/>
                    </a:lnTo>
                    <a:lnTo>
                      <a:pt x="1201" y="5658"/>
                    </a:lnTo>
                    <a:lnTo>
                      <a:pt x="1202" y="5679"/>
                    </a:lnTo>
                    <a:lnTo>
                      <a:pt x="1201" y="5685"/>
                    </a:lnTo>
                    <a:lnTo>
                      <a:pt x="1201" y="5693"/>
                    </a:lnTo>
                    <a:lnTo>
                      <a:pt x="1199" y="5699"/>
                    </a:lnTo>
                    <a:lnTo>
                      <a:pt x="1197" y="5706"/>
                    </a:lnTo>
                    <a:lnTo>
                      <a:pt x="1190" y="5719"/>
                    </a:lnTo>
                    <a:lnTo>
                      <a:pt x="1182" y="5730"/>
                    </a:lnTo>
                    <a:lnTo>
                      <a:pt x="1175" y="5742"/>
                    </a:lnTo>
                    <a:lnTo>
                      <a:pt x="1167" y="5754"/>
                    </a:lnTo>
                    <a:lnTo>
                      <a:pt x="1159" y="5765"/>
                    </a:lnTo>
                    <a:lnTo>
                      <a:pt x="1154" y="5778"/>
                    </a:lnTo>
                    <a:lnTo>
                      <a:pt x="1125" y="5868"/>
                    </a:lnTo>
                    <a:lnTo>
                      <a:pt x="1116" y="5894"/>
                    </a:lnTo>
                    <a:lnTo>
                      <a:pt x="1106" y="5920"/>
                    </a:lnTo>
                    <a:lnTo>
                      <a:pt x="1101" y="5933"/>
                    </a:lnTo>
                    <a:lnTo>
                      <a:pt x="1096" y="5945"/>
                    </a:lnTo>
                    <a:lnTo>
                      <a:pt x="1092" y="5960"/>
                    </a:lnTo>
                    <a:lnTo>
                      <a:pt x="1089" y="5973"/>
                    </a:lnTo>
                    <a:lnTo>
                      <a:pt x="1088" y="5983"/>
                    </a:lnTo>
                    <a:lnTo>
                      <a:pt x="1084" y="5992"/>
                    </a:lnTo>
                    <a:lnTo>
                      <a:pt x="1079" y="6000"/>
                    </a:lnTo>
                    <a:lnTo>
                      <a:pt x="1074" y="6005"/>
                    </a:lnTo>
                    <a:lnTo>
                      <a:pt x="1067" y="6009"/>
                    </a:lnTo>
                    <a:lnTo>
                      <a:pt x="1061" y="6012"/>
                    </a:lnTo>
                    <a:lnTo>
                      <a:pt x="1053" y="6013"/>
                    </a:lnTo>
                    <a:lnTo>
                      <a:pt x="1045" y="6013"/>
                    </a:lnTo>
                    <a:lnTo>
                      <a:pt x="1028" y="6010"/>
                    </a:lnTo>
                    <a:lnTo>
                      <a:pt x="1010" y="6004"/>
                    </a:lnTo>
                    <a:lnTo>
                      <a:pt x="995" y="5997"/>
                    </a:lnTo>
                    <a:lnTo>
                      <a:pt x="979" y="5990"/>
                    </a:lnTo>
                    <a:lnTo>
                      <a:pt x="966" y="5983"/>
                    </a:lnTo>
                    <a:lnTo>
                      <a:pt x="954" y="5979"/>
                    </a:lnTo>
                    <a:lnTo>
                      <a:pt x="943" y="5975"/>
                    </a:lnTo>
                    <a:lnTo>
                      <a:pt x="931" y="5973"/>
                    </a:lnTo>
                    <a:lnTo>
                      <a:pt x="908" y="5968"/>
                    </a:lnTo>
                    <a:lnTo>
                      <a:pt x="881" y="5962"/>
                    </a:lnTo>
                    <a:lnTo>
                      <a:pt x="848" y="5949"/>
                    </a:lnTo>
                    <a:lnTo>
                      <a:pt x="798" y="5933"/>
                    </a:lnTo>
                    <a:lnTo>
                      <a:pt x="785" y="5930"/>
                    </a:lnTo>
                    <a:lnTo>
                      <a:pt x="773" y="5929"/>
                    </a:lnTo>
                    <a:lnTo>
                      <a:pt x="763" y="5929"/>
                    </a:lnTo>
                    <a:lnTo>
                      <a:pt x="755" y="5931"/>
                    </a:lnTo>
                    <a:lnTo>
                      <a:pt x="751" y="5934"/>
                    </a:lnTo>
                    <a:lnTo>
                      <a:pt x="748" y="5936"/>
                    </a:lnTo>
                    <a:lnTo>
                      <a:pt x="747" y="5940"/>
                    </a:lnTo>
                    <a:lnTo>
                      <a:pt x="746" y="5944"/>
                    </a:lnTo>
                    <a:lnTo>
                      <a:pt x="746" y="5949"/>
                    </a:lnTo>
                    <a:lnTo>
                      <a:pt x="746" y="5956"/>
                    </a:lnTo>
                    <a:lnTo>
                      <a:pt x="747" y="5962"/>
                    </a:lnTo>
                    <a:lnTo>
                      <a:pt x="750" y="5970"/>
                    </a:lnTo>
                    <a:lnTo>
                      <a:pt x="755" y="5983"/>
                    </a:lnTo>
                    <a:lnTo>
                      <a:pt x="757" y="5993"/>
                    </a:lnTo>
                    <a:lnTo>
                      <a:pt x="757" y="6000"/>
                    </a:lnTo>
                    <a:lnTo>
                      <a:pt x="757" y="6005"/>
                    </a:lnTo>
                    <a:lnTo>
                      <a:pt x="755" y="6008"/>
                    </a:lnTo>
                    <a:lnTo>
                      <a:pt x="751" y="6008"/>
                    </a:lnTo>
                    <a:lnTo>
                      <a:pt x="747" y="6008"/>
                    </a:lnTo>
                    <a:lnTo>
                      <a:pt x="742" y="6006"/>
                    </a:lnTo>
                    <a:lnTo>
                      <a:pt x="729" y="6001"/>
                    </a:lnTo>
                    <a:lnTo>
                      <a:pt x="715" y="5996"/>
                    </a:lnTo>
                    <a:lnTo>
                      <a:pt x="708" y="5995"/>
                    </a:lnTo>
                    <a:lnTo>
                      <a:pt x="702" y="5995"/>
                    </a:lnTo>
                    <a:lnTo>
                      <a:pt x="695" y="5996"/>
                    </a:lnTo>
                    <a:lnTo>
                      <a:pt x="690" y="5999"/>
                    </a:lnTo>
                    <a:lnTo>
                      <a:pt x="676" y="6012"/>
                    </a:lnTo>
                    <a:lnTo>
                      <a:pt x="663" y="6025"/>
                    </a:lnTo>
                    <a:lnTo>
                      <a:pt x="654" y="6039"/>
                    </a:lnTo>
                    <a:lnTo>
                      <a:pt x="646" y="6054"/>
                    </a:lnTo>
                    <a:lnTo>
                      <a:pt x="640" y="6070"/>
                    </a:lnTo>
                    <a:lnTo>
                      <a:pt x="634" y="6085"/>
                    </a:lnTo>
                    <a:lnTo>
                      <a:pt x="630" y="6104"/>
                    </a:lnTo>
                    <a:lnTo>
                      <a:pt x="628" y="6120"/>
                    </a:lnTo>
                    <a:lnTo>
                      <a:pt x="627" y="6133"/>
                    </a:lnTo>
                    <a:lnTo>
                      <a:pt x="627" y="6146"/>
                    </a:lnTo>
                    <a:lnTo>
                      <a:pt x="628" y="6157"/>
                    </a:lnTo>
                    <a:lnTo>
                      <a:pt x="630" y="6167"/>
                    </a:lnTo>
                    <a:lnTo>
                      <a:pt x="640" y="6184"/>
                    </a:lnTo>
                    <a:lnTo>
                      <a:pt x="649" y="6201"/>
                    </a:lnTo>
                    <a:lnTo>
                      <a:pt x="653" y="6207"/>
                    </a:lnTo>
                    <a:lnTo>
                      <a:pt x="656" y="6215"/>
                    </a:lnTo>
                    <a:lnTo>
                      <a:pt x="659" y="6223"/>
                    </a:lnTo>
                    <a:lnTo>
                      <a:pt x="660" y="6230"/>
                    </a:lnTo>
                    <a:lnTo>
                      <a:pt x="660" y="6240"/>
                    </a:lnTo>
                    <a:lnTo>
                      <a:pt x="659" y="6249"/>
                    </a:lnTo>
                    <a:lnTo>
                      <a:pt x="656" y="6259"/>
                    </a:lnTo>
                    <a:lnTo>
                      <a:pt x="650" y="6269"/>
                    </a:lnTo>
                    <a:lnTo>
                      <a:pt x="640" y="6285"/>
                    </a:lnTo>
                    <a:lnTo>
                      <a:pt x="632" y="6297"/>
                    </a:lnTo>
                    <a:lnTo>
                      <a:pt x="625" y="6306"/>
                    </a:lnTo>
                    <a:lnTo>
                      <a:pt x="619" y="6312"/>
                    </a:lnTo>
                    <a:lnTo>
                      <a:pt x="615" y="6316"/>
                    </a:lnTo>
                    <a:lnTo>
                      <a:pt x="610" y="6317"/>
                    </a:lnTo>
                    <a:lnTo>
                      <a:pt x="606" y="6317"/>
                    </a:lnTo>
                    <a:lnTo>
                      <a:pt x="602" y="6315"/>
                    </a:lnTo>
                    <a:lnTo>
                      <a:pt x="592" y="6307"/>
                    </a:lnTo>
                    <a:lnTo>
                      <a:pt x="577" y="6297"/>
                    </a:lnTo>
                    <a:lnTo>
                      <a:pt x="568" y="6291"/>
                    </a:lnTo>
                    <a:lnTo>
                      <a:pt x="558" y="6286"/>
                    </a:lnTo>
                    <a:lnTo>
                      <a:pt x="545" y="6281"/>
                    </a:lnTo>
                    <a:lnTo>
                      <a:pt x="529" y="6277"/>
                    </a:lnTo>
                    <a:lnTo>
                      <a:pt x="518" y="6275"/>
                    </a:lnTo>
                    <a:lnTo>
                      <a:pt x="507" y="6275"/>
                    </a:lnTo>
                    <a:lnTo>
                      <a:pt x="498" y="6275"/>
                    </a:lnTo>
                    <a:lnTo>
                      <a:pt x="488" y="6275"/>
                    </a:lnTo>
                    <a:lnTo>
                      <a:pt x="470" y="6280"/>
                    </a:lnTo>
                    <a:lnTo>
                      <a:pt x="452" y="6285"/>
                    </a:lnTo>
                    <a:lnTo>
                      <a:pt x="435" y="6293"/>
                    </a:lnTo>
                    <a:lnTo>
                      <a:pt x="417" y="6299"/>
                    </a:lnTo>
                    <a:lnTo>
                      <a:pt x="397" y="6306"/>
                    </a:lnTo>
                    <a:lnTo>
                      <a:pt x="378" y="6309"/>
                    </a:lnTo>
                    <a:lnTo>
                      <a:pt x="369" y="6311"/>
                    </a:lnTo>
                    <a:lnTo>
                      <a:pt x="361" y="6311"/>
                    </a:lnTo>
                    <a:lnTo>
                      <a:pt x="352" y="6309"/>
                    </a:lnTo>
                    <a:lnTo>
                      <a:pt x="343" y="6308"/>
                    </a:lnTo>
                    <a:lnTo>
                      <a:pt x="326" y="6304"/>
                    </a:lnTo>
                    <a:lnTo>
                      <a:pt x="309" y="6298"/>
                    </a:lnTo>
                    <a:lnTo>
                      <a:pt x="294" y="6289"/>
                    </a:lnTo>
                    <a:lnTo>
                      <a:pt x="278" y="6280"/>
                    </a:lnTo>
                    <a:lnTo>
                      <a:pt x="263" y="6271"/>
                    </a:lnTo>
                    <a:lnTo>
                      <a:pt x="248" y="6262"/>
                    </a:lnTo>
                    <a:lnTo>
                      <a:pt x="247" y="6259"/>
                    </a:lnTo>
                    <a:lnTo>
                      <a:pt x="247" y="6255"/>
                    </a:lnTo>
                    <a:lnTo>
                      <a:pt x="248" y="6251"/>
                    </a:lnTo>
                    <a:lnTo>
                      <a:pt x="250" y="6245"/>
                    </a:lnTo>
                    <a:lnTo>
                      <a:pt x="256" y="6232"/>
                    </a:lnTo>
                    <a:lnTo>
                      <a:pt x="263" y="6216"/>
                    </a:lnTo>
                    <a:lnTo>
                      <a:pt x="270" y="6201"/>
                    </a:lnTo>
                    <a:lnTo>
                      <a:pt x="277" y="6186"/>
                    </a:lnTo>
                    <a:lnTo>
                      <a:pt x="282" y="6173"/>
                    </a:lnTo>
                    <a:lnTo>
                      <a:pt x="285" y="6167"/>
                    </a:lnTo>
                    <a:lnTo>
                      <a:pt x="283" y="6161"/>
                    </a:lnTo>
                    <a:lnTo>
                      <a:pt x="283" y="6155"/>
                    </a:lnTo>
                    <a:lnTo>
                      <a:pt x="281" y="6150"/>
                    </a:lnTo>
                    <a:lnTo>
                      <a:pt x="278" y="6146"/>
                    </a:lnTo>
                    <a:lnTo>
                      <a:pt x="273" y="6137"/>
                    </a:lnTo>
                    <a:lnTo>
                      <a:pt x="265" y="6128"/>
                    </a:lnTo>
                    <a:lnTo>
                      <a:pt x="257" y="6120"/>
                    </a:lnTo>
                    <a:lnTo>
                      <a:pt x="250" y="6111"/>
                    </a:lnTo>
                    <a:lnTo>
                      <a:pt x="243" y="6104"/>
                    </a:lnTo>
                    <a:lnTo>
                      <a:pt x="237" y="6093"/>
                    </a:lnTo>
                    <a:lnTo>
                      <a:pt x="233" y="6082"/>
                    </a:lnTo>
                    <a:lnTo>
                      <a:pt x="229" y="6069"/>
                    </a:lnTo>
                    <a:lnTo>
                      <a:pt x="228" y="6054"/>
                    </a:lnTo>
                    <a:lnTo>
                      <a:pt x="225" y="6039"/>
                    </a:lnTo>
                    <a:lnTo>
                      <a:pt x="224" y="6005"/>
                    </a:lnTo>
                    <a:lnTo>
                      <a:pt x="224" y="5971"/>
                    </a:lnTo>
                    <a:lnTo>
                      <a:pt x="222" y="5939"/>
                    </a:lnTo>
                    <a:lnTo>
                      <a:pt x="220" y="5908"/>
                    </a:lnTo>
                    <a:lnTo>
                      <a:pt x="216" y="5895"/>
                    </a:lnTo>
                    <a:lnTo>
                      <a:pt x="212" y="5883"/>
                    </a:lnTo>
                    <a:lnTo>
                      <a:pt x="207" y="5873"/>
                    </a:lnTo>
                    <a:lnTo>
                      <a:pt x="200" y="5864"/>
                    </a:lnTo>
                    <a:lnTo>
                      <a:pt x="184" y="5848"/>
                    </a:lnTo>
                    <a:lnTo>
                      <a:pt x="167" y="5831"/>
                    </a:lnTo>
                    <a:lnTo>
                      <a:pt x="164" y="5828"/>
                    </a:lnTo>
                    <a:lnTo>
                      <a:pt x="163" y="5824"/>
                    </a:lnTo>
                    <a:lnTo>
                      <a:pt x="163" y="5820"/>
                    </a:lnTo>
                    <a:lnTo>
                      <a:pt x="164" y="5817"/>
                    </a:lnTo>
                    <a:lnTo>
                      <a:pt x="168" y="5816"/>
                    </a:lnTo>
                    <a:lnTo>
                      <a:pt x="172" y="5815"/>
                    </a:lnTo>
                    <a:lnTo>
                      <a:pt x="180" y="5813"/>
                    </a:lnTo>
                    <a:lnTo>
                      <a:pt x="189" y="5813"/>
                    </a:lnTo>
                    <a:lnTo>
                      <a:pt x="196" y="5815"/>
                    </a:lnTo>
                    <a:lnTo>
                      <a:pt x="202" y="5816"/>
                    </a:lnTo>
                    <a:lnTo>
                      <a:pt x="207" y="5819"/>
                    </a:lnTo>
                    <a:lnTo>
                      <a:pt x="211" y="5821"/>
                    </a:lnTo>
                    <a:lnTo>
                      <a:pt x="219" y="5829"/>
                    </a:lnTo>
                    <a:lnTo>
                      <a:pt x="224" y="5838"/>
                    </a:lnTo>
                    <a:lnTo>
                      <a:pt x="229" y="5848"/>
                    </a:lnTo>
                    <a:lnTo>
                      <a:pt x="235" y="5856"/>
                    </a:lnTo>
                    <a:lnTo>
                      <a:pt x="238" y="5860"/>
                    </a:lnTo>
                    <a:lnTo>
                      <a:pt x="242" y="5864"/>
                    </a:lnTo>
                    <a:lnTo>
                      <a:pt x="247" y="5866"/>
                    </a:lnTo>
                    <a:lnTo>
                      <a:pt x="252" y="5868"/>
                    </a:lnTo>
                    <a:lnTo>
                      <a:pt x="256" y="5868"/>
                    </a:lnTo>
                    <a:lnTo>
                      <a:pt x="257" y="5866"/>
                    </a:lnTo>
                    <a:lnTo>
                      <a:pt x="260" y="5863"/>
                    </a:lnTo>
                    <a:lnTo>
                      <a:pt x="261" y="5859"/>
                    </a:lnTo>
                    <a:lnTo>
                      <a:pt x="263" y="5847"/>
                    </a:lnTo>
                    <a:lnTo>
                      <a:pt x="263" y="5833"/>
                    </a:lnTo>
                    <a:lnTo>
                      <a:pt x="261" y="5819"/>
                    </a:lnTo>
                    <a:lnTo>
                      <a:pt x="259" y="5806"/>
                    </a:lnTo>
                    <a:lnTo>
                      <a:pt x="257" y="5794"/>
                    </a:lnTo>
                    <a:lnTo>
                      <a:pt x="255" y="5787"/>
                    </a:lnTo>
                    <a:lnTo>
                      <a:pt x="246" y="5776"/>
                    </a:lnTo>
                    <a:lnTo>
                      <a:pt x="238" y="5767"/>
                    </a:lnTo>
                    <a:lnTo>
                      <a:pt x="234" y="5762"/>
                    </a:lnTo>
                    <a:lnTo>
                      <a:pt x="230" y="5756"/>
                    </a:lnTo>
                    <a:lnTo>
                      <a:pt x="229" y="5750"/>
                    </a:lnTo>
                    <a:lnTo>
                      <a:pt x="228" y="5743"/>
                    </a:lnTo>
                    <a:lnTo>
                      <a:pt x="243" y="5741"/>
                    </a:lnTo>
                    <a:lnTo>
                      <a:pt x="257" y="5741"/>
                    </a:lnTo>
                    <a:lnTo>
                      <a:pt x="269" y="5742"/>
                    </a:lnTo>
                    <a:lnTo>
                      <a:pt x="278" y="5743"/>
                    </a:lnTo>
                    <a:lnTo>
                      <a:pt x="282" y="5743"/>
                    </a:lnTo>
                    <a:lnTo>
                      <a:pt x="286" y="5742"/>
                    </a:lnTo>
                    <a:lnTo>
                      <a:pt x="288" y="5740"/>
                    </a:lnTo>
                    <a:lnTo>
                      <a:pt x="291" y="5736"/>
                    </a:lnTo>
                    <a:lnTo>
                      <a:pt x="294" y="5732"/>
                    </a:lnTo>
                    <a:lnTo>
                      <a:pt x="295" y="5725"/>
                    </a:lnTo>
                    <a:lnTo>
                      <a:pt x="296" y="5716"/>
                    </a:lnTo>
                    <a:lnTo>
                      <a:pt x="298" y="5706"/>
                    </a:lnTo>
                    <a:lnTo>
                      <a:pt x="296" y="5693"/>
                    </a:lnTo>
                    <a:lnTo>
                      <a:pt x="294" y="5683"/>
                    </a:lnTo>
                    <a:lnTo>
                      <a:pt x="290" y="5673"/>
                    </a:lnTo>
                    <a:lnTo>
                      <a:pt x="285" y="5667"/>
                    </a:lnTo>
                    <a:lnTo>
                      <a:pt x="277" y="5660"/>
                    </a:lnTo>
                    <a:lnTo>
                      <a:pt x="269" y="5654"/>
                    </a:lnTo>
                    <a:lnTo>
                      <a:pt x="259" y="5649"/>
                    </a:lnTo>
                    <a:lnTo>
                      <a:pt x="248" y="5644"/>
                    </a:lnTo>
                    <a:lnTo>
                      <a:pt x="243" y="5640"/>
                    </a:lnTo>
                    <a:lnTo>
                      <a:pt x="239" y="5637"/>
                    </a:lnTo>
                    <a:lnTo>
                      <a:pt x="235" y="5632"/>
                    </a:lnTo>
                    <a:lnTo>
                      <a:pt x="233" y="5628"/>
                    </a:lnTo>
                    <a:lnTo>
                      <a:pt x="230" y="5618"/>
                    </a:lnTo>
                    <a:lnTo>
                      <a:pt x="229" y="5606"/>
                    </a:lnTo>
                    <a:lnTo>
                      <a:pt x="229" y="5596"/>
                    </a:lnTo>
                    <a:lnTo>
                      <a:pt x="226" y="5584"/>
                    </a:lnTo>
                    <a:lnTo>
                      <a:pt x="225" y="5579"/>
                    </a:lnTo>
                    <a:lnTo>
                      <a:pt x="224" y="5574"/>
                    </a:lnTo>
                    <a:lnTo>
                      <a:pt x="221" y="5569"/>
                    </a:lnTo>
                    <a:lnTo>
                      <a:pt x="219" y="5565"/>
                    </a:lnTo>
                    <a:lnTo>
                      <a:pt x="206" y="5553"/>
                    </a:lnTo>
                    <a:lnTo>
                      <a:pt x="196" y="5543"/>
                    </a:lnTo>
                    <a:lnTo>
                      <a:pt x="191" y="5536"/>
                    </a:lnTo>
                    <a:lnTo>
                      <a:pt x="187" y="5530"/>
                    </a:lnTo>
                    <a:lnTo>
                      <a:pt x="185" y="5522"/>
                    </a:lnTo>
                    <a:lnTo>
                      <a:pt x="181" y="5513"/>
                    </a:lnTo>
                    <a:lnTo>
                      <a:pt x="159" y="5426"/>
                    </a:lnTo>
                    <a:lnTo>
                      <a:pt x="147" y="5392"/>
                    </a:lnTo>
                    <a:lnTo>
                      <a:pt x="136" y="5360"/>
                    </a:lnTo>
                    <a:lnTo>
                      <a:pt x="124" y="5328"/>
                    </a:lnTo>
                    <a:lnTo>
                      <a:pt x="112" y="5295"/>
                    </a:lnTo>
                    <a:lnTo>
                      <a:pt x="110" y="5282"/>
                    </a:lnTo>
                    <a:lnTo>
                      <a:pt x="108" y="5271"/>
                    </a:lnTo>
                    <a:lnTo>
                      <a:pt x="107" y="5258"/>
                    </a:lnTo>
                    <a:lnTo>
                      <a:pt x="107" y="5246"/>
                    </a:lnTo>
                    <a:lnTo>
                      <a:pt x="108" y="5223"/>
                    </a:lnTo>
                    <a:lnTo>
                      <a:pt x="112" y="5199"/>
                    </a:lnTo>
                    <a:lnTo>
                      <a:pt x="116" y="5176"/>
                    </a:lnTo>
                    <a:lnTo>
                      <a:pt x="119" y="5153"/>
                    </a:lnTo>
                    <a:lnTo>
                      <a:pt x="120" y="5141"/>
                    </a:lnTo>
                    <a:lnTo>
                      <a:pt x="120" y="5129"/>
                    </a:lnTo>
                    <a:lnTo>
                      <a:pt x="120" y="5118"/>
                    </a:lnTo>
                    <a:lnTo>
                      <a:pt x="117" y="5106"/>
                    </a:lnTo>
                    <a:lnTo>
                      <a:pt x="115" y="5089"/>
                    </a:lnTo>
                    <a:lnTo>
                      <a:pt x="112" y="5075"/>
                    </a:lnTo>
                    <a:lnTo>
                      <a:pt x="114" y="5065"/>
                    </a:lnTo>
                    <a:lnTo>
                      <a:pt x="116" y="5056"/>
                    </a:lnTo>
                    <a:lnTo>
                      <a:pt x="125" y="5037"/>
                    </a:lnTo>
                    <a:lnTo>
                      <a:pt x="138" y="5011"/>
                    </a:lnTo>
                    <a:lnTo>
                      <a:pt x="142" y="5000"/>
                    </a:lnTo>
                    <a:lnTo>
                      <a:pt x="145" y="4988"/>
                    </a:lnTo>
                    <a:lnTo>
                      <a:pt x="146" y="4977"/>
                    </a:lnTo>
                    <a:lnTo>
                      <a:pt x="147" y="4965"/>
                    </a:lnTo>
                    <a:lnTo>
                      <a:pt x="147" y="4940"/>
                    </a:lnTo>
                    <a:lnTo>
                      <a:pt x="149" y="4917"/>
                    </a:lnTo>
                    <a:lnTo>
                      <a:pt x="152" y="4903"/>
                    </a:lnTo>
                    <a:lnTo>
                      <a:pt x="159" y="4890"/>
                    </a:lnTo>
                    <a:lnTo>
                      <a:pt x="165" y="4877"/>
                    </a:lnTo>
                    <a:lnTo>
                      <a:pt x="171" y="4863"/>
                    </a:lnTo>
                    <a:lnTo>
                      <a:pt x="171" y="4860"/>
                    </a:lnTo>
                    <a:lnTo>
                      <a:pt x="171" y="4856"/>
                    </a:lnTo>
                    <a:lnTo>
                      <a:pt x="169" y="4853"/>
                    </a:lnTo>
                    <a:lnTo>
                      <a:pt x="168" y="4851"/>
                    </a:lnTo>
                    <a:lnTo>
                      <a:pt x="163" y="4847"/>
                    </a:lnTo>
                    <a:lnTo>
                      <a:pt x="156" y="4843"/>
                    </a:lnTo>
                    <a:lnTo>
                      <a:pt x="142" y="4838"/>
                    </a:lnTo>
                    <a:lnTo>
                      <a:pt x="129" y="4831"/>
                    </a:lnTo>
                    <a:lnTo>
                      <a:pt x="128" y="4825"/>
                    </a:lnTo>
                    <a:lnTo>
                      <a:pt x="125" y="4821"/>
                    </a:lnTo>
                    <a:lnTo>
                      <a:pt x="121" y="4820"/>
                    </a:lnTo>
                    <a:lnTo>
                      <a:pt x="117" y="4820"/>
                    </a:lnTo>
                    <a:lnTo>
                      <a:pt x="107" y="4825"/>
                    </a:lnTo>
                    <a:lnTo>
                      <a:pt x="95" y="4833"/>
                    </a:lnTo>
                    <a:lnTo>
                      <a:pt x="89" y="4835"/>
                    </a:lnTo>
                    <a:lnTo>
                      <a:pt x="84" y="4838"/>
                    </a:lnTo>
                    <a:lnTo>
                      <a:pt x="79" y="4839"/>
                    </a:lnTo>
                    <a:lnTo>
                      <a:pt x="73" y="4839"/>
                    </a:lnTo>
                    <a:lnTo>
                      <a:pt x="70" y="4837"/>
                    </a:lnTo>
                    <a:lnTo>
                      <a:pt x="67" y="4833"/>
                    </a:lnTo>
                    <a:lnTo>
                      <a:pt x="64" y="4825"/>
                    </a:lnTo>
                    <a:lnTo>
                      <a:pt x="64" y="4813"/>
                    </a:lnTo>
                    <a:lnTo>
                      <a:pt x="60" y="4812"/>
                    </a:lnTo>
                    <a:lnTo>
                      <a:pt x="57" y="4812"/>
                    </a:lnTo>
                    <a:lnTo>
                      <a:pt x="53" y="4813"/>
                    </a:lnTo>
                    <a:lnTo>
                      <a:pt x="48" y="4815"/>
                    </a:lnTo>
                    <a:lnTo>
                      <a:pt x="38" y="4820"/>
                    </a:lnTo>
                    <a:lnTo>
                      <a:pt x="31" y="4825"/>
                    </a:lnTo>
                    <a:lnTo>
                      <a:pt x="22" y="4830"/>
                    </a:lnTo>
                    <a:lnTo>
                      <a:pt x="14" y="4834"/>
                    </a:lnTo>
                    <a:lnTo>
                      <a:pt x="11" y="4834"/>
                    </a:lnTo>
                    <a:lnTo>
                      <a:pt x="7" y="4834"/>
                    </a:lnTo>
                    <a:lnTo>
                      <a:pt x="5" y="4831"/>
                    </a:lnTo>
                    <a:lnTo>
                      <a:pt x="2" y="4828"/>
                    </a:lnTo>
                    <a:lnTo>
                      <a:pt x="0" y="4820"/>
                    </a:lnTo>
                    <a:lnTo>
                      <a:pt x="0" y="4811"/>
                    </a:lnTo>
                    <a:lnTo>
                      <a:pt x="1" y="4800"/>
                    </a:lnTo>
                    <a:lnTo>
                      <a:pt x="2" y="4790"/>
                    </a:lnTo>
                    <a:lnTo>
                      <a:pt x="7" y="4769"/>
                    </a:lnTo>
                    <a:lnTo>
                      <a:pt x="13" y="4751"/>
                    </a:lnTo>
                    <a:lnTo>
                      <a:pt x="16" y="4728"/>
                    </a:lnTo>
                    <a:lnTo>
                      <a:pt x="20" y="4703"/>
                    </a:lnTo>
                    <a:lnTo>
                      <a:pt x="24" y="4677"/>
                    </a:lnTo>
                    <a:lnTo>
                      <a:pt x="25" y="4651"/>
                    </a:lnTo>
                    <a:lnTo>
                      <a:pt x="27" y="4625"/>
                    </a:lnTo>
                    <a:lnTo>
                      <a:pt x="27" y="4600"/>
                    </a:lnTo>
                    <a:lnTo>
                      <a:pt x="24" y="4575"/>
                    </a:lnTo>
                    <a:lnTo>
                      <a:pt x="20" y="4552"/>
                    </a:lnTo>
                    <a:lnTo>
                      <a:pt x="24" y="4545"/>
                    </a:lnTo>
                    <a:lnTo>
                      <a:pt x="31" y="4540"/>
                    </a:lnTo>
                    <a:lnTo>
                      <a:pt x="37" y="4536"/>
                    </a:lnTo>
                    <a:lnTo>
                      <a:pt x="45" y="4532"/>
                    </a:lnTo>
                    <a:lnTo>
                      <a:pt x="62" y="4528"/>
                    </a:lnTo>
                    <a:lnTo>
                      <a:pt x="76" y="452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49" name="Freeform 40">
                <a:extLst>
                  <a:ext uri="{FF2B5EF4-FFF2-40B4-BE49-F238E27FC236}">
                    <a16:creationId xmlns:a16="http://schemas.microsoft.com/office/drawing/2014/main" id="{4176EFCC-2728-8945-81BD-8017A9D13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81211" y="2279687"/>
                <a:ext cx="32790" cy="30708"/>
              </a:xfrm>
              <a:custGeom>
                <a:avLst/>
                <a:gdLst/>
                <a:ahLst/>
                <a:cxnLst>
                  <a:cxn ang="0">
                    <a:pos x="20" y="66"/>
                  </a:cxn>
                  <a:cxn ang="0">
                    <a:pos x="19" y="67"/>
                  </a:cxn>
                  <a:cxn ang="0">
                    <a:pos x="16" y="69"/>
                  </a:cxn>
                  <a:cxn ang="0">
                    <a:pos x="13" y="67"/>
                  </a:cxn>
                  <a:cxn ang="0">
                    <a:pos x="11" y="66"/>
                  </a:cxn>
                  <a:cxn ang="0">
                    <a:pos x="7" y="61"/>
                  </a:cxn>
                  <a:cxn ang="0">
                    <a:pos x="4" y="56"/>
                  </a:cxn>
                  <a:cxn ang="0">
                    <a:pos x="2" y="47"/>
                  </a:cxn>
                  <a:cxn ang="0">
                    <a:pos x="0" y="36"/>
                  </a:cxn>
                  <a:cxn ang="0">
                    <a:pos x="16" y="27"/>
                  </a:cxn>
                  <a:cxn ang="0">
                    <a:pos x="37" y="15"/>
                  </a:cxn>
                  <a:cxn ang="0">
                    <a:pos x="42" y="10"/>
                  </a:cxn>
                  <a:cxn ang="0">
                    <a:pos x="47" y="5"/>
                  </a:cxn>
                  <a:cxn ang="0">
                    <a:pos x="54" y="1"/>
                  </a:cxn>
                  <a:cxn ang="0">
                    <a:pos x="63" y="0"/>
                  </a:cxn>
                  <a:cxn ang="0">
                    <a:pos x="64" y="1"/>
                  </a:cxn>
                  <a:cxn ang="0">
                    <a:pos x="66" y="4"/>
                  </a:cxn>
                  <a:cxn ang="0">
                    <a:pos x="66" y="8"/>
                  </a:cxn>
                  <a:cxn ang="0">
                    <a:pos x="68" y="13"/>
                  </a:cxn>
                  <a:cxn ang="0">
                    <a:pos x="69" y="22"/>
                  </a:cxn>
                  <a:cxn ang="0">
                    <a:pos x="70" y="30"/>
                  </a:cxn>
                  <a:cxn ang="0">
                    <a:pos x="72" y="34"/>
                  </a:cxn>
                  <a:cxn ang="0">
                    <a:pos x="72" y="36"/>
                  </a:cxn>
                  <a:cxn ang="0">
                    <a:pos x="69" y="39"/>
                  </a:cxn>
                  <a:cxn ang="0">
                    <a:pos x="66" y="41"/>
                  </a:cxn>
                  <a:cxn ang="0">
                    <a:pos x="51" y="48"/>
                  </a:cxn>
                  <a:cxn ang="0">
                    <a:pos x="37" y="56"/>
                  </a:cxn>
                  <a:cxn ang="0">
                    <a:pos x="20" y="66"/>
                  </a:cxn>
                </a:cxnLst>
                <a:rect l="0" t="0" r="r" b="b"/>
                <a:pathLst>
                  <a:path w="72" h="69">
                    <a:moveTo>
                      <a:pt x="20" y="66"/>
                    </a:moveTo>
                    <a:lnTo>
                      <a:pt x="19" y="67"/>
                    </a:lnTo>
                    <a:lnTo>
                      <a:pt x="16" y="69"/>
                    </a:lnTo>
                    <a:lnTo>
                      <a:pt x="13" y="67"/>
                    </a:lnTo>
                    <a:lnTo>
                      <a:pt x="11" y="66"/>
                    </a:lnTo>
                    <a:lnTo>
                      <a:pt x="7" y="61"/>
                    </a:lnTo>
                    <a:lnTo>
                      <a:pt x="4" y="56"/>
                    </a:lnTo>
                    <a:lnTo>
                      <a:pt x="2" y="47"/>
                    </a:lnTo>
                    <a:lnTo>
                      <a:pt x="0" y="36"/>
                    </a:lnTo>
                    <a:lnTo>
                      <a:pt x="16" y="27"/>
                    </a:lnTo>
                    <a:lnTo>
                      <a:pt x="37" y="15"/>
                    </a:lnTo>
                    <a:lnTo>
                      <a:pt x="42" y="10"/>
                    </a:lnTo>
                    <a:lnTo>
                      <a:pt x="47" y="5"/>
                    </a:lnTo>
                    <a:lnTo>
                      <a:pt x="54" y="1"/>
                    </a:lnTo>
                    <a:lnTo>
                      <a:pt x="63" y="0"/>
                    </a:lnTo>
                    <a:lnTo>
                      <a:pt x="64" y="1"/>
                    </a:lnTo>
                    <a:lnTo>
                      <a:pt x="66" y="4"/>
                    </a:lnTo>
                    <a:lnTo>
                      <a:pt x="66" y="8"/>
                    </a:lnTo>
                    <a:lnTo>
                      <a:pt x="68" y="13"/>
                    </a:lnTo>
                    <a:lnTo>
                      <a:pt x="69" y="22"/>
                    </a:lnTo>
                    <a:lnTo>
                      <a:pt x="70" y="30"/>
                    </a:lnTo>
                    <a:lnTo>
                      <a:pt x="72" y="34"/>
                    </a:lnTo>
                    <a:lnTo>
                      <a:pt x="72" y="36"/>
                    </a:lnTo>
                    <a:lnTo>
                      <a:pt x="69" y="39"/>
                    </a:lnTo>
                    <a:lnTo>
                      <a:pt x="66" y="41"/>
                    </a:lnTo>
                    <a:lnTo>
                      <a:pt x="51" y="48"/>
                    </a:lnTo>
                    <a:lnTo>
                      <a:pt x="37" y="56"/>
                    </a:lnTo>
                    <a:lnTo>
                      <a:pt x="20" y="66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0" name="Freeform 41">
                <a:extLst>
                  <a:ext uri="{FF2B5EF4-FFF2-40B4-BE49-F238E27FC236}">
                    <a16:creationId xmlns:a16="http://schemas.microsoft.com/office/drawing/2014/main" id="{D91F4595-81DD-AE40-B299-C3D43F063E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94927" y="2509088"/>
                <a:ext cx="96550" cy="243852"/>
              </a:xfrm>
              <a:custGeom>
                <a:avLst/>
                <a:gdLst/>
                <a:ahLst/>
                <a:cxnLst>
                  <a:cxn ang="0">
                    <a:pos x="15" y="414"/>
                  </a:cxn>
                  <a:cxn ang="0">
                    <a:pos x="17" y="397"/>
                  </a:cxn>
                  <a:cxn ang="0">
                    <a:pos x="21" y="381"/>
                  </a:cxn>
                  <a:cxn ang="0">
                    <a:pos x="28" y="362"/>
                  </a:cxn>
                  <a:cxn ang="0">
                    <a:pos x="34" y="343"/>
                  </a:cxn>
                  <a:cxn ang="0">
                    <a:pos x="48" y="305"/>
                  </a:cxn>
                  <a:cxn ang="0">
                    <a:pos x="60" y="272"/>
                  </a:cxn>
                  <a:cxn ang="0">
                    <a:pos x="64" y="254"/>
                  </a:cxn>
                  <a:cxn ang="0">
                    <a:pos x="70" y="239"/>
                  </a:cxn>
                  <a:cxn ang="0">
                    <a:pos x="78" y="226"/>
                  </a:cxn>
                  <a:cxn ang="0">
                    <a:pos x="86" y="215"/>
                  </a:cxn>
                  <a:cxn ang="0">
                    <a:pos x="104" y="190"/>
                  </a:cxn>
                  <a:cxn ang="0">
                    <a:pos x="122" y="163"/>
                  </a:cxn>
                  <a:cxn ang="0">
                    <a:pos x="137" y="127"/>
                  </a:cxn>
                  <a:cxn ang="0">
                    <a:pos x="157" y="72"/>
                  </a:cxn>
                  <a:cxn ang="0">
                    <a:pos x="169" y="45"/>
                  </a:cxn>
                  <a:cxn ang="0">
                    <a:pos x="181" y="22"/>
                  </a:cxn>
                  <a:cxn ang="0">
                    <a:pos x="187" y="13"/>
                  </a:cxn>
                  <a:cxn ang="0">
                    <a:pos x="192" y="6"/>
                  </a:cxn>
                  <a:cxn ang="0">
                    <a:pos x="199" y="1"/>
                  </a:cxn>
                  <a:cxn ang="0">
                    <a:pos x="204" y="0"/>
                  </a:cxn>
                  <a:cxn ang="0">
                    <a:pos x="208" y="1"/>
                  </a:cxn>
                  <a:cxn ang="0">
                    <a:pos x="209" y="2"/>
                  </a:cxn>
                  <a:cxn ang="0">
                    <a:pos x="212" y="6"/>
                  </a:cxn>
                  <a:cxn ang="0">
                    <a:pos x="212" y="10"/>
                  </a:cxn>
                  <a:cxn ang="0">
                    <a:pos x="213" y="20"/>
                  </a:cxn>
                  <a:cxn ang="0">
                    <a:pos x="213" y="32"/>
                  </a:cxn>
                  <a:cxn ang="0">
                    <a:pos x="210" y="45"/>
                  </a:cxn>
                  <a:cxn ang="0">
                    <a:pos x="208" y="57"/>
                  </a:cxn>
                  <a:cxn ang="0">
                    <a:pos x="206" y="67"/>
                  </a:cxn>
                  <a:cxn ang="0">
                    <a:pos x="204" y="72"/>
                  </a:cxn>
                  <a:cxn ang="0">
                    <a:pos x="186" y="105"/>
                  </a:cxn>
                  <a:cxn ang="0">
                    <a:pos x="171" y="138"/>
                  </a:cxn>
                  <a:cxn ang="0">
                    <a:pos x="157" y="173"/>
                  </a:cxn>
                  <a:cxn ang="0">
                    <a:pos x="146" y="207"/>
                  </a:cxn>
                  <a:cxn ang="0">
                    <a:pos x="133" y="242"/>
                  </a:cxn>
                  <a:cxn ang="0">
                    <a:pos x="118" y="276"/>
                  </a:cxn>
                  <a:cxn ang="0">
                    <a:pos x="104" y="309"/>
                  </a:cxn>
                  <a:cxn ang="0">
                    <a:pos x="87" y="342"/>
                  </a:cxn>
                  <a:cxn ang="0">
                    <a:pos x="82" y="351"/>
                  </a:cxn>
                  <a:cxn ang="0">
                    <a:pos x="77" y="362"/>
                  </a:cxn>
                  <a:cxn ang="0">
                    <a:pos x="73" y="375"/>
                  </a:cxn>
                  <a:cxn ang="0">
                    <a:pos x="69" y="390"/>
                  </a:cxn>
                  <a:cxn ang="0">
                    <a:pos x="61" y="421"/>
                  </a:cxn>
                  <a:cxn ang="0">
                    <a:pos x="52" y="453"/>
                  </a:cxn>
                  <a:cxn ang="0">
                    <a:pos x="48" y="469"/>
                  </a:cxn>
                  <a:cxn ang="0">
                    <a:pos x="43" y="483"/>
                  </a:cxn>
                  <a:cxn ang="0">
                    <a:pos x="38" y="497"/>
                  </a:cxn>
                  <a:cxn ang="0">
                    <a:pos x="32" y="510"/>
                  </a:cxn>
                  <a:cxn ang="0">
                    <a:pos x="25" y="520"/>
                  </a:cxn>
                  <a:cxn ang="0">
                    <a:pos x="17" y="530"/>
                  </a:cxn>
                  <a:cxn ang="0">
                    <a:pos x="10" y="537"/>
                  </a:cxn>
                  <a:cxn ang="0">
                    <a:pos x="0" y="541"/>
                  </a:cxn>
                  <a:cxn ang="0">
                    <a:pos x="2" y="519"/>
                  </a:cxn>
                  <a:cxn ang="0">
                    <a:pos x="6" y="498"/>
                  </a:cxn>
                  <a:cxn ang="0">
                    <a:pos x="10" y="476"/>
                  </a:cxn>
                  <a:cxn ang="0">
                    <a:pos x="12" y="456"/>
                  </a:cxn>
                  <a:cxn ang="0">
                    <a:pos x="15" y="414"/>
                  </a:cxn>
                </a:cxnLst>
                <a:rect l="0" t="0" r="r" b="b"/>
                <a:pathLst>
                  <a:path w="213" h="541">
                    <a:moveTo>
                      <a:pt x="15" y="414"/>
                    </a:moveTo>
                    <a:lnTo>
                      <a:pt x="17" y="397"/>
                    </a:lnTo>
                    <a:lnTo>
                      <a:pt x="21" y="381"/>
                    </a:lnTo>
                    <a:lnTo>
                      <a:pt x="28" y="362"/>
                    </a:lnTo>
                    <a:lnTo>
                      <a:pt x="34" y="343"/>
                    </a:lnTo>
                    <a:lnTo>
                      <a:pt x="48" y="305"/>
                    </a:lnTo>
                    <a:lnTo>
                      <a:pt x="60" y="272"/>
                    </a:lnTo>
                    <a:lnTo>
                      <a:pt x="64" y="254"/>
                    </a:lnTo>
                    <a:lnTo>
                      <a:pt x="70" y="239"/>
                    </a:lnTo>
                    <a:lnTo>
                      <a:pt x="78" y="226"/>
                    </a:lnTo>
                    <a:lnTo>
                      <a:pt x="86" y="215"/>
                    </a:lnTo>
                    <a:lnTo>
                      <a:pt x="104" y="190"/>
                    </a:lnTo>
                    <a:lnTo>
                      <a:pt x="122" y="163"/>
                    </a:lnTo>
                    <a:lnTo>
                      <a:pt x="137" y="127"/>
                    </a:lnTo>
                    <a:lnTo>
                      <a:pt x="157" y="72"/>
                    </a:lnTo>
                    <a:lnTo>
                      <a:pt x="169" y="45"/>
                    </a:lnTo>
                    <a:lnTo>
                      <a:pt x="181" y="22"/>
                    </a:lnTo>
                    <a:lnTo>
                      <a:pt x="187" y="13"/>
                    </a:lnTo>
                    <a:lnTo>
                      <a:pt x="192" y="6"/>
                    </a:lnTo>
                    <a:lnTo>
                      <a:pt x="199" y="1"/>
                    </a:lnTo>
                    <a:lnTo>
                      <a:pt x="204" y="0"/>
                    </a:lnTo>
                    <a:lnTo>
                      <a:pt x="208" y="1"/>
                    </a:lnTo>
                    <a:lnTo>
                      <a:pt x="209" y="2"/>
                    </a:lnTo>
                    <a:lnTo>
                      <a:pt x="212" y="6"/>
                    </a:lnTo>
                    <a:lnTo>
                      <a:pt x="212" y="10"/>
                    </a:lnTo>
                    <a:lnTo>
                      <a:pt x="213" y="20"/>
                    </a:lnTo>
                    <a:lnTo>
                      <a:pt x="213" y="32"/>
                    </a:lnTo>
                    <a:lnTo>
                      <a:pt x="210" y="45"/>
                    </a:lnTo>
                    <a:lnTo>
                      <a:pt x="208" y="57"/>
                    </a:lnTo>
                    <a:lnTo>
                      <a:pt x="206" y="67"/>
                    </a:lnTo>
                    <a:lnTo>
                      <a:pt x="204" y="72"/>
                    </a:lnTo>
                    <a:lnTo>
                      <a:pt x="186" y="105"/>
                    </a:lnTo>
                    <a:lnTo>
                      <a:pt x="171" y="138"/>
                    </a:lnTo>
                    <a:lnTo>
                      <a:pt x="157" y="173"/>
                    </a:lnTo>
                    <a:lnTo>
                      <a:pt x="146" y="207"/>
                    </a:lnTo>
                    <a:lnTo>
                      <a:pt x="133" y="242"/>
                    </a:lnTo>
                    <a:lnTo>
                      <a:pt x="118" y="276"/>
                    </a:lnTo>
                    <a:lnTo>
                      <a:pt x="104" y="309"/>
                    </a:lnTo>
                    <a:lnTo>
                      <a:pt x="87" y="342"/>
                    </a:lnTo>
                    <a:lnTo>
                      <a:pt x="82" y="351"/>
                    </a:lnTo>
                    <a:lnTo>
                      <a:pt x="77" y="362"/>
                    </a:lnTo>
                    <a:lnTo>
                      <a:pt x="73" y="375"/>
                    </a:lnTo>
                    <a:lnTo>
                      <a:pt x="69" y="390"/>
                    </a:lnTo>
                    <a:lnTo>
                      <a:pt x="61" y="421"/>
                    </a:lnTo>
                    <a:lnTo>
                      <a:pt x="52" y="453"/>
                    </a:lnTo>
                    <a:lnTo>
                      <a:pt x="48" y="469"/>
                    </a:lnTo>
                    <a:lnTo>
                      <a:pt x="43" y="483"/>
                    </a:lnTo>
                    <a:lnTo>
                      <a:pt x="38" y="497"/>
                    </a:lnTo>
                    <a:lnTo>
                      <a:pt x="32" y="510"/>
                    </a:lnTo>
                    <a:lnTo>
                      <a:pt x="25" y="520"/>
                    </a:lnTo>
                    <a:lnTo>
                      <a:pt x="17" y="530"/>
                    </a:lnTo>
                    <a:lnTo>
                      <a:pt x="10" y="537"/>
                    </a:lnTo>
                    <a:lnTo>
                      <a:pt x="0" y="541"/>
                    </a:lnTo>
                    <a:lnTo>
                      <a:pt x="2" y="519"/>
                    </a:lnTo>
                    <a:lnTo>
                      <a:pt x="6" y="498"/>
                    </a:lnTo>
                    <a:lnTo>
                      <a:pt x="10" y="476"/>
                    </a:lnTo>
                    <a:lnTo>
                      <a:pt x="12" y="456"/>
                    </a:lnTo>
                    <a:lnTo>
                      <a:pt x="15" y="414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1" name="Freeform 42">
                <a:extLst>
                  <a:ext uri="{FF2B5EF4-FFF2-40B4-BE49-F238E27FC236}">
                    <a16:creationId xmlns:a16="http://schemas.microsoft.com/office/drawing/2014/main" id="{ED64445F-546A-AD4F-A74C-D053913615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302600" y="2386259"/>
                <a:ext cx="122054" cy="229401"/>
              </a:xfrm>
              <a:custGeom>
                <a:avLst/>
                <a:gdLst/>
                <a:ahLst/>
                <a:cxnLst>
                  <a:cxn ang="0">
                    <a:pos x="2" y="307"/>
                  </a:cxn>
                  <a:cxn ang="0">
                    <a:pos x="0" y="258"/>
                  </a:cxn>
                  <a:cxn ang="0">
                    <a:pos x="4" y="208"/>
                  </a:cxn>
                  <a:cxn ang="0">
                    <a:pos x="14" y="173"/>
                  </a:cxn>
                  <a:cxn ang="0">
                    <a:pos x="23" y="149"/>
                  </a:cxn>
                  <a:cxn ang="0">
                    <a:pos x="36" y="130"/>
                  </a:cxn>
                  <a:cxn ang="0">
                    <a:pos x="52" y="117"/>
                  </a:cxn>
                  <a:cxn ang="0">
                    <a:pos x="68" y="104"/>
                  </a:cxn>
                  <a:cxn ang="0">
                    <a:pos x="84" y="90"/>
                  </a:cxn>
                  <a:cxn ang="0">
                    <a:pos x="98" y="70"/>
                  </a:cxn>
                  <a:cxn ang="0">
                    <a:pos x="106" y="63"/>
                  </a:cxn>
                  <a:cxn ang="0">
                    <a:pos x="111" y="61"/>
                  </a:cxn>
                  <a:cxn ang="0">
                    <a:pos x="125" y="68"/>
                  </a:cxn>
                  <a:cxn ang="0">
                    <a:pos x="145" y="74"/>
                  </a:cxn>
                  <a:cxn ang="0">
                    <a:pos x="151" y="73"/>
                  </a:cxn>
                  <a:cxn ang="0">
                    <a:pos x="160" y="66"/>
                  </a:cxn>
                  <a:cxn ang="0">
                    <a:pos x="173" y="48"/>
                  </a:cxn>
                  <a:cxn ang="0">
                    <a:pos x="188" y="35"/>
                  </a:cxn>
                  <a:cxn ang="0">
                    <a:pos x="194" y="37"/>
                  </a:cxn>
                  <a:cxn ang="0">
                    <a:pos x="202" y="41"/>
                  </a:cxn>
                  <a:cxn ang="0">
                    <a:pos x="208" y="39"/>
                  </a:cxn>
                  <a:cxn ang="0">
                    <a:pos x="224" y="24"/>
                  </a:cxn>
                  <a:cxn ang="0">
                    <a:pos x="247" y="6"/>
                  </a:cxn>
                  <a:cxn ang="0">
                    <a:pos x="260" y="0"/>
                  </a:cxn>
                  <a:cxn ang="0">
                    <a:pos x="264" y="3"/>
                  </a:cxn>
                  <a:cxn ang="0">
                    <a:pos x="261" y="12"/>
                  </a:cxn>
                  <a:cxn ang="0">
                    <a:pos x="251" y="29"/>
                  </a:cxn>
                  <a:cxn ang="0">
                    <a:pos x="230" y="59"/>
                  </a:cxn>
                  <a:cxn ang="0">
                    <a:pos x="212" y="91"/>
                  </a:cxn>
                  <a:cxn ang="0">
                    <a:pos x="201" y="110"/>
                  </a:cxn>
                  <a:cxn ang="0">
                    <a:pos x="189" y="121"/>
                  </a:cxn>
                  <a:cxn ang="0">
                    <a:pos x="181" y="135"/>
                  </a:cxn>
                  <a:cxn ang="0">
                    <a:pos x="175" y="165"/>
                  </a:cxn>
                  <a:cxn ang="0">
                    <a:pos x="173" y="209"/>
                  </a:cxn>
                  <a:cxn ang="0">
                    <a:pos x="180" y="237"/>
                  </a:cxn>
                  <a:cxn ang="0">
                    <a:pos x="186" y="250"/>
                  </a:cxn>
                  <a:cxn ang="0">
                    <a:pos x="197" y="261"/>
                  </a:cxn>
                  <a:cxn ang="0">
                    <a:pos x="203" y="271"/>
                  </a:cxn>
                  <a:cxn ang="0">
                    <a:pos x="201" y="280"/>
                  </a:cxn>
                  <a:cxn ang="0">
                    <a:pos x="192" y="289"/>
                  </a:cxn>
                  <a:cxn ang="0">
                    <a:pos x="179" y="298"/>
                  </a:cxn>
                  <a:cxn ang="0">
                    <a:pos x="170" y="310"/>
                  </a:cxn>
                  <a:cxn ang="0">
                    <a:pos x="160" y="327"/>
                  </a:cxn>
                  <a:cxn ang="0">
                    <a:pos x="150" y="350"/>
                  </a:cxn>
                  <a:cxn ang="0">
                    <a:pos x="138" y="366"/>
                  </a:cxn>
                  <a:cxn ang="0">
                    <a:pos x="125" y="375"/>
                  </a:cxn>
                  <a:cxn ang="0">
                    <a:pos x="110" y="384"/>
                  </a:cxn>
                  <a:cxn ang="0">
                    <a:pos x="96" y="397"/>
                  </a:cxn>
                  <a:cxn ang="0">
                    <a:pos x="79" y="420"/>
                  </a:cxn>
                  <a:cxn ang="0">
                    <a:pos x="61" y="456"/>
                  </a:cxn>
                  <a:cxn ang="0">
                    <a:pos x="45" y="481"/>
                  </a:cxn>
                  <a:cxn ang="0">
                    <a:pos x="33" y="494"/>
                  </a:cxn>
                  <a:cxn ang="0">
                    <a:pos x="19" y="503"/>
                  </a:cxn>
                  <a:cxn ang="0">
                    <a:pos x="10" y="508"/>
                  </a:cxn>
                  <a:cxn ang="0">
                    <a:pos x="5" y="507"/>
                  </a:cxn>
                  <a:cxn ang="0">
                    <a:pos x="4" y="503"/>
                  </a:cxn>
                  <a:cxn ang="0">
                    <a:pos x="9" y="484"/>
                  </a:cxn>
                  <a:cxn ang="0">
                    <a:pos x="23" y="452"/>
                  </a:cxn>
                  <a:cxn ang="0">
                    <a:pos x="26" y="434"/>
                  </a:cxn>
                  <a:cxn ang="0">
                    <a:pos x="17" y="415"/>
                  </a:cxn>
                  <a:cxn ang="0">
                    <a:pos x="5" y="333"/>
                  </a:cxn>
                </a:cxnLst>
                <a:rect l="0" t="0" r="r" b="b"/>
                <a:pathLst>
                  <a:path w="264" h="508">
                    <a:moveTo>
                      <a:pt x="5" y="333"/>
                    </a:moveTo>
                    <a:lnTo>
                      <a:pt x="2" y="307"/>
                    </a:lnTo>
                    <a:lnTo>
                      <a:pt x="0" y="283"/>
                    </a:lnTo>
                    <a:lnTo>
                      <a:pt x="0" y="258"/>
                    </a:lnTo>
                    <a:lnTo>
                      <a:pt x="1" y="232"/>
                    </a:lnTo>
                    <a:lnTo>
                      <a:pt x="4" y="208"/>
                    </a:lnTo>
                    <a:lnTo>
                      <a:pt x="10" y="184"/>
                    </a:lnTo>
                    <a:lnTo>
                      <a:pt x="14" y="173"/>
                    </a:lnTo>
                    <a:lnTo>
                      <a:pt x="18" y="161"/>
                    </a:lnTo>
                    <a:lnTo>
                      <a:pt x="23" y="149"/>
                    </a:lnTo>
                    <a:lnTo>
                      <a:pt x="30" y="139"/>
                    </a:lnTo>
                    <a:lnTo>
                      <a:pt x="36" y="130"/>
                    </a:lnTo>
                    <a:lnTo>
                      <a:pt x="44" y="123"/>
                    </a:lnTo>
                    <a:lnTo>
                      <a:pt x="52" y="117"/>
                    </a:lnTo>
                    <a:lnTo>
                      <a:pt x="61" y="110"/>
                    </a:lnTo>
                    <a:lnTo>
                      <a:pt x="68" y="104"/>
                    </a:lnTo>
                    <a:lnTo>
                      <a:pt x="78" y="98"/>
                    </a:lnTo>
                    <a:lnTo>
                      <a:pt x="84" y="90"/>
                    </a:lnTo>
                    <a:lnTo>
                      <a:pt x="90" y="81"/>
                    </a:lnTo>
                    <a:lnTo>
                      <a:pt x="98" y="70"/>
                    </a:lnTo>
                    <a:lnTo>
                      <a:pt x="103" y="64"/>
                    </a:lnTo>
                    <a:lnTo>
                      <a:pt x="106" y="63"/>
                    </a:lnTo>
                    <a:lnTo>
                      <a:pt x="109" y="61"/>
                    </a:lnTo>
                    <a:lnTo>
                      <a:pt x="111" y="61"/>
                    </a:lnTo>
                    <a:lnTo>
                      <a:pt x="114" y="63"/>
                    </a:lnTo>
                    <a:lnTo>
                      <a:pt x="125" y="68"/>
                    </a:lnTo>
                    <a:lnTo>
                      <a:pt x="141" y="73"/>
                    </a:lnTo>
                    <a:lnTo>
                      <a:pt x="145" y="74"/>
                    </a:lnTo>
                    <a:lnTo>
                      <a:pt x="149" y="74"/>
                    </a:lnTo>
                    <a:lnTo>
                      <a:pt x="151" y="73"/>
                    </a:lnTo>
                    <a:lnTo>
                      <a:pt x="155" y="72"/>
                    </a:lnTo>
                    <a:lnTo>
                      <a:pt x="160" y="66"/>
                    </a:lnTo>
                    <a:lnTo>
                      <a:pt x="166" y="61"/>
                    </a:lnTo>
                    <a:lnTo>
                      <a:pt x="173" y="48"/>
                    </a:lnTo>
                    <a:lnTo>
                      <a:pt x="182" y="38"/>
                    </a:lnTo>
                    <a:lnTo>
                      <a:pt x="188" y="35"/>
                    </a:lnTo>
                    <a:lnTo>
                      <a:pt x="192" y="35"/>
                    </a:lnTo>
                    <a:lnTo>
                      <a:pt x="194" y="37"/>
                    </a:lnTo>
                    <a:lnTo>
                      <a:pt x="198" y="39"/>
                    </a:lnTo>
                    <a:lnTo>
                      <a:pt x="202" y="41"/>
                    </a:lnTo>
                    <a:lnTo>
                      <a:pt x="204" y="42"/>
                    </a:lnTo>
                    <a:lnTo>
                      <a:pt x="208" y="39"/>
                    </a:lnTo>
                    <a:lnTo>
                      <a:pt x="214" y="35"/>
                    </a:lnTo>
                    <a:lnTo>
                      <a:pt x="224" y="24"/>
                    </a:lnTo>
                    <a:lnTo>
                      <a:pt x="236" y="13"/>
                    </a:lnTo>
                    <a:lnTo>
                      <a:pt x="247" y="6"/>
                    </a:lnTo>
                    <a:lnTo>
                      <a:pt x="256" y="0"/>
                    </a:lnTo>
                    <a:lnTo>
                      <a:pt x="260" y="0"/>
                    </a:lnTo>
                    <a:lnTo>
                      <a:pt x="263" y="2"/>
                    </a:lnTo>
                    <a:lnTo>
                      <a:pt x="264" y="3"/>
                    </a:lnTo>
                    <a:lnTo>
                      <a:pt x="263" y="7"/>
                    </a:lnTo>
                    <a:lnTo>
                      <a:pt x="261" y="12"/>
                    </a:lnTo>
                    <a:lnTo>
                      <a:pt x="256" y="20"/>
                    </a:lnTo>
                    <a:lnTo>
                      <a:pt x="251" y="29"/>
                    </a:lnTo>
                    <a:lnTo>
                      <a:pt x="242" y="39"/>
                    </a:lnTo>
                    <a:lnTo>
                      <a:pt x="230" y="59"/>
                    </a:lnTo>
                    <a:lnTo>
                      <a:pt x="219" y="81"/>
                    </a:lnTo>
                    <a:lnTo>
                      <a:pt x="212" y="91"/>
                    </a:lnTo>
                    <a:lnTo>
                      <a:pt x="207" y="101"/>
                    </a:lnTo>
                    <a:lnTo>
                      <a:pt x="201" y="110"/>
                    </a:lnTo>
                    <a:lnTo>
                      <a:pt x="193" y="117"/>
                    </a:lnTo>
                    <a:lnTo>
                      <a:pt x="189" y="121"/>
                    </a:lnTo>
                    <a:lnTo>
                      <a:pt x="185" y="127"/>
                    </a:lnTo>
                    <a:lnTo>
                      <a:pt x="181" y="135"/>
                    </a:lnTo>
                    <a:lnTo>
                      <a:pt x="179" y="144"/>
                    </a:lnTo>
                    <a:lnTo>
                      <a:pt x="175" y="165"/>
                    </a:lnTo>
                    <a:lnTo>
                      <a:pt x="173" y="187"/>
                    </a:lnTo>
                    <a:lnTo>
                      <a:pt x="173" y="209"/>
                    </a:lnTo>
                    <a:lnTo>
                      <a:pt x="177" y="228"/>
                    </a:lnTo>
                    <a:lnTo>
                      <a:pt x="180" y="237"/>
                    </a:lnTo>
                    <a:lnTo>
                      <a:pt x="182" y="245"/>
                    </a:lnTo>
                    <a:lnTo>
                      <a:pt x="186" y="250"/>
                    </a:lnTo>
                    <a:lnTo>
                      <a:pt x="190" y="256"/>
                    </a:lnTo>
                    <a:lnTo>
                      <a:pt x="197" y="261"/>
                    </a:lnTo>
                    <a:lnTo>
                      <a:pt x="202" y="267"/>
                    </a:lnTo>
                    <a:lnTo>
                      <a:pt x="203" y="271"/>
                    </a:lnTo>
                    <a:lnTo>
                      <a:pt x="203" y="276"/>
                    </a:lnTo>
                    <a:lnTo>
                      <a:pt x="201" y="280"/>
                    </a:lnTo>
                    <a:lnTo>
                      <a:pt x="197" y="285"/>
                    </a:lnTo>
                    <a:lnTo>
                      <a:pt x="192" y="289"/>
                    </a:lnTo>
                    <a:lnTo>
                      <a:pt x="185" y="294"/>
                    </a:lnTo>
                    <a:lnTo>
                      <a:pt x="179" y="298"/>
                    </a:lnTo>
                    <a:lnTo>
                      <a:pt x="173" y="303"/>
                    </a:lnTo>
                    <a:lnTo>
                      <a:pt x="170" y="310"/>
                    </a:lnTo>
                    <a:lnTo>
                      <a:pt x="166" y="315"/>
                    </a:lnTo>
                    <a:lnTo>
                      <a:pt x="160" y="327"/>
                    </a:lnTo>
                    <a:lnTo>
                      <a:pt x="155" y="338"/>
                    </a:lnTo>
                    <a:lnTo>
                      <a:pt x="150" y="350"/>
                    </a:lnTo>
                    <a:lnTo>
                      <a:pt x="142" y="360"/>
                    </a:lnTo>
                    <a:lnTo>
                      <a:pt x="138" y="366"/>
                    </a:lnTo>
                    <a:lnTo>
                      <a:pt x="132" y="371"/>
                    </a:lnTo>
                    <a:lnTo>
                      <a:pt x="125" y="375"/>
                    </a:lnTo>
                    <a:lnTo>
                      <a:pt x="118" y="380"/>
                    </a:lnTo>
                    <a:lnTo>
                      <a:pt x="110" y="384"/>
                    </a:lnTo>
                    <a:lnTo>
                      <a:pt x="102" y="390"/>
                    </a:lnTo>
                    <a:lnTo>
                      <a:pt x="96" y="397"/>
                    </a:lnTo>
                    <a:lnTo>
                      <a:pt x="90" y="403"/>
                    </a:lnTo>
                    <a:lnTo>
                      <a:pt x="79" y="420"/>
                    </a:lnTo>
                    <a:lnTo>
                      <a:pt x="70" y="438"/>
                    </a:lnTo>
                    <a:lnTo>
                      <a:pt x="61" y="456"/>
                    </a:lnTo>
                    <a:lnTo>
                      <a:pt x="50" y="473"/>
                    </a:lnTo>
                    <a:lnTo>
                      <a:pt x="45" y="481"/>
                    </a:lnTo>
                    <a:lnTo>
                      <a:pt x="40" y="487"/>
                    </a:lnTo>
                    <a:lnTo>
                      <a:pt x="33" y="494"/>
                    </a:lnTo>
                    <a:lnTo>
                      <a:pt x="26" y="499"/>
                    </a:lnTo>
                    <a:lnTo>
                      <a:pt x="19" y="503"/>
                    </a:lnTo>
                    <a:lnTo>
                      <a:pt x="14" y="506"/>
                    </a:lnTo>
                    <a:lnTo>
                      <a:pt x="10" y="508"/>
                    </a:lnTo>
                    <a:lnTo>
                      <a:pt x="6" y="508"/>
                    </a:lnTo>
                    <a:lnTo>
                      <a:pt x="5" y="507"/>
                    </a:lnTo>
                    <a:lnTo>
                      <a:pt x="4" y="506"/>
                    </a:lnTo>
                    <a:lnTo>
                      <a:pt x="4" y="503"/>
                    </a:lnTo>
                    <a:lnTo>
                      <a:pt x="4" y="500"/>
                    </a:lnTo>
                    <a:lnTo>
                      <a:pt x="9" y="484"/>
                    </a:lnTo>
                    <a:lnTo>
                      <a:pt x="17" y="467"/>
                    </a:lnTo>
                    <a:lnTo>
                      <a:pt x="23" y="452"/>
                    </a:lnTo>
                    <a:lnTo>
                      <a:pt x="26" y="442"/>
                    </a:lnTo>
                    <a:lnTo>
                      <a:pt x="26" y="434"/>
                    </a:lnTo>
                    <a:lnTo>
                      <a:pt x="24" y="428"/>
                    </a:lnTo>
                    <a:lnTo>
                      <a:pt x="17" y="415"/>
                    </a:lnTo>
                    <a:lnTo>
                      <a:pt x="5" y="393"/>
                    </a:lnTo>
                    <a:lnTo>
                      <a:pt x="5" y="333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2" name="Freeform 43">
                <a:extLst>
                  <a:ext uri="{FF2B5EF4-FFF2-40B4-BE49-F238E27FC236}">
                    <a16:creationId xmlns:a16="http://schemas.microsoft.com/office/drawing/2014/main" id="{15535F2E-ECD3-3248-B7F4-9ED0B5890D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57529" y="68770"/>
                <a:ext cx="1306153" cy="2853961"/>
              </a:xfrm>
              <a:custGeom>
                <a:avLst/>
                <a:gdLst/>
                <a:ahLst/>
                <a:cxnLst>
                  <a:cxn ang="0">
                    <a:pos x="290" y="4150"/>
                  </a:cxn>
                  <a:cxn ang="0">
                    <a:pos x="406" y="3761"/>
                  </a:cxn>
                  <a:cxn ang="0">
                    <a:pos x="496" y="3469"/>
                  </a:cxn>
                  <a:cxn ang="0">
                    <a:pos x="427" y="3132"/>
                  </a:cxn>
                  <a:cxn ang="0">
                    <a:pos x="471" y="2535"/>
                  </a:cxn>
                  <a:cxn ang="0">
                    <a:pos x="829" y="2286"/>
                  </a:cxn>
                  <a:cxn ang="0">
                    <a:pos x="945" y="1842"/>
                  </a:cxn>
                  <a:cxn ang="0">
                    <a:pos x="1173" y="1252"/>
                  </a:cxn>
                  <a:cxn ang="0">
                    <a:pos x="1382" y="956"/>
                  </a:cxn>
                  <a:cxn ang="0">
                    <a:pos x="1530" y="577"/>
                  </a:cxn>
                  <a:cxn ang="0">
                    <a:pos x="1734" y="503"/>
                  </a:cxn>
                  <a:cxn ang="0">
                    <a:pos x="2048" y="300"/>
                  </a:cxn>
                  <a:cxn ang="0">
                    <a:pos x="2193" y="49"/>
                  </a:cxn>
                  <a:cxn ang="0">
                    <a:pos x="2574" y="402"/>
                  </a:cxn>
                  <a:cxn ang="0">
                    <a:pos x="2723" y="680"/>
                  </a:cxn>
                  <a:cxn ang="0">
                    <a:pos x="2808" y="949"/>
                  </a:cxn>
                  <a:cxn ang="0">
                    <a:pos x="2865" y="1387"/>
                  </a:cxn>
                  <a:cxn ang="0">
                    <a:pos x="2616" y="1437"/>
                  </a:cxn>
                  <a:cxn ang="0">
                    <a:pos x="2515" y="1430"/>
                  </a:cxn>
                  <a:cxn ang="0">
                    <a:pos x="2403" y="1466"/>
                  </a:cxn>
                  <a:cxn ang="0">
                    <a:pos x="2482" y="1636"/>
                  </a:cxn>
                  <a:cxn ang="0">
                    <a:pos x="2412" y="1790"/>
                  </a:cxn>
                  <a:cxn ang="0">
                    <a:pos x="2360" y="2000"/>
                  </a:cxn>
                  <a:cxn ang="0">
                    <a:pos x="2420" y="2163"/>
                  </a:cxn>
                  <a:cxn ang="0">
                    <a:pos x="2224" y="2460"/>
                  </a:cxn>
                  <a:cxn ang="0">
                    <a:pos x="2043" y="2619"/>
                  </a:cxn>
                  <a:cxn ang="0">
                    <a:pos x="1912" y="2730"/>
                  </a:cxn>
                  <a:cxn ang="0">
                    <a:pos x="1803" y="2853"/>
                  </a:cxn>
                  <a:cxn ang="0">
                    <a:pos x="1637" y="2839"/>
                  </a:cxn>
                  <a:cxn ang="0">
                    <a:pos x="1635" y="3014"/>
                  </a:cxn>
                  <a:cxn ang="0">
                    <a:pos x="1513" y="3094"/>
                  </a:cxn>
                  <a:cxn ang="0">
                    <a:pos x="1559" y="3272"/>
                  </a:cxn>
                  <a:cxn ang="0">
                    <a:pos x="1471" y="3392"/>
                  </a:cxn>
                  <a:cxn ang="0">
                    <a:pos x="1470" y="3636"/>
                  </a:cxn>
                  <a:cxn ang="0">
                    <a:pos x="1492" y="3864"/>
                  </a:cxn>
                  <a:cxn ang="0">
                    <a:pos x="1463" y="4059"/>
                  </a:cxn>
                  <a:cxn ang="0">
                    <a:pos x="1539" y="3988"/>
                  </a:cxn>
                  <a:cxn ang="0">
                    <a:pos x="1664" y="4048"/>
                  </a:cxn>
                  <a:cxn ang="0">
                    <a:pos x="1856" y="4131"/>
                  </a:cxn>
                  <a:cxn ang="0">
                    <a:pos x="1861" y="4194"/>
                  </a:cxn>
                  <a:cxn ang="0">
                    <a:pos x="1865" y="4353"/>
                  </a:cxn>
                  <a:cxn ang="0">
                    <a:pos x="1686" y="4496"/>
                  </a:cxn>
                  <a:cxn ang="0">
                    <a:pos x="1721" y="4540"/>
                  </a:cxn>
                  <a:cxn ang="0">
                    <a:pos x="1649" y="4646"/>
                  </a:cxn>
                  <a:cxn ang="0">
                    <a:pos x="1543" y="4636"/>
                  </a:cxn>
                  <a:cxn ang="0">
                    <a:pos x="1322" y="4826"/>
                  </a:cxn>
                  <a:cxn ang="0">
                    <a:pos x="1368" y="4923"/>
                  </a:cxn>
                  <a:cxn ang="0">
                    <a:pos x="1318" y="5040"/>
                  </a:cxn>
                  <a:cxn ang="0">
                    <a:pos x="1270" y="5158"/>
                  </a:cxn>
                  <a:cxn ang="0">
                    <a:pos x="1213" y="5563"/>
                  </a:cxn>
                  <a:cxn ang="0">
                    <a:pos x="1084" y="5992"/>
                  </a:cxn>
                  <a:cxn ang="0">
                    <a:pos x="747" y="5940"/>
                  </a:cxn>
                  <a:cxn ang="0">
                    <a:pos x="634" y="6085"/>
                  </a:cxn>
                  <a:cxn ang="0">
                    <a:pos x="592" y="6307"/>
                  </a:cxn>
                  <a:cxn ang="0">
                    <a:pos x="248" y="6262"/>
                  </a:cxn>
                  <a:cxn ang="0">
                    <a:pos x="224" y="6005"/>
                  </a:cxn>
                  <a:cxn ang="0">
                    <a:pos x="235" y="5856"/>
                  </a:cxn>
                  <a:cxn ang="0">
                    <a:pos x="282" y="5743"/>
                  </a:cxn>
                  <a:cxn ang="0">
                    <a:pos x="224" y="5574"/>
                  </a:cxn>
                  <a:cxn ang="0">
                    <a:pos x="117" y="5106"/>
                  </a:cxn>
                  <a:cxn ang="0">
                    <a:pos x="128" y="4825"/>
                  </a:cxn>
                  <a:cxn ang="0">
                    <a:pos x="2" y="4828"/>
                  </a:cxn>
                </a:cxnLst>
                <a:rect l="0" t="0" r="r" b="b"/>
                <a:pathLst>
                  <a:path w="2865" h="6317">
                    <a:moveTo>
                      <a:pt x="76" y="4524"/>
                    </a:moveTo>
                    <a:lnTo>
                      <a:pt x="120" y="4556"/>
                    </a:lnTo>
                    <a:lnTo>
                      <a:pt x="127" y="4553"/>
                    </a:lnTo>
                    <a:lnTo>
                      <a:pt x="130" y="4552"/>
                    </a:lnTo>
                    <a:lnTo>
                      <a:pt x="133" y="4549"/>
                    </a:lnTo>
                    <a:lnTo>
                      <a:pt x="138" y="4544"/>
                    </a:lnTo>
                    <a:lnTo>
                      <a:pt x="138" y="4522"/>
                    </a:lnTo>
                    <a:lnTo>
                      <a:pt x="139" y="4501"/>
                    </a:lnTo>
                    <a:lnTo>
                      <a:pt x="142" y="4482"/>
                    </a:lnTo>
                    <a:lnTo>
                      <a:pt x="145" y="4461"/>
                    </a:lnTo>
                    <a:lnTo>
                      <a:pt x="149" y="4442"/>
                    </a:lnTo>
                    <a:lnTo>
                      <a:pt x="154" y="4422"/>
                    </a:lnTo>
                    <a:lnTo>
                      <a:pt x="159" y="4403"/>
                    </a:lnTo>
                    <a:lnTo>
                      <a:pt x="164" y="4383"/>
                    </a:lnTo>
                    <a:lnTo>
                      <a:pt x="177" y="4346"/>
                    </a:lnTo>
                    <a:lnTo>
                      <a:pt x="193" y="4308"/>
                    </a:lnTo>
                    <a:lnTo>
                      <a:pt x="209" y="4271"/>
                    </a:lnTo>
                    <a:lnTo>
                      <a:pt x="228" y="4234"/>
                    </a:lnTo>
                    <a:lnTo>
                      <a:pt x="237" y="4214"/>
                    </a:lnTo>
                    <a:lnTo>
                      <a:pt x="246" y="4195"/>
                    </a:lnTo>
                    <a:lnTo>
                      <a:pt x="251" y="4186"/>
                    </a:lnTo>
                    <a:lnTo>
                      <a:pt x="257" y="4177"/>
                    </a:lnTo>
                    <a:lnTo>
                      <a:pt x="264" y="4169"/>
                    </a:lnTo>
                    <a:lnTo>
                      <a:pt x="273" y="4162"/>
                    </a:lnTo>
                    <a:lnTo>
                      <a:pt x="290" y="4150"/>
                    </a:lnTo>
                    <a:lnTo>
                      <a:pt x="305" y="4136"/>
                    </a:lnTo>
                    <a:lnTo>
                      <a:pt x="318" y="4123"/>
                    </a:lnTo>
                    <a:lnTo>
                      <a:pt x="331" y="4109"/>
                    </a:lnTo>
                    <a:lnTo>
                      <a:pt x="342" y="4094"/>
                    </a:lnTo>
                    <a:lnTo>
                      <a:pt x="352" y="4080"/>
                    </a:lnTo>
                    <a:lnTo>
                      <a:pt x="360" y="4065"/>
                    </a:lnTo>
                    <a:lnTo>
                      <a:pt x="368" y="4049"/>
                    </a:lnTo>
                    <a:lnTo>
                      <a:pt x="375" y="4032"/>
                    </a:lnTo>
                    <a:lnTo>
                      <a:pt x="380" y="4015"/>
                    </a:lnTo>
                    <a:lnTo>
                      <a:pt x="387" y="3998"/>
                    </a:lnTo>
                    <a:lnTo>
                      <a:pt x="392" y="3980"/>
                    </a:lnTo>
                    <a:lnTo>
                      <a:pt x="400" y="3944"/>
                    </a:lnTo>
                    <a:lnTo>
                      <a:pt x="409" y="3904"/>
                    </a:lnTo>
                    <a:lnTo>
                      <a:pt x="414" y="3894"/>
                    </a:lnTo>
                    <a:lnTo>
                      <a:pt x="419" y="3884"/>
                    </a:lnTo>
                    <a:lnTo>
                      <a:pt x="422" y="3874"/>
                    </a:lnTo>
                    <a:lnTo>
                      <a:pt x="425" y="3866"/>
                    </a:lnTo>
                    <a:lnTo>
                      <a:pt x="427" y="3857"/>
                    </a:lnTo>
                    <a:lnTo>
                      <a:pt x="428" y="3850"/>
                    </a:lnTo>
                    <a:lnTo>
                      <a:pt x="428" y="3842"/>
                    </a:lnTo>
                    <a:lnTo>
                      <a:pt x="427" y="3834"/>
                    </a:lnTo>
                    <a:lnTo>
                      <a:pt x="425" y="3818"/>
                    </a:lnTo>
                    <a:lnTo>
                      <a:pt x="421" y="3802"/>
                    </a:lnTo>
                    <a:lnTo>
                      <a:pt x="414" y="3783"/>
                    </a:lnTo>
                    <a:lnTo>
                      <a:pt x="406" y="3761"/>
                    </a:lnTo>
                    <a:lnTo>
                      <a:pt x="401" y="3743"/>
                    </a:lnTo>
                    <a:lnTo>
                      <a:pt x="397" y="3725"/>
                    </a:lnTo>
                    <a:lnTo>
                      <a:pt x="393" y="3708"/>
                    </a:lnTo>
                    <a:lnTo>
                      <a:pt x="392" y="3690"/>
                    </a:lnTo>
                    <a:lnTo>
                      <a:pt x="390" y="3655"/>
                    </a:lnTo>
                    <a:lnTo>
                      <a:pt x="387" y="3619"/>
                    </a:lnTo>
                    <a:lnTo>
                      <a:pt x="387" y="3611"/>
                    </a:lnTo>
                    <a:lnTo>
                      <a:pt x="388" y="3606"/>
                    </a:lnTo>
                    <a:lnTo>
                      <a:pt x="390" y="3601"/>
                    </a:lnTo>
                    <a:lnTo>
                      <a:pt x="393" y="3596"/>
                    </a:lnTo>
                    <a:lnTo>
                      <a:pt x="397" y="3592"/>
                    </a:lnTo>
                    <a:lnTo>
                      <a:pt x="402" y="3588"/>
                    </a:lnTo>
                    <a:lnTo>
                      <a:pt x="408" y="3585"/>
                    </a:lnTo>
                    <a:lnTo>
                      <a:pt x="414" y="3583"/>
                    </a:lnTo>
                    <a:lnTo>
                      <a:pt x="440" y="3574"/>
                    </a:lnTo>
                    <a:lnTo>
                      <a:pt x="463" y="3565"/>
                    </a:lnTo>
                    <a:lnTo>
                      <a:pt x="470" y="3559"/>
                    </a:lnTo>
                    <a:lnTo>
                      <a:pt x="475" y="3553"/>
                    </a:lnTo>
                    <a:lnTo>
                      <a:pt x="480" y="3544"/>
                    </a:lnTo>
                    <a:lnTo>
                      <a:pt x="484" y="3536"/>
                    </a:lnTo>
                    <a:lnTo>
                      <a:pt x="488" y="3526"/>
                    </a:lnTo>
                    <a:lnTo>
                      <a:pt x="491" y="3515"/>
                    </a:lnTo>
                    <a:lnTo>
                      <a:pt x="493" y="3504"/>
                    </a:lnTo>
                    <a:lnTo>
                      <a:pt x="494" y="3492"/>
                    </a:lnTo>
                    <a:lnTo>
                      <a:pt x="496" y="3469"/>
                    </a:lnTo>
                    <a:lnTo>
                      <a:pt x="494" y="3447"/>
                    </a:lnTo>
                    <a:lnTo>
                      <a:pt x="494" y="3436"/>
                    </a:lnTo>
                    <a:lnTo>
                      <a:pt x="492" y="3427"/>
                    </a:lnTo>
                    <a:lnTo>
                      <a:pt x="489" y="3418"/>
                    </a:lnTo>
                    <a:lnTo>
                      <a:pt x="487" y="3410"/>
                    </a:lnTo>
                    <a:lnTo>
                      <a:pt x="480" y="3397"/>
                    </a:lnTo>
                    <a:lnTo>
                      <a:pt x="474" y="3386"/>
                    </a:lnTo>
                    <a:lnTo>
                      <a:pt x="466" y="3377"/>
                    </a:lnTo>
                    <a:lnTo>
                      <a:pt x="457" y="3368"/>
                    </a:lnTo>
                    <a:lnTo>
                      <a:pt x="440" y="3351"/>
                    </a:lnTo>
                    <a:lnTo>
                      <a:pt x="423" y="3335"/>
                    </a:lnTo>
                    <a:lnTo>
                      <a:pt x="415" y="3327"/>
                    </a:lnTo>
                    <a:lnTo>
                      <a:pt x="408" y="3318"/>
                    </a:lnTo>
                    <a:lnTo>
                      <a:pt x="401" y="3309"/>
                    </a:lnTo>
                    <a:lnTo>
                      <a:pt x="396" y="3299"/>
                    </a:lnTo>
                    <a:lnTo>
                      <a:pt x="391" y="3287"/>
                    </a:lnTo>
                    <a:lnTo>
                      <a:pt x="387" y="3273"/>
                    </a:lnTo>
                    <a:lnTo>
                      <a:pt x="386" y="3259"/>
                    </a:lnTo>
                    <a:lnTo>
                      <a:pt x="384" y="3242"/>
                    </a:lnTo>
                    <a:lnTo>
                      <a:pt x="388" y="3223"/>
                    </a:lnTo>
                    <a:lnTo>
                      <a:pt x="395" y="3204"/>
                    </a:lnTo>
                    <a:lnTo>
                      <a:pt x="404" y="3185"/>
                    </a:lnTo>
                    <a:lnTo>
                      <a:pt x="412" y="3167"/>
                    </a:lnTo>
                    <a:lnTo>
                      <a:pt x="421" y="3149"/>
                    </a:lnTo>
                    <a:lnTo>
                      <a:pt x="427" y="3132"/>
                    </a:lnTo>
                    <a:lnTo>
                      <a:pt x="430" y="3123"/>
                    </a:lnTo>
                    <a:lnTo>
                      <a:pt x="432" y="3114"/>
                    </a:lnTo>
                    <a:lnTo>
                      <a:pt x="434" y="3105"/>
                    </a:lnTo>
                    <a:lnTo>
                      <a:pt x="435" y="3096"/>
                    </a:lnTo>
                    <a:lnTo>
                      <a:pt x="435" y="3070"/>
                    </a:lnTo>
                    <a:lnTo>
                      <a:pt x="434" y="3042"/>
                    </a:lnTo>
                    <a:lnTo>
                      <a:pt x="431" y="3014"/>
                    </a:lnTo>
                    <a:lnTo>
                      <a:pt x="427" y="2987"/>
                    </a:lnTo>
                    <a:lnTo>
                      <a:pt x="425" y="2960"/>
                    </a:lnTo>
                    <a:lnTo>
                      <a:pt x="421" y="2931"/>
                    </a:lnTo>
                    <a:lnTo>
                      <a:pt x="419" y="2904"/>
                    </a:lnTo>
                    <a:lnTo>
                      <a:pt x="418" y="2875"/>
                    </a:lnTo>
                    <a:lnTo>
                      <a:pt x="419" y="2846"/>
                    </a:lnTo>
                    <a:lnTo>
                      <a:pt x="423" y="2816"/>
                    </a:lnTo>
                    <a:lnTo>
                      <a:pt x="427" y="2785"/>
                    </a:lnTo>
                    <a:lnTo>
                      <a:pt x="428" y="2755"/>
                    </a:lnTo>
                    <a:lnTo>
                      <a:pt x="428" y="2720"/>
                    </a:lnTo>
                    <a:lnTo>
                      <a:pt x="425" y="2685"/>
                    </a:lnTo>
                    <a:lnTo>
                      <a:pt x="425" y="2668"/>
                    </a:lnTo>
                    <a:lnTo>
                      <a:pt x="425" y="2650"/>
                    </a:lnTo>
                    <a:lnTo>
                      <a:pt x="426" y="2633"/>
                    </a:lnTo>
                    <a:lnTo>
                      <a:pt x="428" y="2615"/>
                    </a:lnTo>
                    <a:lnTo>
                      <a:pt x="443" y="2590"/>
                    </a:lnTo>
                    <a:lnTo>
                      <a:pt x="457" y="2564"/>
                    </a:lnTo>
                    <a:lnTo>
                      <a:pt x="471" y="2535"/>
                    </a:lnTo>
                    <a:lnTo>
                      <a:pt x="485" y="2505"/>
                    </a:lnTo>
                    <a:lnTo>
                      <a:pt x="500" y="2474"/>
                    </a:lnTo>
                    <a:lnTo>
                      <a:pt x="515" y="2443"/>
                    </a:lnTo>
                    <a:lnTo>
                      <a:pt x="531" y="2412"/>
                    </a:lnTo>
                    <a:lnTo>
                      <a:pt x="549" y="2382"/>
                    </a:lnTo>
                    <a:lnTo>
                      <a:pt x="558" y="2369"/>
                    </a:lnTo>
                    <a:lnTo>
                      <a:pt x="567" y="2355"/>
                    </a:lnTo>
                    <a:lnTo>
                      <a:pt x="576" y="2342"/>
                    </a:lnTo>
                    <a:lnTo>
                      <a:pt x="586" y="2330"/>
                    </a:lnTo>
                    <a:lnTo>
                      <a:pt x="597" y="2318"/>
                    </a:lnTo>
                    <a:lnTo>
                      <a:pt x="608" y="2308"/>
                    </a:lnTo>
                    <a:lnTo>
                      <a:pt x="619" y="2299"/>
                    </a:lnTo>
                    <a:lnTo>
                      <a:pt x="632" y="2291"/>
                    </a:lnTo>
                    <a:lnTo>
                      <a:pt x="643" y="2283"/>
                    </a:lnTo>
                    <a:lnTo>
                      <a:pt x="656" y="2278"/>
                    </a:lnTo>
                    <a:lnTo>
                      <a:pt x="671" y="2273"/>
                    </a:lnTo>
                    <a:lnTo>
                      <a:pt x="684" y="2270"/>
                    </a:lnTo>
                    <a:lnTo>
                      <a:pt x="699" y="2269"/>
                    </a:lnTo>
                    <a:lnTo>
                      <a:pt x="715" y="2269"/>
                    </a:lnTo>
                    <a:lnTo>
                      <a:pt x="730" y="2270"/>
                    </a:lnTo>
                    <a:lnTo>
                      <a:pt x="747" y="2274"/>
                    </a:lnTo>
                    <a:lnTo>
                      <a:pt x="770" y="2279"/>
                    </a:lnTo>
                    <a:lnTo>
                      <a:pt x="792" y="2283"/>
                    </a:lnTo>
                    <a:lnTo>
                      <a:pt x="812" y="2286"/>
                    </a:lnTo>
                    <a:lnTo>
                      <a:pt x="829" y="2286"/>
                    </a:lnTo>
                    <a:lnTo>
                      <a:pt x="843" y="2285"/>
                    </a:lnTo>
                    <a:lnTo>
                      <a:pt x="856" y="2282"/>
                    </a:lnTo>
                    <a:lnTo>
                      <a:pt x="866" y="2277"/>
                    </a:lnTo>
                    <a:lnTo>
                      <a:pt x="874" y="2272"/>
                    </a:lnTo>
                    <a:lnTo>
                      <a:pt x="882" y="2265"/>
                    </a:lnTo>
                    <a:lnTo>
                      <a:pt x="887" y="2256"/>
                    </a:lnTo>
                    <a:lnTo>
                      <a:pt x="891" y="2247"/>
                    </a:lnTo>
                    <a:lnTo>
                      <a:pt x="893" y="2237"/>
                    </a:lnTo>
                    <a:lnTo>
                      <a:pt x="895" y="2225"/>
                    </a:lnTo>
                    <a:lnTo>
                      <a:pt x="896" y="2213"/>
                    </a:lnTo>
                    <a:lnTo>
                      <a:pt x="895" y="2200"/>
                    </a:lnTo>
                    <a:lnTo>
                      <a:pt x="893" y="2187"/>
                    </a:lnTo>
                    <a:lnTo>
                      <a:pt x="884" y="2128"/>
                    </a:lnTo>
                    <a:lnTo>
                      <a:pt x="873" y="2064"/>
                    </a:lnTo>
                    <a:lnTo>
                      <a:pt x="871" y="2049"/>
                    </a:lnTo>
                    <a:lnTo>
                      <a:pt x="870" y="2033"/>
                    </a:lnTo>
                    <a:lnTo>
                      <a:pt x="869" y="2018"/>
                    </a:lnTo>
                    <a:lnTo>
                      <a:pt x="869" y="2002"/>
                    </a:lnTo>
                    <a:lnTo>
                      <a:pt x="870" y="1988"/>
                    </a:lnTo>
                    <a:lnTo>
                      <a:pt x="871" y="1974"/>
                    </a:lnTo>
                    <a:lnTo>
                      <a:pt x="875" y="1959"/>
                    </a:lnTo>
                    <a:lnTo>
                      <a:pt x="881" y="1947"/>
                    </a:lnTo>
                    <a:lnTo>
                      <a:pt x="903" y="1912"/>
                    </a:lnTo>
                    <a:lnTo>
                      <a:pt x="925" y="1877"/>
                    </a:lnTo>
                    <a:lnTo>
                      <a:pt x="945" y="1842"/>
                    </a:lnTo>
                    <a:lnTo>
                      <a:pt x="965" y="1807"/>
                    </a:lnTo>
                    <a:lnTo>
                      <a:pt x="974" y="1788"/>
                    </a:lnTo>
                    <a:lnTo>
                      <a:pt x="982" y="1770"/>
                    </a:lnTo>
                    <a:lnTo>
                      <a:pt x="988" y="1751"/>
                    </a:lnTo>
                    <a:lnTo>
                      <a:pt x="995" y="1733"/>
                    </a:lnTo>
                    <a:lnTo>
                      <a:pt x="1000" y="1713"/>
                    </a:lnTo>
                    <a:lnTo>
                      <a:pt x="1004" y="1693"/>
                    </a:lnTo>
                    <a:lnTo>
                      <a:pt x="1006" y="1672"/>
                    </a:lnTo>
                    <a:lnTo>
                      <a:pt x="1007" y="1651"/>
                    </a:lnTo>
                    <a:lnTo>
                      <a:pt x="1009" y="1608"/>
                    </a:lnTo>
                    <a:lnTo>
                      <a:pt x="1009" y="1566"/>
                    </a:lnTo>
                    <a:lnTo>
                      <a:pt x="1010" y="1545"/>
                    </a:lnTo>
                    <a:lnTo>
                      <a:pt x="1013" y="1524"/>
                    </a:lnTo>
                    <a:lnTo>
                      <a:pt x="1015" y="1504"/>
                    </a:lnTo>
                    <a:lnTo>
                      <a:pt x="1018" y="1481"/>
                    </a:lnTo>
                    <a:lnTo>
                      <a:pt x="1023" y="1457"/>
                    </a:lnTo>
                    <a:lnTo>
                      <a:pt x="1030" y="1432"/>
                    </a:lnTo>
                    <a:lnTo>
                      <a:pt x="1036" y="1406"/>
                    </a:lnTo>
                    <a:lnTo>
                      <a:pt x="1044" y="1383"/>
                    </a:lnTo>
                    <a:lnTo>
                      <a:pt x="1050" y="1358"/>
                    </a:lnTo>
                    <a:lnTo>
                      <a:pt x="1058" y="1334"/>
                    </a:lnTo>
                    <a:lnTo>
                      <a:pt x="1064" y="1309"/>
                    </a:lnTo>
                    <a:lnTo>
                      <a:pt x="1070" y="1283"/>
                    </a:lnTo>
                    <a:lnTo>
                      <a:pt x="1124" y="1268"/>
                    </a:lnTo>
                    <a:lnTo>
                      <a:pt x="1173" y="1252"/>
                    </a:lnTo>
                    <a:lnTo>
                      <a:pt x="1184" y="1247"/>
                    </a:lnTo>
                    <a:lnTo>
                      <a:pt x="1193" y="1241"/>
                    </a:lnTo>
                    <a:lnTo>
                      <a:pt x="1202" y="1234"/>
                    </a:lnTo>
                    <a:lnTo>
                      <a:pt x="1208" y="1225"/>
                    </a:lnTo>
                    <a:lnTo>
                      <a:pt x="1215" y="1215"/>
                    </a:lnTo>
                    <a:lnTo>
                      <a:pt x="1220" y="1203"/>
                    </a:lnTo>
                    <a:lnTo>
                      <a:pt x="1224" y="1189"/>
                    </a:lnTo>
                    <a:lnTo>
                      <a:pt x="1225" y="1172"/>
                    </a:lnTo>
                    <a:lnTo>
                      <a:pt x="1226" y="1156"/>
                    </a:lnTo>
                    <a:lnTo>
                      <a:pt x="1230" y="1143"/>
                    </a:lnTo>
                    <a:lnTo>
                      <a:pt x="1234" y="1132"/>
                    </a:lnTo>
                    <a:lnTo>
                      <a:pt x="1238" y="1123"/>
                    </a:lnTo>
                    <a:lnTo>
                      <a:pt x="1245" y="1114"/>
                    </a:lnTo>
                    <a:lnTo>
                      <a:pt x="1251" y="1106"/>
                    </a:lnTo>
                    <a:lnTo>
                      <a:pt x="1259" y="1099"/>
                    </a:lnTo>
                    <a:lnTo>
                      <a:pt x="1267" y="1094"/>
                    </a:lnTo>
                    <a:lnTo>
                      <a:pt x="1283" y="1082"/>
                    </a:lnTo>
                    <a:lnTo>
                      <a:pt x="1300" y="1071"/>
                    </a:lnTo>
                    <a:lnTo>
                      <a:pt x="1309" y="1063"/>
                    </a:lnTo>
                    <a:lnTo>
                      <a:pt x="1317" y="1055"/>
                    </a:lnTo>
                    <a:lnTo>
                      <a:pt x="1326" y="1048"/>
                    </a:lnTo>
                    <a:lnTo>
                      <a:pt x="1334" y="1037"/>
                    </a:lnTo>
                    <a:lnTo>
                      <a:pt x="1352" y="1010"/>
                    </a:lnTo>
                    <a:lnTo>
                      <a:pt x="1368" y="983"/>
                    </a:lnTo>
                    <a:lnTo>
                      <a:pt x="1382" y="956"/>
                    </a:lnTo>
                    <a:lnTo>
                      <a:pt x="1394" y="930"/>
                    </a:lnTo>
                    <a:lnTo>
                      <a:pt x="1399" y="915"/>
                    </a:lnTo>
                    <a:lnTo>
                      <a:pt x="1403" y="901"/>
                    </a:lnTo>
                    <a:lnTo>
                      <a:pt x="1406" y="887"/>
                    </a:lnTo>
                    <a:lnTo>
                      <a:pt x="1410" y="873"/>
                    </a:lnTo>
                    <a:lnTo>
                      <a:pt x="1413" y="857"/>
                    </a:lnTo>
                    <a:lnTo>
                      <a:pt x="1414" y="842"/>
                    </a:lnTo>
                    <a:lnTo>
                      <a:pt x="1416" y="825"/>
                    </a:lnTo>
                    <a:lnTo>
                      <a:pt x="1416" y="808"/>
                    </a:lnTo>
                    <a:lnTo>
                      <a:pt x="1416" y="788"/>
                    </a:lnTo>
                    <a:lnTo>
                      <a:pt x="1417" y="770"/>
                    </a:lnTo>
                    <a:lnTo>
                      <a:pt x="1418" y="753"/>
                    </a:lnTo>
                    <a:lnTo>
                      <a:pt x="1419" y="738"/>
                    </a:lnTo>
                    <a:lnTo>
                      <a:pt x="1422" y="724"/>
                    </a:lnTo>
                    <a:lnTo>
                      <a:pt x="1426" y="711"/>
                    </a:lnTo>
                    <a:lnTo>
                      <a:pt x="1430" y="698"/>
                    </a:lnTo>
                    <a:lnTo>
                      <a:pt x="1435" y="686"/>
                    </a:lnTo>
                    <a:lnTo>
                      <a:pt x="1440" y="676"/>
                    </a:lnTo>
                    <a:lnTo>
                      <a:pt x="1448" y="664"/>
                    </a:lnTo>
                    <a:lnTo>
                      <a:pt x="1456" y="652"/>
                    </a:lnTo>
                    <a:lnTo>
                      <a:pt x="1465" y="641"/>
                    </a:lnTo>
                    <a:lnTo>
                      <a:pt x="1487" y="617"/>
                    </a:lnTo>
                    <a:lnTo>
                      <a:pt x="1514" y="589"/>
                    </a:lnTo>
                    <a:lnTo>
                      <a:pt x="1522" y="584"/>
                    </a:lnTo>
                    <a:lnTo>
                      <a:pt x="1530" y="577"/>
                    </a:lnTo>
                    <a:lnTo>
                      <a:pt x="1536" y="571"/>
                    </a:lnTo>
                    <a:lnTo>
                      <a:pt x="1543" y="562"/>
                    </a:lnTo>
                    <a:lnTo>
                      <a:pt x="1554" y="544"/>
                    </a:lnTo>
                    <a:lnTo>
                      <a:pt x="1566" y="524"/>
                    </a:lnTo>
                    <a:lnTo>
                      <a:pt x="1579" y="506"/>
                    </a:lnTo>
                    <a:lnTo>
                      <a:pt x="1592" y="489"/>
                    </a:lnTo>
                    <a:lnTo>
                      <a:pt x="1598" y="481"/>
                    </a:lnTo>
                    <a:lnTo>
                      <a:pt x="1606" y="475"/>
                    </a:lnTo>
                    <a:lnTo>
                      <a:pt x="1614" y="470"/>
                    </a:lnTo>
                    <a:lnTo>
                      <a:pt x="1622" y="467"/>
                    </a:lnTo>
                    <a:lnTo>
                      <a:pt x="1629" y="465"/>
                    </a:lnTo>
                    <a:lnTo>
                      <a:pt x="1636" y="465"/>
                    </a:lnTo>
                    <a:lnTo>
                      <a:pt x="1642" y="465"/>
                    </a:lnTo>
                    <a:lnTo>
                      <a:pt x="1649" y="467"/>
                    </a:lnTo>
                    <a:lnTo>
                      <a:pt x="1660" y="472"/>
                    </a:lnTo>
                    <a:lnTo>
                      <a:pt x="1672" y="481"/>
                    </a:lnTo>
                    <a:lnTo>
                      <a:pt x="1684" y="490"/>
                    </a:lnTo>
                    <a:lnTo>
                      <a:pt x="1695" y="498"/>
                    </a:lnTo>
                    <a:lnTo>
                      <a:pt x="1701" y="502"/>
                    </a:lnTo>
                    <a:lnTo>
                      <a:pt x="1707" y="505"/>
                    </a:lnTo>
                    <a:lnTo>
                      <a:pt x="1714" y="507"/>
                    </a:lnTo>
                    <a:lnTo>
                      <a:pt x="1721" y="509"/>
                    </a:lnTo>
                    <a:lnTo>
                      <a:pt x="1725" y="507"/>
                    </a:lnTo>
                    <a:lnTo>
                      <a:pt x="1730" y="506"/>
                    </a:lnTo>
                    <a:lnTo>
                      <a:pt x="1734" y="503"/>
                    </a:lnTo>
                    <a:lnTo>
                      <a:pt x="1738" y="501"/>
                    </a:lnTo>
                    <a:lnTo>
                      <a:pt x="1746" y="490"/>
                    </a:lnTo>
                    <a:lnTo>
                      <a:pt x="1752" y="478"/>
                    </a:lnTo>
                    <a:lnTo>
                      <a:pt x="1759" y="462"/>
                    </a:lnTo>
                    <a:lnTo>
                      <a:pt x="1765" y="444"/>
                    </a:lnTo>
                    <a:lnTo>
                      <a:pt x="1772" y="424"/>
                    </a:lnTo>
                    <a:lnTo>
                      <a:pt x="1777" y="405"/>
                    </a:lnTo>
                    <a:lnTo>
                      <a:pt x="1789" y="362"/>
                    </a:lnTo>
                    <a:lnTo>
                      <a:pt x="1800" y="323"/>
                    </a:lnTo>
                    <a:lnTo>
                      <a:pt x="1808" y="307"/>
                    </a:lnTo>
                    <a:lnTo>
                      <a:pt x="1815" y="291"/>
                    </a:lnTo>
                    <a:lnTo>
                      <a:pt x="1818" y="285"/>
                    </a:lnTo>
                    <a:lnTo>
                      <a:pt x="1822" y="279"/>
                    </a:lnTo>
                    <a:lnTo>
                      <a:pt x="1826" y="274"/>
                    </a:lnTo>
                    <a:lnTo>
                      <a:pt x="1831" y="270"/>
                    </a:lnTo>
                    <a:lnTo>
                      <a:pt x="1838" y="266"/>
                    </a:lnTo>
                    <a:lnTo>
                      <a:pt x="1847" y="264"/>
                    </a:lnTo>
                    <a:lnTo>
                      <a:pt x="1856" y="262"/>
                    </a:lnTo>
                    <a:lnTo>
                      <a:pt x="1868" y="261"/>
                    </a:lnTo>
                    <a:lnTo>
                      <a:pt x="1894" y="262"/>
                    </a:lnTo>
                    <a:lnTo>
                      <a:pt x="1921" y="268"/>
                    </a:lnTo>
                    <a:lnTo>
                      <a:pt x="1977" y="279"/>
                    </a:lnTo>
                    <a:lnTo>
                      <a:pt x="2019" y="290"/>
                    </a:lnTo>
                    <a:lnTo>
                      <a:pt x="2034" y="294"/>
                    </a:lnTo>
                    <a:lnTo>
                      <a:pt x="2048" y="300"/>
                    </a:lnTo>
                    <a:lnTo>
                      <a:pt x="2061" y="307"/>
                    </a:lnTo>
                    <a:lnTo>
                      <a:pt x="2074" y="314"/>
                    </a:lnTo>
                    <a:lnTo>
                      <a:pt x="2097" y="330"/>
                    </a:lnTo>
                    <a:lnTo>
                      <a:pt x="2119" y="340"/>
                    </a:lnTo>
                    <a:lnTo>
                      <a:pt x="2129" y="343"/>
                    </a:lnTo>
                    <a:lnTo>
                      <a:pt x="2138" y="343"/>
                    </a:lnTo>
                    <a:lnTo>
                      <a:pt x="2144" y="342"/>
                    </a:lnTo>
                    <a:lnTo>
                      <a:pt x="2148" y="339"/>
                    </a:lnTo>
                    <a:lnTo>
                      <a:pt x="2153" y="336"/>
                    </a:lnTo>
                    <a:lnTo>
                      <a:pt x="2157" y="332"/>
                    </a:lnTo>
                    <a:lnTo>
                      <a:pt x="2160" y="327"/>
                    </a:lnTo>
                    <a:lnTo>
                      <a:pt x="2164" y="321"/>
                    </a:lnTo>
                    <a:lnTo>
                      <a:pt x="2168" y="314"/>
                    </a:lnTo>
                    <a:lnTo>
                      <a:pt x="2172" y="305"/>
                    </a:lnTo>
                    <a:lnTo>
                      <a:pt x="2180" y="285"/>
                    </a:lnTo>
                    <a:lnTo>
                      <a:pt x="2186" y="257"/>
                    </a:lnTo>
                    <a:lnTo>
                      <a:pt x="2216" y="126"/>
                    </a:lnTo>
                    <a:lnTo>
                      <a:pt x="2217" y="119"/>
                    </a:lnTo>
                    <a:lnTo>
                      <a:pt x="2217" y="111"/>
                    </a:lnTo>
                    <a:lnTo>
                      <a:pt x="2217" y="104"/>
                    </a:lnTo>
                    <a:lnTo>
                      <a:pt x="2216" y="98"/>
                    </a:lnTo>
                    <a:lnTo>
                      <a:pt x="2211" y="85"/>
                    </a:lnTo>
                    <a:lnTo>
                      <a:pt x="2206" y="73"/>
                    </a:lnTo>
                    <a:lnTo>
                      <a:pt x="2199" y="60"/>
                    </a:lnTo>
                    <a:lnTo>
                      <a:pt x="2193" y="49"/>
                    </a:lnTo>
                    <a:lnTo>
                      <a:pt x="2192" y="41"/>
                    </a:lnTo>
                    <a:lnTo>
                      <a:pt x="2189" y="35"/>
                    </a:lnTo>
                    <a:lnTo>
                      <a:pt x="2188" y="28"/>
                    </a:lnTo>
                    <a:lnTo>
                      <a:pt x="2188" y="20"/>
                    </a:lnTo>
                    <a:lnTo>
                      <a:pt x="2214" y="0"/>
                    </a:lnTo>
                    <a:lnTo>
                      <a:pt x="2214" y="0"/>
                    </a:lnTo>
                    <a:lnTo>
                      <a:pt x="2239" y="32"/>
                    </a:lnTo>
                    <a:lnTo>
                      <a:pt x="2264" y="68"/>
                    </a:lnTo>
                    <a:lnTo>
                      <a:pt x="2287" y="104"/>
                    </a:lnTo>
                    <a:lnTo>
                      <a:pt x="2311" y="139"/>
                    </a:lnTo>
                    <a:lnTo>
                      <a:pt x="2319" y="151"/>
                    </a:lnTo>
                    <a:lnTo>
                      <a:pt x="2328" y="161"/>
                    </a:lnTo>
                    <a:lnTo>
                      <a:pt x="2337" y="171"/>
                    </a:lnTo>
                    <a:lnTo>
                      <a:pt x="2346" y="180"/>
                    </a:lnTo>
                    <a:lnTo>
                      <a:pt x="2366" y="194"/>
                    </a:lnTo>
                    <a:lnTo>
                      <a:pt x="2387" y="207"/>
                    </a:lnTo>
                    <a:lnTo>
                      <a:pt x="2434" y="231"/>
                    </a:lnTo>
                    <a:lnTo>
                      <a:pt x="2479" y="257"/>
                    </a:lnTo>
                    <a:lnTo>
                      <a:pt x="2487" y="274"/>
                    </a:lnTo>
                    <a:lnTo>
                      <a:pt x="2496" y="291"/>
                    </a:lnTo>
                    <a:lnTo>
                      <a:pt x="2506" y="308"/>
                    </a:lnTo>
                    <a:lnTo>
                      <a:pt x="2518" y="325"/>
                    </a:lnTo>
                    <a:lnTo>
                      <a:pt x="2540" y="358"/>
                    </a:lnTo>
                    <a:lnTo>
                      <a:pt x="2562" y="388"/>
                    </a:lnTo>
                    <a:lnTo>
                      <a:pt x="2574" y="402"/>
                    </a:lnTo>
                    <a:lnTo>
                      <a:pt x="2585" y="415"/>
                    </a:lnTo>
                    <a:lnTo>
                      <a:pt x="2593" y="421"/>
                    </a:lnTo>
                    <a:lnTo>
                      <a:pt x="2601" y="426"/>
                    </a:lnTo>
                    <a:lnTo>
                      <a:pt x="2609" y="428"/>
                    </a:lnTo>
                    <a:lnTo>
                      <a:pt x="2618" y="430"/>
                    </a:lnTo>
                    <a:lnTo>
                      <a:pt x="2633" y="427"/>
                    </a:lnTo>
                    <a:lnTo>
                      <a:pt x="2653" y="423"/>
                    </a:lnTo>
                    <a:lnTo>
                      <a:pt x="2663" y="422"/>
                    </a:lnTo>
                    <a:lnTo>
                      <a:pt x="2672" y="421"/>
                    </a:lnTo>
                    <a:lnTo>
                      <a:pt x="2680" y="421"/>
                    </a:lnTo>
                    <a:lnTo>
                      <a:pt x="2686" y="422"/>
                    </a:lnTo>
                    <a:lnTo>
                      <a:pt x="2692" y="440"/>
                    </a:lnTo>
                    <a:lnTo>
                      <a:pt x="2697" y="459"/>
                    </a:lnTo>
                    <a:lnTo>
                      <a:pt x="2703" y="478"/>
                    </a:lnTo>
                    <a:lnTo>
                      <a:pt x="2710" y="497"/>
                    </a:lnTo>
                    <a:lnTo>
                      <a:pt x="2716" y="516"/>
                    </a:lnTo>
                    <a:lnTo>
                      <a:pt x="2721" y="535"/>
                    </a:lnTo>
                    <a:lnTo>
                      <a:pt x="2725" y="554"/>
                    </a:lnTo>
                    <a:lnTo>
                      <a:pt x="2728" y="573"/>
                    </a:lnTo>
                    <a:lnTo>
                      <a:pt x="2723" y="610"/>
                    </a:lnTo>
                    <a:lnTo>
                      <a:pt x="2718" y="649"/>
                    </a:lnTo>
                    <a:lnTo>
                      <a:pt x="2718" y="656"/>
                    </a:lnTo>
                    <a:lnTo>
                      <a:pt x="2718" y="665"/>
                    </a:lnTo>
                    <a:lnTo>
                      <a:pt x="2720" y="672"/>
                    </a:lnTo>
                    <a:lnTo>
                      <a:pt x="2723" y="680"/>
                    </a:lnTo>
                    <a:lnTo>
                      <a:pt x="2728" y="685"/>
                    </a:lnTo>
                    <a:lnTo>
                      <a:pt x="2734" y="690"/>
                    </a:lnTo>
                    <a:lnTo>
                      <a:pt x="2742" y="694"/>
                    </a:lnTo>
                    <a:lnTo>
                      <a:pt x="2753" y="696"/>
                    </a:lnTo>
                    <a:lnTo>
                      <a:pt x="2758" y="706"/>
                    </a:lnTo>
                    <a:lnTo>
                      <a:pt x="2760" y="715"/>
                    </a:lnTo>
                    <a:lnTo>
                      <a:pt x="2760" y="724"/>
                    </a:lnTo>
                    <a:lnTo>
                      <a:pt x="2759" y="734"/>
                    </a:lnTo>
                    <a:lnTo>
                      <a:pt x="2754" y="753"/>
                    </a:lnTo>
                    <a:lnTo>
                      <a:pt x="2746" y="773"/>
                    </a:lnTo>
                    <a:lnTo>
                      <a:pt x="2737" y="800"/>
                    </a:lnTo>
                    <a:lnTo>
                      <a:pt x="2732" y="817"/>
                    </a:lnTo>
                    <a:lnTo>
                      <a:pt x="2732" y="825"/>
                    </a:lnTo>
                    <a:lnTo>
                      <a:pt x="2732" y="835"/>
                    </a:lnTo>
                    <a:lnTo>
                      <a:pt x="2732" y="847"/>
                    </a:lnTo>
                    <a:lnTo>
                      <a:pt x="2733" y="862"/>
                    </a:lnTo>
                    <a:lnTo>
                      <a:pt x="2742" y="877"/>
                    </a:lnTo>
                    <a:lnTo>
                      <a:pt x="2753" y="888"/>
                    </a:lnTo>
                    <a:lnTo>
                      <a:pt x="2764" y="899"/>
                    </a:lnTo>
                    <a:lnTo>
                      <a:pt x="2775" y="909"/>
                    </a:lnTo>
                    <a:lnTo>
                      <a:pt x="2785" y="918"/>
                    </a:lnTo>
                    <a:lnTo>
                      <a:pt x="2795" y="928"/>
                    </a:lnTo>
                    <a:lnTo>
                      <a:pt x="2800" y="935"/>
                    </a:lnTo>
                    <a:lnTo>
                      <a:pt x="2804" y="941"/>
                    </a:lnTo>
                    <a:lnTo>
                      <a:pt x="2808" y="949"/>
                    </a:lnTo>
                    <a:lnTo>
                      <a:pt x="2812" y="957"/>
                    </a:lnTo>
                    <a:lnTo>
                      <a:pt x="2816" y="968"/>
                    </a:lnTo>
                    <a:lnTo>
                      <a:pt x="2817" y="981"/>
                    </a:lnTo>
                    <a:lnTo>
                      <a:pt x="2819" y="993"/>
                    </a:lnTo>
                    <a:lnTo>
                      <a:pt x="2819" y="1005"/>
                    </a:lnTo>
                    <a:lnTo>
                      <a:pt x="2815" y="1029"/>
                    </a:lnTo>
                    <a:lnTo>
                      <a:pt x="2810" y="1054"/>
                    </a:lnTo>
                    <a:lnTo>
                      <a:pt x="2803" y="1079"/>
                    </a:lnTo>
                    <a:lnTo>
                      <a:pt x="2797" y="1103"/>
                    </a:lnTo>
                    <a:lnTo>
                      <a:pt x="2794" y="1116"/>
                    </a:lnTo>
                    <a:lnTo>
                      <a:pt x="2791" y="1128"/>
                    </a:lnTo>
                    <a:lnTo>
                      <a:pt x="2790" y="1139"/>
                    </a:lnTo>
                    <a:lnTo>
                      <a:pt x="2789" y="1152"/>
                    </a:lnTo>
                    <a:lnTo>
                      <a:pt x="2790" y="1168"/>
                    </a:lnTo>
                    <a:lnTo>
                      <a:pt x="2793" y="1185"/>
                    </a:lnTo>
                    <a:lnTo>
                      <a:pt x="2797" y="1200"/>
                    </a:lnTo>
                    <a:lnTo>
                      <a:pt x="2800" y="1215"/>
                    </a:lnTo>
                    <a:lnTo>
                      <a:pt x="2812" y="1244"/>
                    </a:lnTo>
                    <a:lnTo>
                      <a:pt x="2825" y="1273"/>
                    </a:lnTo>
                    <a:lnTo>
                      <a:pt x="2839" y="1301"/>
                    </a:lnTo>
                    <a:lnTo>
                      <a:pt x="2851" y="1330"/>
                    </a:lnTo>
                    <a:lnTo>
                      <a:pt x="2856" y="1344"/>
                    </a:lnTo>
                    <a:lnTo>
                      <a:pt x="2860" y="1358"/>
                    </a:lnTo>
                    <a:lnTo>
                      <a:pt x="2863" y="1373"/>
                    </a:lnTo>
                    <a:lnTo>
                      <a:pt x="2865" y="1387"/>
                    </a:lnTo>
                    <a:lnTo>
                      <a:pt x="2863" y="1432"/>
                    </a:lnTo>
                    <a:lnTo>
                      <a:pt x="2863" y="1432"/>
                    </a:lnTo>
                    <a:lnTo>
                      <a:pt x="2856" y="1432"/>
                    </a:lnTo>
                    <a:lnTo>
                      <a:pt x="2846" y="1435"/>
                    </a:lnTo>
                    <a:lnTo>
                      <a:pt x="2835" y="1437"/>
                    </a:lnTo>
                    <a:lnTo>
                      <a:pt x="2822" y="1443"/>
                    </a:lnTo>
                    <a:lnTo>
                      <a:pt x="2800" y="1450"/>
                    </a:lnTo>
                    <a:lnTo>
                      <a:pt x="2784" y="1456"/>
                    </a:lnTo>
                    <a:lnTo>
                      <a:pt x="2755" y="1454"/>
                    </a:lnTo>
                    <a:lnTo>
                      <a:pt x="2728" y="1450"/>
                    </a:lnTo>
                    <a:lnTo>
                      <a:pt x="2714" y="1449"/>
                    </a:lnTo>
                    <a:lnTo>
                      <a:pt x="2699" y="1450"/>
                    </a:lnTo>
                    <a:lnTo>
                      <a:pt x="2693" y="1452"/>
                    </a:lnTo>
                    <a:lnTo>
                      <a:pt x="2686" y="1454"/>
                    </a:lnTo>
                    <a:lnTo>
                      <a:pt x="2679" y="1457"/>
                    </a:lnTo>
                    <a:lnTo>
                      <a:pt x="2672" y="1461"/>
                    </a:lnTo>
                    <a:lnTo>
                      <a:pt x="2662" y="1465"/>
                    </a:lnTo>
                    <a:lnTo>
                      <a:pt x="2654" y="1467"/>
                    </a:lnTo>
                    <a:lnTo>
                      <a:pt x="2646" y="1467"/>
                    </a:lnTo>
                    <a:lnTo>
                      <a:pt x="2641" y="1466"/>
                    </a:lnTo>
                    <a:lnTo>
                      <a:pt x="2636" y="1463"/>
                    </a:lnTo>
                    <a:lnTo>
                      <a:pt x="2631" y="1459"/>
                    </a:lnTo>
                    <a:lnTo>
                      <a:pt x="2627" y="1454"/>
                    </a:lnTo>
                    <a:lnTo>
                      <a:pt x="2623" y="1449"/>
                    </a:lnTo>
                    <a:lnTo>
                      <a:pt x="2616" y="1437"/>
                    </a:lnTo>
                    <a:lnTo>
                      <a:pt x="2610" y="1428"/>
                    </a:lnTo>
                    <a:lnTo>
                      <a:pt x="2606" y="1424"/>
                    </a:lnTo>
                    <a:lnTo>
                      <a:pt x="2602" y="1423"/>
                    </a:lnTo>
                    <a:lnTo>
                      <a:pt x="2597" y="1422"/>
                    </a:lnTo>
                    <a:lnTo>
                      <a:pt x="2592" y="1423"/>
                    </a:lnTo>
                    <a:lnTo>
                      <a:pt x="2589" y="1424"/>
                    </a:lnTo>
                    <a:lnTo>
                      <a:pt x="2587" y="1427"/>
                    </a:lnTo>
                    <a:lnTo>
                      <a:pt x="2585" y="1430"/>
                    </a:lnTo>
                    <a:lnTo>
                      <a:pt x="2584" y="1432"/>
                    </a:lnTo>
                    <a:lnTo>
                      <a:pt x="2582" y="1440"/>
                    </a:lnTo>
                    <a:lnTo>
                      <a:pt x="2580" y="1448"/>
                    </a:lnTo>
                    <a:lnTo>
                      <a:pt x="2580" y="1456"/>
                    </a:lnTo>
                    <a:lnTo>
                      <a:pt x="2578" y="1462"/>
                    </a:lnTo>
                    <a:lnTo>
                      <a:pt x="2576" y="1465"/>
                    </a:lnTo>
                    <a:lnTo>
                      <a:pt x="2574" y="1467"/>
                    </a:lnTo>
                    <a:lnTo>
                      <a:pt x="2571" y="1469"/>
                    </a:lnTo>
                    <a:lnTo>
                      <a:pt x="2569" y="1469"/>
                    </a:lnTo>
                    <a:lnTo>
                      <a:pt x="2562" y="1467"/>
                    </a:lnTo>
                    <a:lnTo>
                      <a:pt x="2556" y="1463"/>
                    </a:lnTo>
                    <a:lnTo>
                      <a:pt x="2548" y="1457"/>
                    </a:lnTo>
                    <a:lnTo>
                      <a:pt x="2541" y="1450"/>
                    </a:lnTo>
                    <a:lnTo>
                      <a:pt x="2528" y="1434"/>
                    </a:lnTo>
                    <a:lnTo>
                      <a:pt x="2521" y="1421"/>
                    </a:lnTo>
                    <a:lnTo>
                      <a:pt x="2519" y="1423"/>
                    </a:lnTo>
                    <a:lnTo>
                      <a:pt x="2515" y="1430"/>
                    </a:lnTo>
                    <a:lnTo>
                      <a:pt x="2512" y="1439"/>
                    </a:lnTo>
                    <a:lnTo>
                      <a:pt x="2506" y="1449"/>
                    </a:lnTo>
                    <a:lnTo>
                      <a:pt x="2500" y="1469"/>
                    </a:lnTo>
                    <a:lnTo>
                      <a:pt x="2496" y="1476"/>
                    </a:lnTo>
                    <a:lnTo>
                      <a:pt x="2513" y="1488"/>
                    </a:lnTo>
                    <a:lnTo>
                      <a:pt x="2539" y="1502"/>
                    </a:lnTo>
                    <a:lnTo>
                      <a:pt x="2544" y="1506"/>
                    </a:lnTo>
                    <a:lnTo>
                      <a:pt x="2549" y="1510"/>
                    </a:lnTo>
                    <a:lnTo>
                      <a:pt x="2552" y="1513"/>
                    </a:lnTo>
                    <a:lnTo>
                      <a:pt x="2554" y="1516"/>
                    </a:lnTo>
                    <a:lnTo>
                      <a:pt x="2553" y="1520"/>
                    </a:lnTo>
                    <a:lnTo>
                      <a:pt x="2550" y="1524"/>
                    </a:lnTo>
                    <a:lnTo>
                      <a:pt x="2545" y="1528"/>
                    </a:lnTo>
                    <a:lnTo>
                      <a:pt x="2536" y="1531"/>
                    </a:lnTo>
                    <a:lnTo>
                      <a:pt x="2525" y="1533"/>
                    </a:lnTo>
                    <a:lnTo>
                      <a:pt x="2514" y="1533"/>
                    </a:lnTo>
                    <a:lnTo>
                      <a:pt x="2504" y="1531"/>
                    </a:lnTo>
                    <a:lnTo>
                      <a:pt x="2492" y="1527"/>
                    </a:lnTo>
                    <a:lnTo>
                      <a:pt x="2482" y="1522"/>
                    </a:lnTo>
                    <a:lnTo>
                      <a:pt x="2471" y="1515"/>
                    </a:lnTo>
                    <a:lnTo>
                      <a:pt x="2461" y="1509"/>
                    </a:lnTo>
                    <a:lnTo>
                      <a:pt x="2451" y="1501"/>
                    </a:lnTo>
                    <a:lnTo>
                      <a:pt x="2431" y="1485"/>
                    </a:lnTo>
                    <a:lnTo>
                      <a:pt x="2412" y="1471"/>
                    </a:lnTo>
                    <a:lnTo>
                      <a:pt x="2403" y="1466"/>
                    </a:lnTo>
                    <a:lnTo>
                      <a:pt x="2392" y="1462"/>
                    </a:lnTo>
                    <a:lnTo>
                      <a:pt x="2383" y="1459"/>
                    </a:lnTo>
                    <a:lnTo>
                      <a:pt x="2374" y="1458"/>
                    </a:lnTo>
                    <a:lnTo>
                      <a:pt x="2376" y="1467"/>
                    </a:lnTo>
                    <a:lnTo>
                      <a:pt x="2379" y="1476"/>
                    </a:lnTo>
                    <a:lnTo>
                      <a:pt x="2385" y="1484"/>
                    </a:lnTo>
                    <a:lnTo>
                      <a:pt x="2391" y="1491"/>
                    </a:lnTo>
                    <a:lnTo>
                      <a:pt x="2408" y="1502"/>
                    </a:lnTo>
                    <a:lnTo>
                      <a:pt x="2427" y="1514"/>
                    </a:lnTo>
                    <a:lnTo>
                      <a:pt x="2436" y="1519"/>
                    </a:lnTo>
                    <a:lnTo>
                      <a:pt x="2445" y="1526"/>
                    </a:lnTo>
                    <a:lnTo>
                      <a:pt x="2455" y="1532"/>
                    </a:lnTo>
                    <a:lnTo>
                      <a:pt x="2461" y="1540"/>
                    </a:lnTo>
                    <a:lnTo>
                      <a:pt x="2466" y="1548"/>
                    </a:lnTo>
                    <a:lnTo>
                      <a:pt x="2470" y="1557"/>
                    </a:lnTo>
                    <a:lnTo>
                      <a:pt x="2473" y="1568"/>
                    </a:lnTo>
                    <a:lnTo>
                      <a:pt x="2471" y="1580"/>
                    </a:lnTo>
                    <a:lnTo>
                      <a:pt x="2469" y="1585"/>
                    </a:lnTo>
                    <a:lnTo>
                      <a:pt x="2469" y="1590"/>
                    </a:lnTo>
                    <a:lnTo>
                      <a:pt x="2469" y="1595"/>
                    </a:lnTo>
                    <a:lnTo>
                      <a:pt x="2469" y="1599"/>
                    </a:lnTo>
                    <a:lnTo>
                      <a:pt x="2473" y="1610"/>
                    </a:lnTo>
                    <a:lnTo>
                      <a:pt x="2477" y="1619"/>
                    </a:lnTo>
                    <a:lnTo>
                      <a:pt x="2480" y="1627"/>
                    </a:lnTo>
                    <a:lnTo>
                      <a:pt x="2482" y="1636"/>
                    </a:lnTo>
                    <a:lnTo>
                      <a:pt x="2480" y="1640"/>
                    </a:lnTo>
                    <a:lnTo>
                      <a:pt x="2479" y="1643"/>
                    </a:lnTo>
                    <a:lnTo>
                      <a:pt x="2477" y="1646"/>
                    </a:lnTo>
                    <a:lnTo>
                      <a:pt x="2471" y="1650"/>
                    </a:lnTo>
                    <a:lnTo>
                      <a:pt x="2462" y="1655"/>
                    </a:lnTo>
                    <a:lnTo>
                      <a:pt x="2452" y="1659"/>
                    </a:lnTo>
                    <a:lnTo>
                      <a:pt x="2440" y="1663"/>
                    </a:lnTo>
                    <a:lnTo>
                      <a:pt x="2429" y="1665"/>
                    </a:lnTo>
                    <a:lnTo>
                      <a:pt x="2404" y="1672"/>
                    </a:lnTo>
                    <a:lnTo>
                      <a:pt x="2382" y="1678"/>
                    </a:lnTo>
                    <a:lnTo>
                      <a:pt x="2370" y="1684"/>
                    </a:lnTo>
                    <a:lnTo>
                      <a:pt x="2364" y="1689"/>
                    </a:lnTo>
                    <a:lnTo>
                      <a:pt x="2361" y="1693"/>
                    </a:lnTo>
                    <a:lnTo>
                      <a:pt x="2359" y="1695"/>
                    </a:lnTo>
                    <a:lnTo>
                      <a:pt x="2359" y="1699"/>
                    </a:lnTo>
                    <a:lnTo>
                      <a:pt x="2359" y="1703"/>
                    </a:lnTo>
                    <a:lnTo>
                      <a:pt x="2360" y="1709"/>
                    </a:lnTo>
                    <a:lnTo>
                      <a:pt x="2364" y="1717"/>
                    </a:lnTo>
                    <a:lnTo>
                      <a:pt x="2369" y="1725"/>
                    </a:lnTo>
                    <a:lnTo>
                      <a:pt x="2376" y="1734"/>
                    </a:lnTo>
                    <a:lnTo>
                      <a:pt x="2390" y="1751"/>
                    </a:lnTo>
                    <a:lnTo>
                      <a:pt x="2403" y="1769"/>
                    </a:lnTo>
                    <a:lnTo>
                      <a:pt x="2408" y="1778"/>
                    </a:lnTo>
                    <a:lnTo>
                      <a:pt x="2411" y="1786"/>
                    </a:lnTo>
                    <a:lnTo>
                      <a:pt x="2412" y="1790"/>
                    </a:lnTo>
                    <a:lnTo>
                      <a:pt x="2412" y="1795"/>
                    </a:lnTo>
                    <a:lnTo>
                      <a:pt x="2412" y="1799"/>
                    </a:lnTo>
                    <a:lnTo>
                      <a:pt x="2411" y="1803"/>
                    </a:lnTo>
                    <a:lnTo>
                      <a:pt x="2404" y="1814"/>
                    </a:lnTo>
                    <a:lnTo>
                      <a:pt x="2398" y="1826"/>
                    </a:lnTo>
                    <a:lnTo>
                      <a:pt x="2388" y="1838"/>
                    </a:lnTo>
                    <a:lnTo>
                      <a:pt x="2378" y="1848"/>
                    </a:lnTo>
                    <a:lnTo>
                      <a:pt x="2368" y="1860"/>
                    </a:lnTo>
                    <a:lnTo>
                      <a:pt x="2357" y="1871"/>
                    </a:lnTo>
                    <a:lnTo>
                      <a:pt x="2348" y="1883"/>
                    </a:lnTo>
                    <a:lnTo>
                      <a:pt x="2341" y="1895"/>
                    </a:lnTo>
                    <a:lnTo>
                      <a:pt x="2333" y="1909"/>
                    </a:lnTo>
                    <a:lnTo>
                      <a:pt x="2328" y="1921"/>
                    </a:lnTo>
                    <a:lnTo>
                      <a:pt x="2325" y="1930"/>
                    </a:lnTo>
                    <a:lnTo>
                      <a:pt x="2322" y="1937"/>
                    </a:lnTo>
                    <a:lnTo>
                      <a:pt x="2322" y="1944"/>
                    </a:lnTo>
                    <a:lnTo>
                      <a:pt x="2324" y="1949"/>
                    </a:lnTo>
                    <a:lnTo>
                      <a:pt x="2326" y="1953"/>
                    </a:lnTo>
                    <a:lnTo>
                      <a:pt x="2329" y="1956"/>
                    </a:lnTo>
                    <a:lnTo>
                      <a:pt x="2337" y="1962"/>
                    </a:lnTo>
                    <a:lnTo>
                      <a:pt x="2346" y="1970"/>
                    </a:lnTo>
                    <a:lnTo>
                      <a:pt x="2350" y="1975"/>
                    </a:lnTo>
                    <a:lnTo>
                      <a:pt x="2354" y="1982"/>
                    </a:lnTo>
                    <a:lnTo>
                      <a:pt x="2357" y="1989"/>
                    </a:lnTo>
                    <a:lnTo>
                      <a:pt x="2360" y="2000"/>
                    </a:lnTo>
                    <a:lnTo>
                      <a:pt x="2361" y="2007"/>
                    </a:lnTo>
                    <a:lnTo>
                      <a:pt x="2360" y="2013"/>
                    </a:lnTo>
                    <a:lnTo>
                      <a:pt x="2359" y="2016"/>
                    </a:lnTo>
                    <a:lnTo>
                      <a:pt x="2355" y="2020"/>
                    </a:lnTo>
                    <a:lnTo>
                      <a:pt x="2351" y="2022"/>
                    </a:lnTo>
                    <a:lnTo>
                      <a:pt x="2346" y="2023"/>
                    </a:lnTo>
                    <a:lnTo>
                      <a:pt x="2341" y="2023"/>
                    </a:lnTo>
                    <a:lnTo>
                      <a:pt x="2335" y="2023"/>
                    </a:lnTo>
                    <a:lnTo>
                      <a:pt x="2309" y="2019"/>
                    </a:lnTo>
                    <a:lnTo>
                      <a:pt x="2290" y="2018"/>
                    </a:lnTo>
                    <a:lnTo>
                      <a:pt x="2290" y="2020"/>
                    </a:lnTo>
                    <a:lnTo>
                      <a:pt x="2295" y="2023"/>
                    </a:lnTo>
                    <a:lnTo>
                      <a:pt x="2304" y="2028"/>
                    </a:lnTo>
                    <a:lnTo>
                      <a:pt x="2315" y="2037"/>
                    </a:lnTo>
                    <a:lnTo>
                      <a:pt x="2325" y="2046"/>
                    </a:lnTo>
                    <a:lnTo>
                      <a:pt x="2347" y="2066"/>
                    </a:lnTo>
                    <a:lnTo>
                      <a:pt x="2361" y="2079"/>
                    </a:lnTo>
                    <a:lnTo>
                      <a:pt x="2385" y="2099"/>
                    </a:lnTo>
                    <a:lnTo>
                      <a:pt x="2407" y="2123"/>
                    </a:lnTo>
                    <a:lnTo>
                      <a:pt x="2412" y="2129"/>
                    </a:lnTo>
                    <a:lnTo>
                      <a:pt x="2416" y="2136"/>
                    </a:lnTo>
                    <a:lnTo>
                      <a:pt x="2418" y="2142"/>
                    </a:lnTo>
                    <a:lnTo>
                      <a:pt x="2420" y="2149"/>
                    </a:lnTo>
                    <a:lnTo>
                      <a:pt x="2420" y="2155"/>
                    </a:lnTo>
                    <a:lnTo>
                      <a:pt x="2420" y="2163"/>
                    </a:lnTo>
                    <a:lnTo>
                      <a:pt x="2417" y="2169"/>
                    </a:lnTo>
                    <a:lnTo>
                      <a:pt x="2413" y="2176"/>
                    </a:lnTo>
                    <a:lnTo>
                      <a:pt x="2399" y="2195"/>
                    </a:lnTo>
                    <a:lnTo>
                      <a:pt x="2382" y="2212"/>
                    </a:lnTo>
                    <a:lnTo>
                      <a:pt x="2364" y="2230"/>
                    </a:lnTo>
                    <a:lnTo>
                      <a:pt x="2346" y="2247"/>
                    </a:lnTo>
                    <a:lnTo>
                      <a:pt x="2329" y="2264"/>
                    </a:lnTo>
                    <a:lnTo>
                      <a:pt x="2313" y="2281"/>
                    </a:lnTo>
                    <a:lnTo>
                      <a:pt x="2307" y="2290"/>
                    </a:lnTo>
                    <a:lnTo>
                      <a:pt x="2300" y="2299"/>
                    </a:lnTo>
                    <a:lnTo>
                      <a:pt x="2297" y="2308"/>
                    </a:lnTo>
                    <a:lnTo>
                      <a:pt x="2293" y="2318"/>
                    </a:lnTo>
                    <a:lnTo>
                      <a:pt x="2286" y="2353"/>
                    </a:lnTo>
                    <a:lnTo>
                      <a:pt x="2280" y="2393"/>
                    </a:lnTo>
                    <a:lnTo>
                      <a:pt x="2278" y="2404"/>
                    </a:lnTo>
                    <a:lnTo>
                      <a:pt x="2274" y="2413"/>
                    </a:lnTo>
                    <a:lnTo>
                      <a:pt x="2272" y="2422"/>
                    </a:lnTo>
                    <a:lnTo>
                      <a:pt x="2267" y="2430"/>
                    </a:lnTo>
                    <a:lnTo>
                      <a:pt x="2262" y="2437"/>
                    </a:lnTo>
                    <a:lnTo>
                      <a:pt x="2256" y="2445"/>
                    </a:lnTo>
                    <a:lnTo>
                      <a:pt x="2249" y="2450"/>
                    </a:lnTo>
                    <a:lnTo>
                      <a:pt x="2239" y="2456"/>
                    </a:lnTo>
                    <a:lnTo>
                      <a:pt x="2233" y="2458"/>
                    </a:lnTo>
                    <a:lnTo>
                      <a:pt x="2228" y="2460"/>
                    </a:lnTo>
                    <a:lnTo>
                      <a:pt x="2224" y="2460"/>
                    </a:lnTo>
                    <a:lnTo>
                      <a:pt x="2219" y="2458"/>
                    </a:lnTo>
                    <a:lnTo>
                      <a:pt x="2212" y="2456"/>
                    </a:lnTo>
                    <a:lnTo>
                      <a:pt x="2206" y="2452"/>
                    </a:lnTo>
                    <a:lnTo>
                      <a:pt x="2203" y="2452"/>
                    </a:lnTo>
                    <a:lnTo>
                      <a:pt x="2201" y="2450"/>
                    </a:lnTo>
                    <a:lnTo>
                      <a:pt x="2197" y="2452"/>
                    </a:lnTo>
                    <a:lnTo>
                      <a:pt x="2194" y="2454"/>
                    </a:lnTo>
                    <a:lnTo>
                      <a:pt x="2190" y="2457"/>
                    </a:lnTo>
                    <a:lnTo>
                      <a:pt x="2185" y="2462"/>
                    </a:lnTo>
                    <a:lnTo>
                      <a:pt x="2181" y="2470"/>
                    </a:lnTo>
                    <a:lnTo>
                      <a:pt x="2175" y="2480"/>
                    </a:lnTo>
                    <a:lnTo>
                      <a:pt x="2164" y="2498"/>
                    </a:lnTo>
                    <a:lnTo>
                      <a:pt x="2154" y="2513"/>
                    </a:lnTo>
                    <a:lnTo>
                      <a:pt x="2145" y="2523"/>
                    </a:lnTo>
                    <a:lnTo>
                      <a:pt x="2135" y="2532"/>
                    </a:lnTo>
                    <a:lnTo>
                      <a:pt x="2113" y="2545"/>
                    </a:lnTo>
                    <a:lnTo>
                      <a:pt x="2080" y="2564"/>
                    </a:lnTo>
                    <a:lnTo>
                      <a:pt x="2072" y="2571"/>
                    </a:lnTo>
                    <a:lnTo>
                      <a:pt x="2067" y="2577"/>
                    </a:lnTo>
                    <a:lnTo>
                      <a:pt x="2062" y="2584"/>
                    </a:lnTo>
                    <a:lnTo>
                      <a:pt x="2059" y="2592"/>
                    </a:lnTo>
                    <a:lnTo>
                      <a:pt x="2057" y="2599"/>
                    </a:lnTo>
                    <a:lnTo>
                      <a:pt x="2053" y="2606"/>
                    </a:lnTo>
                    <a:lnTo>
                      <a:pt x="2049" y="2612"/>
                    </a:lnTo>
                    <a:lnTo>
                      <a:pt x="2043" y="2619"/>
                    </a:lnTo>
                    <a:lnTo>
                      <a:pt x="2036" y="2623"/>
                    </a:lnTo>
                    <a:lnTo>
                      <a:pt x="2031" y="2624"/>
                    </a:lnTo>
                    <a:lnTo>
                      <a:pt x="2026" y="2624"/>
                    </a:lnTo>
                    <a:lnTo>
                      <a:pt x="2021" y="2623"/>
                    </a:lnTo>
                    <a:lnTo>
                      <a:pt x="2017" y="2620"/>
                    </a:lnTo>
                    <a:lnTo>
                      <a:pt x="2013" y="2616"/>
                    </a:lnTo>
                    <a:lnTo>
                      <a:pt x="2009" y="2611"/>
                    </a:lnTo>
                    <a:lnTo>
                      <a:pt x="2005" y="2606"/>
                    </a:lnTo>
                    <a:lnTo>
                      <a:pt x="1999" y="2596"/>
                    </a:lnTo>
                    <a:lnTo>
                      <a:pt x="1992" y="2586"/>
                    </a:lnTo>
                    <a:lnTo>
                      <a:pt x="1989" y="2583"/>
                    </a:lnTo>
                    <a:lnTo>
                      <a:pt x="1986" y="2580"/>
                    </a:lnTo>
                    <a:lnTo>
                      <a:pt x="1983" y="2579"/>
                    </a:lnTo>
                    <a:lnTo>
                      <a:pt x="1979" y="2579"/>
                    </a:lnTo>
                    <a:lnTo>
                      <a:pt x="1975" y="2596"/>
                    </a:lnTo>
                    <a:lnTo>
                      <a:pt x="1970" y="2618"/>
                    </a:lnTo>
                    <a:lnTo>
                      <a:pt x="1962" y="2641"/>
                    </a:lnTo>
                    <a:lnTo>
                      <a:pt x="1954" y="2665"/>
                    </a:lnTo>
                    <a:lnTo>
                      <a:pt x="1951" y="2677"/>
                    </a:lnTo>
                    <a:lnTo>
                      <a:pt x="1945" y="2689"/>
                    </a:lnTo>
                    <a:lnTo>
                      <a:pt x="1939" y="2699"/>
                    </a:lnTo>
                    <a:lnTo>
                      <a:pt x="1932" y="2708"/>
                    </a:lnTo>
                    <a:lnTo>
                      <a:pt x="1926" y="2717"/>
                    </a:lnTo>
                    <a:lnTo>
                      <a:pt x="1920" y="2724"/>
                    </a:lnTo>
                    <a:lnTo>
                      <a:pt x="1912" y="2730"/>
                    </a:lnTo>
                    <a:lnTo>
                      <a:pt x="1903" y="2733"/>
                    </a:lnTo>
                    <a:lnTo>
                      <a:pt x="1890" y="2746"/>
                    </a:lnTo>
                    <a:lnTo>
                      <a:pt x="1874" y="2763"/>
                    </a:lnTo>
                    <a:lnTo>
                      <a:pt x="1866" y="2770"/>
                    </a:lnTo>
                    <a:lnTo>
                      <a:pt x="1859" y="2778"/>
                    </a:lnTo>
                    <a:lnTo>
                      <a:pt x="1852" y="2783"/>
                    </a:lnTo>
                    <a:lnTo>
                      <a:pt x="1846" y="2786"/>
                    </a:lnTo>
                    <a:lnTo>
                      <a:pt x="1838" y="2787"/>
                    </a:lnTo>
                    <a:lnTo>
                      <a:pt x="1830" y="2785"/>
                    </a:lnTo>
                    <a:lnTo>
                      <a:pt x="1822" y="2781"/>
                    </a:lnTo>
                    <a:lnTo>
                      <a:pt x="1813" y="2777"/>
                    </a:lnTo>
                    <a:lnTo>
                      <a:pt x="1806" y="2773"/>
                    </a:lnTo>
                    <a:lnTo>
                      <a:pt x="1799" y="2772"/>
                    </a:lnTo>
                    <a:lnTo>
                      <a:pt x="1796" y="2772"/>
                    </a:lnTo>
                    <a:lnTo>
                      <a:pt x="1793" y="2773"/>
                    </a:lnTo>
                    <a:lnTo>
                      <a:pt x="1791" y="2776"/>
                    </a:lnTo>
                    <a:lnTo>
                      <a:pt x="1789" y="2778"/>
                    </a:lnTo>
                    <a:lnTo>
                      <a:pt x="1785" y="2789"/>
                    </a:lnTo>
                    <a:lnTo>
                      <a:pt x="1782" y="2799"/>
                    </a:lnTo>
                    <a:lnTo>
                      <a:pt x="1782" y="2808"/>
                    </a:lnTo>
                    <a:lnTo>
                      <a:pt x="1783" y="2816"/>
                    </a:lnTo>
                    <a:lnTo>
                      <a:pt x="1790" y="2830"/>
                    </a:lnTo>
                    <a:lnTo>
                      <a:pt x="1796" y="2843"/>
                    </a:lnTo>
                    <a:lnTo>
                      <a:pt x="1800" y="2848"/>
                    </a:lnTo>
                    <a:lnTo>
                      <a:pt x="1803" y="2853"/>
                    </a:lnTo>
                    <a:lnTo>
                      <a:pt x="1804" y="2859"/>
                    </a:lnTo>
                    <a:lnTo>
                      <a:pt x="1804" y="2865"/>
                    </a:lnTo>
                    <a:lnTo>
                      <a:pt x="1803" y="2870"/>
                    </a:lnTo>
                    <a:lnTo>
                      <a:pt x="1799" y="2877"/>
                    </a:lnTo>
                    <a:lnTo>
                      <a:pt x="1793" y="2883"/>
                    </a:lnTo>
                    <a:lnTo>
                      <a:pt x="1783" y="2890"/>
                    </a:lnTo>
                    <a:lnTo>
                      <a:pt x="1773" y="2896"/>
                    </a:lnTo>
                    <a:lnTo>
                      <a:pt x="1764" y="2901"/>
                    </a:lnTo>
                    <a:lnTo>
                      <a:pt x="1756" y="2904"/>
                    </a:lnTo>
                    <a:lnTo>
                      <a:pt x="1750" y="2906"/>
                    </a:lnTo>
                    <a:lnTo>
                      <a:pt x="1745" y="2906"/>
                    </a:lnTo>
                    <a:lnTo>
                      <a:pt x="1741" y="2905"/>
                    </a:lnTo>
                    <a:lnTo>
                      <a:pt x="1737" y="2903"/>
                    </a:lnTo>
                    <a:lnTo>
                      <a:pt x="1734" y="2900"/>
                    </a:lnTo>
                    <a:lnTo>
                      <a:pt x="1728" y="2893"/>
                    </a:lnTo>
                    <a:lnTo>
                      <a:pt x="1721" y="2886"/>
                    </a:lnTo>
                    <a:lnTo>
                      <a:pt x="1716" y="2882"/>
                    </a:lnTo>
                    <a:lnTo>
                      <a:pt x="1711" y="2878"/>
                    </a:lnTo>
                    <a:lnTo>
                      <a:pt x="1706" y="2875"/>
                    </a:lnTo>
                    <a:lnTo>
                      <a:pt x="1698" y="2873"/>
                    </a:lnTo>
                    <a:lnTo>
                      <a:pt x="1680" y="2869"/>
                    </a:lnTo>
                    <a:lnTo>
                      <a:pt x="1668" y="2866"/>
                    </a:lnTo>
                    <a:lnTo>
                      <a:pt x="1659" y="2860"/>
                    </a:lnTo>
                    <a:lnTo>
                      <a:pt x="1645" y="2848"/>
                    </a:lnTo>
                    <a:lnTo>
                      <a:pt x="1637" y="2839"/>
                    </a:lnTo>
                    <a:lnTo>
                      <a:pt x="1627" y="2826"/>
                    </a:lnTo>
                    <a:lnTo>
                      <a:pt x="1623" y="2821"/>
                    </a:lnTo>
                    <a:lnTo>
                      <a:pt x="1618" y="2816"/>
                    </a:lnTo>
                    <a:lnTo>
                      <a:pt x="1612" y="2813"/>
                    </a:lnTo>
                    <a:lnTo>
                      <a:pt x="1607" y="2813"/>
                    </a:lnTo>
                    <a:lnTo>
                      <a:pt x="1605" y="2816"/>
                    </a:lnTo>
                    <a:lnTo>
                      <a:pt x="1602" y="2817"/>
                    </a:lnTo>
                    <a:lnTo>
                      <a:pt x="1601" y="2818"/>
                    </a:lnTo>
                    <a:lnTo>
                      <a:pt x="1600" y="2821"/>
                    </a:lnTo>
                    <a:lnTo>
                      <a:pt x="1600" y="2827"/>
                    </a:lnTo>
                    <a:lnTo>
                      <a:pt x="1601" y="2834"/>
                    </a:lnTo>
                    <a:lnTo>
                      <a:pt x="1607" y="2851"/>
                    </a:lnTo>
                    <a:lnTo>
                      <a:pt x="1618" y="2869"/>
                    </a:lnTo>
                    <a:lnTo>
                      <a:pt x="1631" y="2888"/>
                    </a:lnTo>
                    <a:lnTo>
                      <a:pt x="1642" y="2905"/>
                    </a:lnTo>
                    <a:lnTo>
                      <a:pt x="1651" y="2921"/>
                    </a:lnTo>
                    <a:lnTo>
                      <a:pt x="1655" y="2931"/>
                    </a:lnTo>
                    <a:lnTo>
                      <a:pt x="1655" y="2944"/>
                    </a:lnTo>
                    <a:lnTo>
                      <a:pt x="1653" y="2956"/>
                    </a:lnTo>
                    <a:lnTo>
                      <a:pt x="1649" y="2966"/>
                    </a:lnTo>
                    <a:lnTo>
                      <a:pt x="1645" y="2975"/>
                    </a:lnTo>
                    <a:lnTo>
                      <a:pt x="1641" y="2985"/>
                    </a:lnTo>
                    <a:lnTo>
                      <a:pt x="1637" y="2995"/>
                    </a:lnTo>
                    <a:lnTo>
                      <a:pt x="1635" y="3004"/>
                    </a:lnTo>
                    <a:lnTo>
                      <a:pt x="1635" y="3014"/>
                    </a:lnTo>
                    <a:lnTo>
                      <a:pt x="1637" y="3024"/>
                    </a:lnTo>
                    <a:lnTo>
                      <a:pt x="1641" y="3036"/>
                    </a:lnTo>
                    <a:lnTo>
                      <a:pt x="1642" y="3041"/>
                    </a:lnTo>
                    <a:lnTo>
                      <a:pt x="1644" y="3046"/>
                    </a:lnTo>
                    <a:lnTo>
                      <a:pt x="1644" y="3053"/>
                    </a:lnTo>
                    <a:lnTo>
                      <a:pt x="1641" y="3058"/>
                    </a:lnTo>
                    <a:lnTo>
                      <a:pt x="1633" y="3071"/>
                    </a:lnTo>
                    <a:lnTo>
                      <a:pt x="1625" y="3080"/>
                    </a:lnTo>
                    <a:lnTo>
                      <a:pt x="1619" y="3087"/>
                    </a:lnTo>
                    <a:lnTo>
                      <a:pt x="1614" y="3090"/>
                    </a:lnTo>
                    <a:lnTo>
                      <a:pt x="1607" y="3093"/>
                    </a:lnTo>
                    <a:lnTo>
                      <a:pt x="1602" y="3093"/>
                    </a:lnTo>
                    <a:lnTo>
                      <a:pt x="1597" y="3092"/>
                    </a:lnTo>
                    <a:lnTo>
                      <a:pt x="1592" y="3089"/>
                    </a:lnTo>
                    <a:lnTo>
                      <a:pt x="1572" y="3068"/>
                    </a:lnTo>
                    <a:lnTo>
                      <a:pt x="1552" y="3046"/>
                    </a:lnTo>
                    <a:lnTo>
                      <a:pt x="1544" y="3041"/>
                    </a:lnTo>
                    <a:lnTo>
                      <a:pt x="1537" y="3040"/>
                    </a:lnTo>
                    <a:lnTo>
                      <a:pt x="1532" y="3041"/>
                    </a:lnTo>
                    <a:lnTo>
                      <a:pt x="1527" y="3045"/>
                    </a:lnTo>
                    <a:lnTo>
                      <a:pt x="1523" y="3050"/>
                    </a:lnTo>
                    <a:lnTo>
                      <a:pt x="1520" y="3057"/>
                    </a:lnTo>
                    <a:lnTo>
                      <a:pt x="1518" y="3066"/>
                    </a:lnTo>
                    <a:lnTo>
                      <a:pt x="1515" y="3075"/>
                    </a:lnTo>
                    <a:lnTo>
                      <a:pt x="1513" y="3094"/>
                    </a:lnTo>
                    <a:lnTo>
                      <a:pt x="1513" y="3112"/>
                    </a:lnTo>
                    <a:lnTo>
                      <a:pt x="1513" y="3128"/>
                    </a:lnTo>
                    <a:lnTo>
                      <a:pt x="1515" y="3137"/>
                    </a:lnTo>
                    <a:lnTo>
                      <a:pt x="1523" y="3142"/>
                    </a:lnTo>
                    <a:lnTo>
                      <a:pt x="1537" y="3153"/>
                    </a:lnTo>
                    <a:lnTo>
                      <a:pt x="1555" y="3164"/>
                    </a:lnTo>
                    <a:lnTo>
                      <a:pt x="1574" y="3177"/>
                    </a:lnTo>
                    <a:lnTo>
                      <a:pt x="1583" y="3184"/>
                    </a:lnTo>
                    <a:lnTo>
                      <a:pt x="1588" y="3189"/>
                    </a:lnTo>
                    <a:lnTo>
                      <a:pt x="1593" y="3194"/>
                    </a:lnTo>
                    <a:lnTo>
                      <a:pt x="1594" y="3199"/>
                    </a:lnTo>
                    <a:lnTo>
                      <a:pt x="1594" y="3200"/>
                    </a:lnTo>
                    <a:lnTo>
                      <a:pt x="1594" y="3203"/>
                    </a:lnTo>
                    <a:lnTo>
                      <a:pt x="1592" y="3204"/>
                    </a:lnTo>
                    <a:lnTo>
                      <a:pt x="1589" y="3204"/>
                    </a:lnTo>
                    <a:lnTo>
                      <a:pt x="1581" y="3206"/>
                    </a:lnTo>
                    <a:lnTo>
                      <a:pt x="1568" y="3204"/>
                    </a:lnTo>
                    <a:lnTo>
                      <a:pt x="1562" y="3204"/>
                    </a:lnTo>
                    <a:lnTo>
                      <a:pt x="1558" y="3206"/>
                    </a:lnTo>
                    <a:lnTo>
                      <a:pt x="1555" y="3208"/>
                    </a:lnTo>
                    <a:lnTo>
                      <a:pt x="1553" y="3211"/>
                    </a:lnTo>
                    <a:lnTo>
                      <a:pt x="1552" y="3220"/>
                    </a:lnTo>
                    <a:lnTo>
                      <a:pt x="1552" y="3230"/>
                    </a:lnTo>
                    <a:lnTo>
                      <a:pt x="1557" y="3252"/>
                    </a:lnTo>
                    <a:lnTo>
                      <a:pt x="1559" y="3272"/>
                    </a:lnTo>
                    <a:lnTo>
                      <a:pt x="1549" y="3294"/>
                    </a:lnTo>
                    <a:lnTo>
                      <a:pt x="1536" y="3321"/>
                    </a:lnTo>
                    <a:lnTo>
                      <a:pt x="1531" y="3334"/>
                    </a:lnTo>
                    <a:lnTo>
                      <a:pt x="1526" y="3348"/>
                    </a:lnTo>
                    <a:lnTo>
                      <a:pt x="1524" y="3361"/>
                    </a:lnTo>
                    <a:lnTo>
                      <a:pt x="1524" y="3371"/>
                    </a:lnTo>
                    <a:lnTo>
                      <a:pt x="1526" y="3378"/>
                    </a:lnTo>
                    <a:lnTo>
                      <a:pt x="1530" y="3386"/>
                    </a:lnTo>
                    <a:lnTo>
                      <a:pt x="1535" y="3392"/>
                    </a:lnTo>
                    <a:lnTo>
                      <a:pt x="1540" y="3399"/>
                    </a:lnTo>
                    <a:lnTo>
                      <a:pt x="1545" y="3406"/>
                    </a:lnTo>
                    <a:lnTo>
                      <a:pt x="1550" y="3413"/>
                    </a:lnTo>
                    <a:lnTo>
                      <a:pt x="1555" y="3421"/>
                    </a:lnTo>
                    <a:lnTo>
                      <a:pt x="1559" y="3428"/>
                    </a:lnTo>
                    <a:lnTo>
                      <a:pt x="1559" y="3432"/>
                    </a:lnTo>
                    <a:lnTo>
                      <a:pt x="1559" y="3436"/>
                    </a:lnTo>
                    <a:lnTo>
                      <a:pt x="1559" y="3438"/>
                    </a:lnTo>
                    <a:lnTo>
                      <a:pt x="1558" y="3440"/>
                    </a:lnTo>
                    <a:lnTo>
                      <a:pt x="1554" y="3440"/>
                    </a:lnTo>
                    <a:lnTo>
                      <a:pt x="1548" y="3438"/>
                    </a:lnTo>
                    <a:lnTo>
                      <a:pt x="1530" y="3427"/>
                    </a:lnTo>
                    <a:lnTo>
                      <a:pt x="1509" y="3413"/>
                    </a:lnTo>
                    <a:lnTo>
                      <a:pt x="1489" y="3400"/>
                    </a:lnTo>
                    <a:lnTo>
                      <a:pt x="1474" y="3392"/>
                    </a:lnTo>
                    <a:lnTo>
                      <a:pt x="1471" y="3392"/>
                    </a:lnTo>
                    <a:lnTo>
                      <a:pt x="1469" y="3392"/>
                    </a:lnTo>
                    <a:lnTo>
                      <a:pt x="1467" y="3392"/>
                    </a:lnTo>
                    <a:lnTo>
                      <a:pt x="1466" y="3395"/>
                    </a:lnTo>
                    <a:lnTo>
                      <a:pt x="1466" y="3400"/>
                    </a:lnTo>
                    <a:lnTo>
                      <a:pt x="1470" y="3410"/>
                    </a:lnTo>
                    <a:lnTo>
                      <a:pt x="1479" y="3430"/>
                    </a:lnTo>
                    <a:lnTo>
                      <a:pt x="1486" y="3444"/>
                    </a:lnTo>
                    <a:lnTo>
                      <a:pt x="1487" y="3451"/>
                    </a:lnTo>
                    <a:lnTo>
                      <a:pt x="1486" y="3458"/>
                    </a:lnTo>
                    <a:lnTo>
                      <a:pt x="1483" y="3467"/>
                    </a:lnTo>
                    <a:lnTo>
                      <a:pt x="1476" y="3479"/>
                    </a:lnTo>
                    <a:lnTo>
                      <a:pt x="1469" y="3492"/>
                    </a:lnTo>
                    <a:lnTo>
                      <a:pt x="1465" y="3506"/>
                    </a:lnTo>
                    <a:lnTo>
                      <a:pt x="1461" y="3522"/>
                    </a:lnTo>
                    <a:lnTo>
                      <a:pt x="1461" y="3537"/>
                    </a:lnTo>
                    <a:lnTo>
                      <a:pt x="1461" y="3553"/>
                    </a:lnTo>
                    <a:lnTo>
                      <a:pt x="1463" y="3570"/>
                    </a:lnTo>
                    <a:lnTo>
                      <a:pt x="1469" y="3584"/>
                    </a:lnTo>
                    <a:lnTo>
                      <a:pt x="1474" y="3598"/>
                    </a:lnTo>
                    <a:lnTo>
                      <a:pt x="1478" y="3607"/>
                    </a:lnTo>
                    <a:lnTo>
                      <a:pt x="1479" y="3614"/>
                    </a:lnTo>
                    <a:lnTo>
                      <a:pt x="1479" y="3620"/>
                    </a:lnTo>
                    <a:lnTo>
                      <a:pt x="1476" y="3627"/>
                    </a:lnTo>
                    <a:lnTo>
                      <a:pt x="1474" y="3632"/>
                    </a:lnTo>
                    <a:lnTo>
                      <a:pt x="1470" y="3636"/>
                    </a:lnTo>
                    <a:lnTo>
                      <a:pt x="1466" y="3640"/>
                    </a:lnTo>
                    <a:lnTo>
                      <a:pt x="1461" y="3644"/>
                    </a:lnTo>
                    <a:lnTo>
                      <a:pt x="1449" y="3650"/>
                    </a:lnTo>
                    <a:lnTo>
                      <a:pt x="1439" y="3655"/>
                    </a:lnTo>
                    <a:lnTo>
                      <a:pt x="1435" y="3658"/>
                    </a:lnTo>
                    <a:lnTo>
                      <a:pt x="1431" y="3660"/>
                    </a:lnTo>
                    <a:lnTo>
                      <a:pt x="1430" y="3663"/>
                    </a:lnTo>
                    <a:lnTo>
                      <a:pt x="1429" y="3666"/>
                    </a:lnTo>
                    <a:lnTo>
                      <a:pt x="1434" y="3669"/>
                    </a:lnTo>
                    <a:lnTo>
                      <a:pt x="1444" y="3672"/>
                    </a:lnTo>
                    <a:lnTo>
                      <a:pt x="1454" y="3675"/>
                    </a:lnTo>
                    <a:lnTo>
                      <a:pt x="1462" y="3676"/>
                    </a:lnTo>
                    <a:lnTo>
                      <a:pt x="1460" y="3690"/>
                    </a:lnTo>
                    <a:lnTo>
                      <a:pt x="1456" y="3707"/>
                    </a:lnTo>
                    <a:lnTo>
                      <a:pt x="1452" y="3723"/>
                    </a:lnTo>
                    <a:lnTo>
                      <a:pt x="1448" y="3737"/>
                    </a:lnTo>
                    <a:lnTo>
                      <a:pt x="1447" y="3743"/>
                    </a:lnTo>
                    <a:lnTo>
                      <a:pt x="1448" y="3750"/>
                    </a:lnTo>
                    <a:lnTo>
                      <a:pt x="1449" y="3759"/>
                    </a:lnTo>
                    <a:lnTo>
                      <a:pt x="1451" y="3769"/>
                    </a:lnTo>
                    <a:lnTo>
                      <a:pt x="1457" y="3790"/>
                    </a:lnTo>
                    <a:lnTo>
                      <a:pt x="1466" y="3813"/>
                    </a:lnTo>
                    <a:lnTo>
                      <a:pt x="1475" y="3835"/>
                    </a:lnTo>
                    <a:lnTo>
                      <a:pt x="1487" y="3855"/>
                    </a:lnTo>
                    <a:lnTo>
                      <a:pt x="1492" y="3864"/>
                    </a:lnTo>
                    <a:lnTo>
                      <a:pt x="1497" y="3870"/>
                    </a:lnTo>
                    <a:lnTo>
                      <a:pt x="1502" y="3875"/>
                    </a:lnTo>
                    <a:lnTo>
                      <a:pt x="1508" y="3879"/>
                    </a:lnTo>
                    <a:lnTo>
                      <a:pt x="1514" y="3883"/>
                    </a:lnTo>
                    <a:lnTo>
                      <a:pt x="1519" y="3887"/>
                    </a:lnTo>
                    <a:lnTo>
                      <a:pt x="1523" y="3892"/>
                    </a:lnTo>
                    <a:lnTo>
                      <a:pt x="1527" y="3896"/>
                    </a:lnTo>
                    <a:lnTo>
                      <a:pt x="1528" y="3901"/>
                    </a:lnTo>
                    <a:lnTo>
                      <a:pt x="1530" y="3906"/>
                    </a:lnTo>
                    <a:lnTo>
                      <a:pt x="1530" y="3913"/>
                    </a:lnTo>
                    <a:lnTo>
                      <a:pt x="1528" y="3918"/>
                    </a:lnTo>
                    <a:lnTo>
                      <a:pt x="1526" y="3930"/>
                    </a:lnTo>
                    <a:lnTo>
                      <a:pt x="1519" y="3941"/>
                    </a:lnTo>
                    <a:lnTo>
                      <a:pt x="1513" y="3953"/>
                    </a:lnTo>
                    <a:lnTo>
                      <a:pt x="1506" y="3963"/>
                    </a:lnTo>
                    <a:lnTo>
                      <a:pt x="1501" y="3971"/>
                    </a:lnTo>
                    <a:lnTo>
                      <a:pt x="1498" y="3979"/>
                    </a:lnTo>
                    <a:lnTo>
                      <a:pt x="1496" y="3987"/>
                    </a:lnTo>
                    <a:lnTo>
                      <a:pt x="1495" y="3995"/>
                    </a:lnTo>
                    <a:lnTo>
                      <a:pt x="1492" y="4010"/>
                    </a:lnTo>
                    <a:lnTo>
                      <a:pt x="1488" y="4027"/>
                    </a:lnTo>
                    <a:lnTo>
                      <a:pt x="1483" y="4036"/>
                    </a:lnTo>
                    <a:lnTo>
                      <a:pt x="1476" y="4044"/>
                    </a:lnTo>
                    <a:lnTo>
                      <a:pt x="1470" y="4052"/>
                    </a:lnTo>
                    <a:lnTo>
                      <a:pt x="1463" y="4059"/>
                    </a:lnTo>
                    <a:lnTo>
                      <a:pt x="1447" y="4071"/>
                    </a:lnTo>
                    <a:lnTo>
                      <a:pt x="1430" y="4083"/>
                    </a:lnTo>
                    <a:lnTo>
                      <a:pt x="1412" y="4093"/>
                    </a:lnTo>
                    <a:lnTo>
                      <a:pt x="1395" y="4103"/>
                    </a:lnTo>
                    <a:lnTo>
                      <a:pt x="1387" y="4110"/>
                    </a:lnTo>
                    <a:lnTo>
                      <a:pt x="1379" y="4115"/>
                    </a:lnTo>
                    <a:lnTo>
                      <a:pt x="1373" y="4122"/>
                    </a:lnTo>
                    <a:lnTo>
                      <a:pt x="1366" y="4128"/>
                    </a:lnTo>
                    <a:lnTo>
                      <a:pt x="1362" y="4133"/>
                    </a:lnTo>
                    <a:lnTo>
                      <a:pt x="1361" y="4137"/>
                    </a:lnTo>
                    <a:lnTo>
                      <a:pt x="1361" y="4138"/>
                    </a:lnTo>
                    <a:lnTo>
                      <a:pt x="1364" y="4140"/>
                    </a:lnTo>
                    <a:lnTo>
                      <a:pt x="1373" y="4138"/>
                    </a:lnTo>
                    <a:lnTo>
                      <a:pt x="1386" y="4134"/>
                    </a:lnTo>
                    <a:lnTo>
                      <a:pt x="1413" y="4122"/>
                    </a:lnTo>
                    <a:lnTo>
                      <a:pt x="1430" y="4114"/>
                    </a:lnTo>
                    <a:lnTo>
                      <a:pt x="1447" y="4102"/>
                    </a:lnTo>
                    <a:lnTo>
                      <a:pt x="1462" y="4092"/>
                    </a:lnTo>
                    <a:lnTo>
                      <a:pt x="1475" y="4081"/>
                    </a:lnTo>
                    <a:lnTo>
                      <a:pt x="1488" y="4070"/>
                    </a:lnTo>
                    <a:lnTo>
                      <a:pt x="1498" y="4058"/>
                    </a:lnTo>
                    <a:lnTo>
                      <a:pt x="1509" y="4044"/>
                    </a:lnTo>
                    <a:lnTo>
                      <a:pt x="1520" y="4027"/>
                    </a:lnTo>
                    <a:lnTo>
                      <a:pt x="1531" y="4008"/>
                    </a:lnTo>
                    <a:lnTo>
                      <a:pt x="1539" y="3988"/>
                    </a:lnTo>
                    <a:lnTo>
                      <a:pt x="1546" y="3963"/>
                    </a:lnTo>
                    <a:lnTo>
                      <a:pt x="1550" y="3951"/>
                    </a:lnTo>
                    <a:lnTo>
                      <a:pt x="1557" y="3940"/>
                    </a:lnTo>
                    <a:lnTo>
                      <a:pt x="1559" y="3935"/>
                    </a:lnTo>
                    <a:lnTo>
                      <a:pt x="1563" y="3931"/>
                    </a:lnTo>
                    <a:lnTo>
                      <a:pt x="1567" y="3927"/>
                    </a:lnTo>
                    <a:lnTo>
                      <a:pt x="1571" y="3925"/>
                    </a:lnTo>
                    <a:lnTo>
                      <a:pt x="1577" y="3923"/>
                    </a:lnTo>
                    <a:lnTo>
                      <a:pt x="1583" y="3925"/>
                    </a:lnTo>
                    <a:lnTo>
                      <a:pt x="1588" y="3927"/>
                    </a:lnTo>
                    <a:lnTo>
                      <a:pt x="1593" y="3932"/>
                    </a:lnTo>
                    <a:lnTo>
                      <a:pt x="1598" y="3939"/>
                    </a:lnTo>
                    <a:lnTo>
                      <a:pt x="1602" y="3945"/>
                    </a:lnTo>
                    <a:lnTo>
                      <a:pt x="1606" y="3954"/>
                    </a:lnTo>
                    <a:lnTo>
                      <a:pt x="1610" y="3962"/>
                    </a:lnTo>
                    <a:lnTo>
                      <a:pt x="1624" y="4000"/>
                    </a:lnTo>
                    <a:lnTo>
                      <a:pt x="1635" y="4026"/>
                    </a:lnTo>
                    <a:lnTo>
                      <a:pt x="1638" y="4032"/>
                    </a:lnTo>
                    <a:lnTo>
                      <a:pt x="1642" y="4039"/>
                    </a:lnTo>
                    <a:lnTo>
                      <a:pt x="1646" y="4043"/>
                    </a:lnTo>
                    <a:lnTo>
                      <a:pt x="1650" y="4045"/>
                    </a:lnTo>
                    <a:lnTo>
                      <a:pt x="1654" y="4048"/>
                    </a:lnTo>
                    <a:lnTo>
                      <a:pt x="1657" y="4049"/>
                    </a:lnTo>
                    <a:lnTo>
                      <a:pt x="1660" y="4049"/>
                    </a:lnTo>
                    <a:lnTo>
                      <a:pt x="1664" y="4048"/>
                    </a:lnTo>
                    <a:lnTo>
                      <a:pt x="1671" y="4045"/>
                    </a:lnTo>
                    <a:lnTo>
                      <a:pt x="1676" y="4039"/>
                    </a:lnTo>
                    <a:lnTo>
                      <a:pt x="1682" y="4032"/>
                    </a:lnTo>
                    <a:lnTo>
                      <a:pt x="1688" y="4023"/>
                    </a:lnTo>
                    <a:lnTo>
                      <a:pt x="1697" y="4008"/>
                    </a:lnTo>
                    <a:lnTo>
                      <a:pt x="1707" y="3995"/>
                    </a:lnTo>
                    <a:lnTo>
                      <a:pt x="1708" y="3993"/>
                    </a:lnTo>
                    <a:lnTo>
                      <a:pt x="1711" y="3992"/>
                    </a:lnTo>
                    <a:lnTo>
                      <a:pt x="1714" y="3992"/>
                    </a:lnTo>
                    <a:lnTo>
                      <a:pt x="1715" y="3993"/>
                    </a:lnTo>
                    <a:lnTo>
                      <a:pt x="1720" y="3997"/>
                    </a:lnTo>
                    <a:lnTo>
                      <a:pt x="1724" y="4006"/>
                    </a:lnTo>
                    <a:lnTo>
                      <a:pt x="1733" y="4032"/>
                    </a:lnTo>
                    <a:lnTo>
                      <a:pt x="1742" y="4054"/>
                    </a:lnTo>
                    <a:lnTo>
                      <a:pt x="1747" y="4063"/>
                    </a:lnTo>
                    <a:lnTo>
                      <a:pt x="1755" y="4071"/>
                    </a:lnTo>
                    <a:lnTo>
                      <a:pt x="1765" y="4079"/>
                    </a:lnTo>
                    <a:lnTo>
                      <a:pt x="1780" y="4085"/>
                    </a:lnTo>
                    <a:lnTo>
                      <a:pt x="1796" y="4093"/>
                    </a:lnTo>
                    <a:lnTo>
                      <a:pt x="1822" y="4106"/>
                    </a:lnTo>
                    <a:lnTo>
                      <a:pt x="1835" y="4112"/>
                    </a:lnTo>
                    <a:lnTo>
                      <a:pt x="1847" y="4119"/>
                    </a:lnTo>
                    <a:lnTo>
                      <a:pt x="1853" y="4124"/>
                    </a:lnTo>
                    <a:lnTo>
                      <a:pt x="1856" y="4129"/>
                    </a:lnTo>
                    <a:lnTo>
                      <a:pt x="1856" y="4131"/>
                    </a:lnTo>
                    <a:lnTo>
                      <a:pt x="1834" y="4132"/>
                    </a:lnTo>
                    <a:lnTo>
                      <a:pt x="1802" y="4133"/>
                    </a:lnTo>
                    <a:lnTo>
                      <a:pt x="1773" y="4134"/>
                    </a:lnTo>
                    <a:lnTo>
                      <a:pt x="1756" y="4137"/>
                    </a:lnTo>
                    <a:lnTo>
                      <a:pt x="1758" y="4142"/>
                    </a:lnTo>
                    <a:lnTo>
                      <a:pt x="1759" y="4147"/>
                    </a:lnTo>
                    <a:lnTo>
                      <a:pt x="1760" y="4151"/>
                    </a:lnTo>
                    <a:lnTo>
                      <a:pt x="1764" y="4154"/>
                    </a:lnTo>
                    <a:lnTo>
                      <a:pt x="1771" y="4160"/>
                    </a:lnTo>
                    <a:lnTo>
                      <a:pt x="1780" y="4166"/>
                    </a:lnTo>
                    <a:lnTo>
                      <a:pt x="1787" y="4171"/>
                    </a:lnTo>
                    <a:lnTo>
                      <a:pt x="1796" y="4176"/>
                    </a:lnTo>
                    <a:lnTo>
                      <a:pt x="1803" y="4181"/>
                    </a:lnTo>
                    <a:lnTo>
                      <a:pt x="1807" y="4188"/>
                    </a:lnTo>
                    <a:lnTo>
                      <a:pt x="1811" y="4199"/>
                    </a:lnTo>
                    <a:lnTo>
                      <a:pt x="1816" y="4207"/>
                    </a:lnTo>
                    <a:lnTo>
                      <a:pt x="1818" y="4210"/>
                    </a:lnTo>
                    <a:lnTo>
                      <a:pt x="1821" y="4212"/>
                    </a:lnTo>
                    <a:lnTo>
                      <a:pt x="1824" y="4214"/>
                    </a:lnTo>
                    <a:lnTo>
                      <a:pt x="1828" y="4215"/>
                    </a:lnTo>
                    <a:lnTo>
                      <a:pt x="1834" y="4214"/>
                    </a:lnTo>
                    <a:lnTo>
                      <a:pt x="1842" y="4210"/>
                    </a:lnTo>
                    <a:lnTo>
                      <a:pt x="1850" y="4204"/>
                    </a:lnTo>
                    <a:lnTo>
                      <a:pt x="1859" y="4197"/>
                    </a:lnTo>
                    <a:lnTo>
                      <a:pt x="1861" y="4194"/>
                    </a:lnTo>
                    <a:lnTo>
                      <a:pt x="1863" y="4195"/>
                    </a:lnTo>
                    <a:lnTo>
                      <a:pt x="1864" y="4197"/>
                    </a:lnTo>
                    <a:lnTo>
                      <a:pt x="1865" y="4199"/>
                    </a:lnTo>
                    <a:lnTo>
                      <a:pt x="1865" y="4208"/>
                    </a:lnTo>
                    <a:lnTo>
                      <a:pt x="1865" y="4219"/>
                    </a:lnTo>
                    <a:lnTo>
                      <a:pt x="1864" y="4243"/>
                    </a:lnTo>
                    <a:lnTo>
                      <a:pt x="1860" y="4259"/>
                    </a:lnTo>
                    <a:lnTo>
                      <a:pt x="1840" y="4277"/>
                    </a:lnTo>
                    <a:lnTo>
                      <a:pt x="1815" y="4298"/>
                    </a:lnTo>
                    <a:lnTo>
                      <a:pt x="1802" y="4308"/>
                    </a:lnTo>
                    <a:lnTo>
                      <a:pt x="1793" y="4316"/>
                    </a:lnTo>
                    <a:lnTo>
                      <a:pt x="1790" y="4318"/>
                    </a:lnTo>
                    <a:lnTo>
                      <a:pt x="1787" y="4322"/>
                    </a:lnTo>
                    <a:lnTo>
                      <a:pt x="1787" y="4324"/>
                    </a:lnTo>
                    <a:lnTo>
                      <a:pt x="1787" y="4325"/>
                    </a:lnTo>
                    <a:lnTo>
                      <a:pt x="1809" y="4329"/>
                    </a:lnTo>
                    <a:lnTo>
                      <a:pt x="1838" y="4333"/>
                    </a:lnTo>
                    <a:lnTo>
                      <a:pt x="1852" y="4334"/>
                    </a:lnTo>
                    <a:lnTo>
                      <a:pt x="1864" y="4337"/>
                    </a:lnTo>
                    <a:lnTo>
                      <a:pt x="1868" y="4338"/>
                    </a:lnTo>
                    <a:lnTo>
                      <a:pt x="1870" y="4339"/>
                    </a:lnTo>
                    <a:lnTo>
                      <a:pt x="1873" y="4342"/>
                    </a:lnTo>
                    <a:lnTo>
                      <a:pt x="1873" y="4344"/>
                    </a:lnTo>
                    <a:lnTo>
                      <a:pt x="1870" y="4348"/>
                    </a:lnTo>
                    <a:lnTo>
                      <a:pt x="1865" y="4353"/>
                    </a:lnTo>
                    <a:lnTo>
                      <a:pt x="1860" y="4357"/>
                    </a:lnTo>
                    <a:lnTo>
                      <a:pt x="1853" y="4360"/>
                    </a:lnTo>
                    <a:lnTo>
                      <a:pt x="1840" y="4366"/>
                    </a:lnTo>
                    <a:lnTo>
                      <a:pt x="1829" y="4372"/>
                    </a:lnTo>
                    <a:lnTo>
                      <a:pt x="1822" y="4374"/>
                    </a:lnTo>
                    <a:lnTo>
                      <a:pt x="1818" y="4379"/>
                    </a:lnTo>
                    <a:lnTo>
                      <a:pt x="1815" y="4386"/>
                    </a:lnTo>
                    <a:lnTo>
                      <a:pt x="1812" y="4394"/>
                    </a:lnTo>
                    <a:lnTo>
                      <a:pt x="1808" y="4400"/>
                    </a:lnTo>
                    <a:lnTo>
                      <a:pt x="1803" y="4408"/>
                    </a:lnTo>
                    <a:lnTo>
                      <a:pt x="1798" y="4416"/>
                    </a:lnTo>
                    <a:lnTo>
                      <a:pt x="1790" y="4422"/>
                    </a:lnTo>
                    <a:lnTo>
                      <a:pt x="1776" y="4431"/>
                    </a:lnTo>
                    <a:lnTo>
                      <a:pt x="1761" y="4439"/>
                    </a:lnTo>
                    <a:lnTo>
                      <a:pt x="1749" y="4444"/>
                    </a:lnTo>
                    <a:lnTo>
                      <a:pt x="1734" y="4448"/>
                    </a:lnTo>
                    <a:lnTo>
                      <a:pt x="1707" y="4456"/>
                    </a:lnTo>
                    <a:lnTo>
                      <a:pt x="1676" y="4466"/>
                    </a:lnTo>
                    <a:lnTo>
                      <a:pt x="1673" y="4467"/>
                    </a:lnTo>
                    <a:lnTo>
                      <a:pt x="1672" y="4469"/>
                    </a:lnTo>
                    <a:lnTo>
                      <a:pt x="1672" y="4471"/>
                    </a:lnTo>
                    <a:lnTo>
                      <a:pt x="1672" y="4475"/>
                    </a:lnTo>
                    <a:lnTo>
                      <a:pt x="1676" y="4482"/>
                    </a:lnTo>
                    <a:lnTo>
                      <a:pt x="1681" y="4489"/>
                    </a:lnTo>
                    <a:lnTo>
                      <a:pt x="1686" y="4496"/>
                    </a:lnTo>
                    <a:lnTo>
                      <a:pt x="1693" y="4502"/>
                    </a:lnTo>
                    <a:lnTo>
                      <a:pt x="1699" y="4508"/>
                    </a:lnTo>
                    <a:lnTo>
                      <a:pt x="1703" y="4510"/>
                    </a:lnTo>
                    <a:lnTo>
                      <a:pt x="1711" y="4511"/>
                    </a:lnTo>
                    <a:lnTo>
                      <a:pt x="1721" y="4511"/>
                    </a:lnTo>
                    <a:lnTo>
                      <a:pt x="1730" y="4510"/>
                    </a:lnTo>
                    <a:lnTo>
                      <a:pt x="1741" y="4509"/>
                    </a:lnTo>
                    <a:lnTo>
                      <a:pt x="1751" y="4509"/>
                    </a:lnTo>
                    <a:lnTo>
                      <a:pt x="1759" y="4509"/>
                    </a:lnTo>
                    <a:lnTo>
                      <a:pt x="1763" y="4509"/>
                    </a:lnTo>
                    <a:lnTo>
                      <a:pt x="1767" y="4510"/>
                    </a:lnTo>
                    <a:lnTo>
                      <a:pt x="1769" y="4511"/>
                    </a:lnTo>
                    <a:lnTo>
                      <a:pt x="1772" y="4514"/>
                    </a:lnTo>
                    <a:lnTo>
                      <a:pt x="1774" y="4518"/>
                    </a:lnTo>
                    <a:lnTo>
                      <a:pt x="1774" y="4522"/>
                    </a:lnTo>
                    <a:lnTo>
                      <a:pt x="1774" y="4526"/>
                    </a:lnTo>
                    <a:lnTo>
                      <a:pt x="1773" y="4528"/>
                    </a:lnTo>
                    <a:lnTo>
                      <a:pt x="1772" y="4531"/>
                    </a:lnTo>
                    <a:lnTo>
                      <a:pt x="1768" y="4535"/>
                    </a:lnTo>
                    <a:lnTo>
                      <a:pt x="1765" y="4536"/>
                    </a:lnTo>
                    <a:lnTo>
                      <a:pt x="1760" y="4539"/>
                    </a:lnTo>
                    <a:lnTo>
                      <a:pt x="1751" y="4541"/>
                    </a:lnTo>
                    <a:lnTo>
                      <a:pt x="1741" y="4543"/>
                    </a:lnTo>
                    <a:lnTo>
                      <a:pt x="1730" y="4543"/>
                    </a:lnTo>
                    <a:lnTo>
                      <a:pt x="1721" y="4540"/>
                    </a:lnTo>
                    <a:lnTo>
                      <a:pt x="1710" y="4535"/>
                    </a:lnTo>
                    <a:lnTo>
                      <a:pt x="1698" y="4532"/>
                    </a:lnTo>
                    <a:lnTo>
                      <a:pt x="1693" y="4532"/>
                    </a:lnTo>
                    <a:lnTo>
                      <a:pt x="1688" y="4532"/>
                    </a:lnTo>
                    <a:lnTo>
                      <a:pt x="1684" y="4533"/>
                    </a:lnTo>
                    <a:lnTo>
                      <a:pt x="1680" y="4535"/>
                    </a:lnTo>
                    <a:lnTo>
                      <a:pt x="1677" y="4536"/>
                    </a:lnTo>
                    <a:lnTo>
                      <a:pt x="1676" y="4539"/>
                    </a:lnTo>
                    <a:lnTo>
                      <a:pt x="1675" y="4543"/>
                    </a:lnTo>
                    <a:lnTo>
                      <a:pt x="1676" y="4546"/>
                    </a:lnTo>
                    <a:lnTo>
                      <a:pt x="1677" y="4550"/>
                    </a:lnTo>
                    <a:lnTo>
                      <a:pt x="1681" y="4556"/>
                    </a:lnTo>
                    <a:lnTo>
                      <a:pt x="1686" y="4561"/>
                    </a:lnTo>
                    <a:lnTo>
                      <a:pt x="1693" y="4566"/>
                    </a:lnTo>
                    <a:lnTo>
                      <a:pt x="1698" y="4571"/>
                    </a:lnTo>
                    <a:lnTo>
                      <a:pt x="1702" y="4576"/>
                    </a:lnTo>
                    <a:lnTo>
                      <a:pt x="1703" y="4580"/>
                    </a:lnTo>
                    <a:lnTo>
                      <a:pt x="1704" y="4585"/>
                    </a:lnTo>
                    <a:lnTo>
                      <a:pt x="1703" y="4590"/>
                    </a:lnTo>
                    <a:lnTo>
                      <a:pt x="1701" y="4594"/>
                    </a:lnTo>
                    <a:lnTo>
                      <a:pt x="1698" y="4600"/>
                    </a:lnTo>
                    <a:lnTo>
                      <a:pt x="1694" y="4603"/>
                    </a:lnTo>
                    <a:lnTo>
                      <a:pt x="1673" y="4623"/>
                    </a:lnTo>
                    <a:lnTo>
                      <a:pt x="1653" y="4641"/>
                    </a:lnTo>
                    <a:lnTo>
                      <a:pt x="1649" y="4646"/>
                    </a:lnTo>
                    <a:lnTo>
                      <a:pt x="1645" y="4653"/>
                    </a:lnTo>
                    <a:lnTo>
                      <a:pt x="1641" y="4662"/>
                    </a:lnTo>
                    <a:lnTo>
                      <a:pt x="1638" y="4672"/>
                    </a:lnTo>
                    <a:lnTo>
                      <a:pt x="1631" y="4693"/>
                    </a:lnTo>
                    <a:lnTo>
                      <a:pt x="1623" y="4715"/>
                    </a:lnTo>
                    <a:lnTo>
                      <a:pt x="1619" y="4724"/>
                    </a:lnTo>
                    <a:lnTo>
                      <a:pt x="1614" y="4733"/>
                    </a:lnTo>
                    <a:lnTo>
                      <a:pt x="1609" y="4741"/>
                    </a:lnTo>
                    <a:lnTo>
                      <a:pt x="1603" y="4746"/>
                    </a:lnTo>
                    <a:lnTo>
                      <a:pt x="1598" y="4750"/>
                    </a:lnTo>
                    <a:lnTo>
                      <a:pt x="1592" y="4751"/>
                    </a:lnTo>
                    <a:lnTo>
                      <a:pt x="1588" y="4750"/>
                    </a:lnTo>
                    <a:lnTo>
                      <a:pt x="1584" y="4749"/>
                    </a:lnTo>
                    <a:lnTo>
                      <a:pt x="1580" y="4747"/>
                    </a:lnTo>
                    <a:lnTo>
                      <a:pt x="1576" y="4745"/>
                    </a:lnTo>
                    <a:lnTo>
                      <a:pt x="1572" y="4739"/>
                    </a:lnTo>
                    <a:lnTo>
                      <a:pt x="1568" y="4734"/>
                    </a:lnTo>
                    <a:lnTo>
                      <a:pt x="1565" y="4726"/>
                    </a:lnTo>
                    <a:lnTo>
                      <a:pt x="1562" y="4719"/>
                    </a:lnTo>
                    <a:lnTo>
                      <a:pt x="1557" y="4702"/>
                    </a:lnTo>
                    <a:lnTo>
                      <a:pt x="1553" y="4684"/>
                    </a:lnTo>
                    <a:lnTo>
                      <a:pt x="1550" y="4666"/>
                    </a:lnTo>
                    <a:lnTo>
                      <a:pt x="1548" y="4650"/>
                    </a:lnTo>
                    <a:lnTo>
                      <a:pt x="1545" y="4640"/>
                    </a:lnTo>
                    <a:lnTo>
                      <a:pt x="1543" y="4636"/>
                    </a:lnTo>
                    <a:lnTo>
                      <a:pt x="1536" y="4658"/>
                    </a:lnTo>
                    <a:lnTo>
                      <a:pt x="1528" y="4677"/>
                    </a:lnTo>
                    <a:lnTo>
                      <a:pt x="1524" y="4688"/>
                    </a:lnTo>
                    <a:lnTo>
                      <a:pt x="1520" y="4698"/>
                    </a:lnTo>
                    <a:lnTo>
                      <a:pt x="1518" y="4710"/>
                    </a:lnTo>
                    <a:lnTo>
                      <a:pt x="1515" y="4723"/>
                    </a:lnTo>
                    <a:lnTo>
                      <a:pt x="1514" y="4729"/>
                    </a:lnTo>
                    <a:lnTo>
                      <a:pt x="1511" y="4736"/>
                    </a:lnTo>
                    <a:lnTo>
                      <a:pt x="1508" y="4741"/>
                    </a:lnTo>
                    <a:lnTo>
                      <a:pt x="1502" y="4745"/>
                    </a:lnTo>
                    <a:lnTo>
                      <a:pt x="1489" y="4751"/>
                    </a:lnTo>
                    <a:lnTo>
                      <a:pt x="1475" y="4756"/>
                    </a:lnTo>
                    <a:lnTo>
                      <a:pt x="1460" y="4760"/>
                    </a:lnTo>
                    <a:lnTo>
                      <a:pt x="1445" y="4764"/>
                    </a:lnTo>
                    <a:lnTo>
                      <a:pt x="1432" y="4768"/>
                    </a:lnTo>
                    <a:lnTo>
                      <a:pt x="1421" y="4772"/>
                    </a:lnTo>
                    <a:lnTo>
                      <a:pt x="1406" y="4783"/>
                    </a:lnTo>
                    <a:lnTo>
                      <a:pt x="1394" y="4796"/>
                    </a:lnTo>
                    <a:lnTo>
                      <a:pt x="1379" y="4808"/>
                    </a:lnTo>
                    <a:lnTo>
                      <a:pt x="1364" y="4820"/>
                    </a:lnTo>
                    <a:lnTo>
                      <a:pt x="1359" y="4822"/>
                    </a:lnTo>
                    <a:lnTo>
                      <a:pt x="1352" y="4825"/>
                    </a:lnTo>
                    <a:lnTo>
                      <a:pt x="1346" y="4826"/>
                    </a:lnTo>
                    <a:lnTo>
                      <a:pt x="1338" y="4826"/>
                    </a:lnTo>
                    <a:lnTo>
                      <a:pt x="1322" y="4826"/>
                    </a:lnTo>
                    <a:lnTo>
                      <a:pt x="1307" y="4825"/>
                    </a:lnTo>
                    <a:lnTo>
                      <a:pt x="1290" y="4822"/>
                    </a:lnTo>
                    <a:lnTo>
                      <a:pt x="1274" y="4821"/>
                    </a:lnTo>
                    <a:lnTo>
                      <a:pt x="1259" y="4820"/>
                    </a:lnTo>
                    <a:lnTo>
                      <a:pt x="1246" y="4822"/>
                    </a:lnTo>
                    <a:lnTo>
                      <a:pt x="1247" y="4828"/>
                    </a:lnTo>
                    <a:lnTo>
                      <a:pt x="1248" y="4831"/>
                    </a:lnTo>
                    <a:lnTo>
                      <a:pt x="1252" y="4835"/>
                    </a:lnTo>
                    <a:lnTo>
                      <a:pt x="1258" y="4839"/>
                    </a:lnTo>
                    <a:lnTo>
                      <a:pt x="1269" y="4844"/>
                    </a:lnTo>
                    <a:lnTo>
                      <a:pt x="1283" y="4850"/>
                    </a:lnTo>
                    <a:lnTo>
                      <a:pt x="1313" y="4856"/>
                    </a:lnTo>
                    <a:lnTo>
                      <a:pt x="1337" y="4861"/>
                    </a:lnTo>
                    <a:lnTo>
                      <a:pt x="1343" y="4865"/>
                    </a:lnTo>
                    <a:lnTo>
                      <a:pt x="1349" y="4870"/>
                    </a:lnTo>
                    <a:lnTo>
                      <a:pt x="1355" y="4875"/>
                    </a:lnTo>
                    <a:lnTo>
                      <a:pt x="1361" y="4881"/>
                    </a:lnTo>
                    <a:lnTo>
                      <a:pt x="1365" y="4887"/>
                    </a:lnTo>
                    <a:lnTo>
                      <a:pt x="1369" y="4894"/>
                    </a:lnTo>
                    <a:lnTo>
                      <a:pt x="1373" y="4899"/>
                    </a:lnTo>
                    <a:lnTo>
                      <a:pt x="1374" y="4905"/>
                    </a:lnTo>
                    <a:lnTo>
                      <a:pt x="1375" y="4910"/>
                    </a:lnTo>
                    <a:lnTo>
                      <a:pt x="1374" y="4916"/>
                    </a:lnTo>
                    <a:lnTo>
                      <a:pt x="1372" y="4920"/>
                    </a:lnTo>
                    <a:lnTo>
                      <a:pt x="1368" y="4923"/>
                    </a:lnTo>
                    <a:lnTo>
                      <a:pt x="1362" y="4926"/>
                    </a:lnTo>
                    <a:lnTo>
                      <a:pt x="1355" y="4927"/>
                    </a:lnTo>
                    <a:lnTo>
                      <a:pt x="1346" y="4927"/>
                    </a:lnTo>
                    <a:lnTo>
                      <a:pt x="1334" y="4925"/>
                    </a:lnTo>
                    <a:lnTo>
                      <a:pt x="1292" y="4923"/>
                    </a:lnTo>
                    <a:lnTo>
                      <a:pt x="1291" y="4929"/>
                    </a:lnTo>
                    <a:lnTo>
                      <a:pt x="1292" y="4932"/>
                    </a:lnTo>
                    <a:lnTo>
                      <a:pt x="1294" y="4936"/>
                    </a:lnTo>
                    <a:lnTo>
                      <a:pt x="1296" y="4939"/>
                    </a:lnTo>
                    <a:lnTo>
                      <a:pt x="1304" y="4947"/>
                    </a:lnTo>
                    <a:lnTo>
                      <a:pt x="1313" y="4953"/>
                    </a:lnTo>
                    <a:lnTo>
                      <a:pt x="1333" y="4966"/>
                    </a:lnTo>
                    <a:lnTo>
                      <a:pt x="1348" y="4979"/>
                    </a:lnTo>
                    <a:lnTo>
                      <a:pt x="1353" y="4986"/>
                    </a:lnTo>
                    <a:lnTo>
                      <a:pt x="1356" y="4992"/>
                    </a:lnTo>
                    <a:lnTo>
                      <a:pt x="1359" y="4996"/>
                    </a:lnTo>
                    <a:lnTo>
                      <a:pt x="1359" y="5001"/>
                    </a:lnTo>
                    <a:lnTo>
                      <a:pt x="1357" y="5005"/>
                    </a:lnTo>
                    <a:lnTo>
                      <a:pt x="1356" y="5008"/>
                    </a:lnTo>
                    <a:lnTo>
                      <a:pt x="1353" y="5010"/>
                    </a:lnTo>
                    <a:lnTo>
                      <a:pt x="1351" y="5013"/>
                    </a:lnTo>
                    <a:lnTo>
                      <a:pt x="1334" y="5019"/>
                    </a:lnTo>
                    <a:lnTo>
                      <a:pt x="1317" y="5023"/>
                    </a:lnTo>
                    <a:lnTo>
                      <a:pt x="1317" y="5030"/>
                    </a:lnTo>
                    <a:lnTo>
                      <a:pt x="1318" y="5040"/>
                    </a:lnTo>
                    <a:lnTo>
                      <a:pt x="1321" y="5050"/>
                    </a:lnTo>
                    <a:lnTo>
                      <a:pt x="1325" y="5062"/>
                    </a:lnTo>
                    <a:lnTo>
                      <a:pt x="1333" y="5087"/>
                    </a:lnTo>
                    <a:lnTo>
                      <a:pt x="1340" y="5110"/>
                    </a:lnTo>
                    <a:lnTo>
                      <a:pt x="1342" y="5122"/>
                    </a:lnTo>
                    <a:lnTo>
                      <a:pt x="1343" y="5132"/>
                    </a:lnTo>
                    <a:lnTo>
                      <a:pt x="1343" y="5140"/>
                    </a:lnTo>
                    <a:lnTo>
                      <a:pt x="1339" y="5146"/>
                    </a:lnTo>
                    <a:lnTo>
                      <a:pt x="1338" y="5149"/>
                    </a:lnTo>
                    <a:lnTo>
                      <a:pt x="1334" y="5151"/>
                    </a:lnTo>
                    <a:lnTo>
                      <a:pt x="1331" y="5153"/>
                    </a:lnTo>
                    <a:lnTo>
                      <a:pt x="1326" y="5153"/>
                    </a:lnTo>
                    <a:lnTo>
                      <a:pt x="1316" y="5153"/>
                    </a:lnTo>
                    <a:lnTo>
                      <a:pt x="1300" y="5149"/>
                    </a:lnTo>
                    <a:lnTo>
                      <a:pt x="1290" y="5141"/>
                    </a:lnTo>
                    <a:lnTo>
                      <a:pt x="1278" y="5131"/>
                    </a:lnTo>
                    <a:lnTo>
                      <a:pt x="1273" y="5127"/>
                    </a:lnTo>
                    <a:lnTo>
                      <a:pt x="1268" y="5125"/>
                    </a:lnTo>
                    <a:lnTo>
                      <a:pt x="1267" y="5127"/>
                    </a:lnTo>
                    <a:lnTo>
                      <a:pt x="1265" y="5128"/>
                    </a:lnTo>
                    <a:lnTo>
                      <a:pt x="1264" y="5131"/>
                    </a:lnTo>
                    <a:lnTo>
                      <a:pt x="1264" y="5135"/>
                    </a:lnTo>
                    <a:lnTo>
                      <a:pt x="1265" y="5142"/>
                    </a:lnTo>
                    <a:lnTo>
                      <a:pt x="1267" y="5150"/>
                    </a:lnTo>
                    <a:lnTo>
                      <a:pt x="1270" y="5158"/>
                    </a:lnTo>
                    <a:lnTo>
                      <a:pt x="1273" y="5166"/>
                    </a:lnTo>
                    <a:lnTo>
                      <a:pt x="1281" y="5181"/>
                    </a:lnTo>
                    <a:lnTo>
                      <a:pt x="1286" y="5195"/>
                    </a:lnTo>
                    <a:lnTo>
                      <a:pt x="1289" y="5207"/>
                    </a:lnTo>
                    <a:lnTo>
                      <a:pt x="1289" y="5220"/>
                    </a:lnTo>
                    <a:lnTo>
                      <a:pt x="1287" y="5232"/>
                    </a:lnTo>
                    <a:lnTo>
                      <a:pt x="1285" y="5245"/>
                    </a:lnTo>
                    <a:lnTo>
                      <a:pt x="1281" y="5271"/>
                    </a:lnTo>
                    <a:lnTo>
                      <a:pt x="1280" y="5295"/>
                    </a:lnTo>
                    <a:lnTo>
                      <a:pt x="1282" y="5329"/>
                    </a:lnTo>
                    <a:lnTo>
                      <a:pt x="1286" y="5365"/>
                    </a:lnTo>
                    <a:lnTo>
                      <a:pt x="1287" y="5385"/>
                    </a:lnTo>
                    <a:lnTo>
                      <a:pt x="1287" y="5403"/>
                    </a:lnTo>
                    <a:lnTo>
                      <a:pt x="1287" y="5410"/>
                    </a:lnTo>
                    <a:lnTo>
                      <a:pt x="1286" y="5420"/>
                    </a:lnTo>
                    <a:lnTo>
                      <a:pt x="1283" y="5427"/>
                    </a:lnTo>
                    <a:lnTo>
                      <a:pt x="1281" y="5435"/>
                    </a:lnTo>
                    <a:lnTo>
                      <a:pt x="1276" y="5447"/>
                    </a:lnTo>
                    <a:lnTo>
                      <a:pt x="1269" y="5458"/>
                    </a:lnTo>
                    <a:lnTo>
                      <a:pt x="1260" y="5470"/>
                    </a:lnTo>
                    <a:lnTo>
                      <a:pt x="1251" y="5480"/>
                    </a:lnTo>
                    <a:lnTo>
                      <a:pt x="1232" y="5504"/>
                    </a:lnTo>
                    <a:lnTo>
                      <a:pt x="1215" y="5524"/>
                    </a:lnTo>
                    <a:lnTo>
                      <a:pt x="1216" y="5544"/>
                    </a:lnTo>
                    <a:lnTo>
                      <a:pt x="1213" y="5563"/>
                    </a:lnTo>
                    <a:lnTo>
                      <a:pt x="1211" y="5583"/>
                    </a:lnTo>
                    <a:lnTo>
                      <a:pt x="1208" y="5601"/>
                    </a:lnTo>
                    <a:lnTo>
                      <a:pt x="1206" y="5620"/>
                    </a:lnTo>
                    <a:lnTo>
                      <a:pt x="1203" y="5640"/>
                    </a:lnTo>
                    <a:lnTo>
                      <a:pt x="1201" y="5658"/>
                    </a:lnTo>
                    <a:lnTo>
                      <a:pt x="1202" y="5679"/>
                    </a:lnTo>
                    <a:lnTo>
                      <a:pt x="1201" y="5685"/>
                    </a:lnTo>
                    <a:lnTo>
                      <a:pt x="1201" y="5693"/>
                    </a:lnTo>
                    <a:lnTo>
                      <a:pt x="1199" y="5699"/>
                    </a:lnTo>
                    <a:lnTo>
                      <a:pt x="1197" y="5706"/>
                    </a:lnTo>
                    <a:lnTo>
                      <a:pt x="1190" y="5719"/>
                    </a:lnTo>
                    <a:lnTo>
                      <a:pt x="1182" y="5730"/>
                    </a:lnTo>
                    <a:lnTo>
                      <a:pt x="1175" y="5742"/>
                    </a:lnTo>
                    <a:lnTo>
                      <a:pt x="1167" y="5754"/>
                    </a:lnTo>
                    <a:lnTo>
                      <a:pt x="1159" y="5765"/>
                    </a:lnTo>
                    <a:lnTo>
                      <a:pt x="1154" y="5778"/>
                    </a:lnTo>
                    <a:lnTo>
                      <a:pt x="1125" y="5868"/>
                    </a:lnTo>
                    <a:lnTo>
                      <a:pt x="1116" y="5894"/>
                    </a:lnTo>
                    <a:lnTo>
                      <a:pt x="1106" y="5920"/>
                    </a:lnTo>
                    <a:lnTo>
                      <a:pt x="1101" y="5933"/>
                    </a:lnTo>
                    <a:lnTo>
                      <a:pt x="1096" y="5945"/>
                    </a:lnTo>
                    <a:lnTo>
                      <a:pt x="1092" y="5960"/>
                    </a:lnTo>
                    <a:lnTo>
                      <a:pt x="1089" y="5973"/>
                    </a:lnTo>
                    <a:lnTo>
                      <a:pt x="1088" y="5983"/>
                    </a:lnTo>
                    <a:lnTo>
                      <a:pt x="1084" y="5992"/>
                    </a:lnTo>
                    <a:lnTo>
                      <a:pt x="1079" y="6000"/>
                    </a:lnTo>
                    <a:lnTo>
                      <a:pt x="1074" y="6005"/>
                    </a:lnTo>
                    <a:lnTo>
                      <a:pt x="1067" y="6009"/>
                    </a:lnTo>
                    <a:lnTo>
                      <a:pt x="1061" y="6012"/>
                    </a:lnTo>
                    <a:lnTo>
                      <a:pt x="1053" y="6013"/>
                    </a:lnTo>
                    <a:lnTo>
                      <a:pt x="1045" y="6013"/>
                    </a:lnTo>
                    <a:lnTo>
                      <a:pt x="1028" y="6010"/>
                    </a:lnTo>
                    <a:lnTo>
                      <a:pt x="1010" y="6004"/>
                    </a:lnTo>
                    <a:lnTo>
                      <a:pt x="995" y="5997"/>
                    </a:lnTo>
                    <a:lnTo>
                      <a:pt x="979" y="5990"/>
                    </a:lnTo>
                    <a:lnTo>
                      <a:pt x="966" y="5983"/>
                    </a:lnTo>
                    <a:lnTo>
                      <a:pt x="954" y="5979"/>
                    </a:lnTo>
                    <a:lnTo>
                      <a:pt x="943" y="5975"/>
                    </a:lnTo>
                    <a:lnTo>
                      <a:pt x="931" y="5973"/>
                    </a:lnTo>
                    <a:lnTo>
                      <a:pt x="908" y="5968"/>
                    </a:lnTo>
                    <a:lnTo>
                      <a:pt x="881" y="5962"/>
                    </a:lnTo>
                    <a:lnTo>
                      <a:pt x="848" y="5949"/>
                    </a:lnTo>
                    <a:lnTo>
                      <a:pt x="798" y="5933"/>
                    </a:lnTo>
                    <a:lnTo>
                      <a:pt x="785" y="5930"/>
                    </a:lnTo>
                    <a:lnTo>
                      <a:pt x="773" y="5929"/>
                    </a:lnTo>
                    <a:lnTo>
                      <a:pt x="763" y="5929"/>
                    </a:lnTo>
                    <a:lnTo>
                      <a:pt x="755" y="5931"/>
                    </a:lnTo>
                    <a:lnTo>
                      <a:pt x="751" y="5934"/>
                    </a:lnTo>
                    <a:lnTo>
                      <a:pt x="748" y="5936"/>
                    </a:lnTo>
                    <a:lnTo>
                      <a:pt x="747" y="5940"/>
                    </a:lnTo>
                    <a:lnTo>
                      <a:pt x="746" y="5944"/>
                    </a:lnTo>
                    <a:lnTo>
                      <a:pt x="746" y="5949"/>
                    </a:lnTo>
                    <a:lnTo>
                      <a:pt x="746" y="5956"/>
                    </a:lnTo>
                    <a:lnTo>
                      <a:pt x="747" y="5962"/>
                    </a:lnTo>
                    <a:lnTo>
                      <a:pt x="750" y="5970"/>
                    </a:lnTo>
                    <a:lnTo>
                      <a:pt x="755" y="5983"/>
                    </a:lnTo>
                    <a:lnTo>
                      <a:pt x="757" y="5993"/>
                    </a:lnTo>
                    <a:lnTo>
                      <a:pt x="757" y="6000"/>
                    </a:lnTo>
                    <a:lnTo>
                      <a:pt x="757" y="6005"/>
                    </a:lnTo>
                    <a:lnTo>
                      <a:pt x="755" y="6008"/>
                    </a:lnTo>
                    <a:lnTo>
                      <a:pt x="751" y="6008"/>
                    </a:lnTo>
                    <a:lnTo>
                      <a:pt x="747" y="6008"/>
                    </a:lnTo>
                    <a:lnTo>
                      <a:pt x="742" y="6006"/>
                    </a:lnTo>
                    <a:lnTo>
                      <a:pt x="729" y="6001"/>
                    </a:lnTo>
                    <a:lnTo>
                      <a:pt x="715" y="5996"/>
                    </a:lnTo>
                    <a:lnTo>
                      <a:pt x="708" y="5995"/>
                    </a:lnTo>
                    <a:lnTo>
                      <a:pt x="702" y="5995"/>
                    </a:lnTo>
                    <a:lnTo>
                      <a:pt x="695" y="5996"/>
                    </a:lnTo>
                    <a:lnTo>
                      <a:pt x="690" y="5999"/>
                    </a:lnTo>
                    <a:lnTo>
                      <a:pt x="676" y="6012"/>
                    </a:lnTo>
                    <a:lnTo>
                      <a:pt x="663" y="6025"/>
                    </a:lnTo>
                    <a:lnTo>
                      <a:pt x="654" y="6039"/>
                    </a:lnTo>
                    <a:lnTo>
                      <a:pt x="646" y="6054"/>
                    </a:lnTo>
                    <a:lnTo>
                      <a:pt x="640" y="6070"/>
                    </a:lnTo>
                    <a:lnTo>
                      <a:pt x="634" y="6085"/>
                    </a:lnTo>
                    <a:lnTo>
                      <a:pt x="630" y="6104"/>
                    </a:lnTo>
                    <a:lnTo>
                      <a:pt x="628" y="6120"/>
                    </a:lnTo>
                    <a:lnTo>
                      <a:pt x="627" y="6133"/>
                    </a:lnTo>
                    <a:lnTo>
                      <a:pt x="627" y="6146"/>
                    </a:lnTo>
                    <a:lnTo>
                      <a:pt x="628" y="6157"/>
                    </a:lnTo>
                    <a:lnTo>
                      <a:pt x="630" y="6167"/>
                    </a:lnTo>
                    <a:lnTo>
                      <a:pt x="640" y="6184"/>
                    </a:lnTo>
                    <a:lnTo>
                      <a:pt x="649" y="6201"/>
                    </a:lnTo>
                    <a:lnTo>
                      <a:pt x="653" y="6207"/>
                    </a:lnTo>
                    <a:lnTo>
                      <a:pt x="656" y="6215"/>
                    </a:lnTo>
                    <a:lnTo>
                      <a:pt x="659" y="6223"/>
                    </a:lnTo>
                    <a:lnTo>
                      <a:pt x="660" y="6230"/>
                    </a:lnTo>
                    <a:lnTo>
                      <a:pt x="660" y="6240"/>
                    </a:lnTo>
                    <a:lnTo>
                      <a:pt x="659" y="6249"/>
                    </a:lnTo>
                    <a:lnTo>
                      <a:pt x="656" y="6259"/>
                    </a:lnTo>
                    <a:lnTo>
                      <a:pt x="650" y="6269"/>
                    </a:lnTo>
                    <a:lnTo>
                      <a:pt x="640" y="6285"/>
                    </a:lnTo>
                    <a:lnTo>
                      <a:pt x="632" y="6297"/>
                    </a:lnTo>
                    <a:lnTo>
                      <a:pt x="625" y="6306"/>
                    </a:lnTo>
                    <a:lnTo>
                      <a:pt x="619" y="6312"/>
                    </a:lnTo>
                    <a:lnTo>
                      <a:pt x="615" y="6316"/>
                    </a:lnTo>
                    <a:lnTo>
                      <a:pt x="610" y="6317"/>
                    </a:lnTo>
                    <a:lnTo>
                      <a:pt x="606" y="6317"/>
                    </a:lnTo>
                    <a:lnTo>
                      <a:pt x="602" y="6315"/>
                    </a:lnTo>
                    <a:lnTo>
                      <a:pt x="592" y="6307"/>
                    </a:lnTo>
                    <a:lnTo>
                      <a:pt x="577" y="6297"/>
                    </a:lnTo>
                    <a:lnTo>
                      <a:pt x="568" y="6291"/>
                    </a:lnTo>
                    <a:lnTo>
                      <a:pt x="558" y="6286"/>
                    </a:lnTo>
                    <a:lnTo>
                      <a:pt x="545" y="6281"/>
                    </a:lnTo>
                    <a:lnTo>
                      <a:pt x="529" y="6277"/>
                    </a:lnTo>
                    <a:lnTo>
                      <a:pt x="518" y="6275"/>
                    </a:lnTo>
                    <a:lnTo>
                      <a:pt x="507" y="6275"/>
                    </a:lnTo>
                    <a:lnTo>
                      <a:pt x="498" y="6275"/>
                    </a:lnTo>
                    <a:lnTo>
                      <a:pt x="488" y="6275"/>
                    </a:lnTo>
                    <a:lnTo>
                      <a:pt x="470" y="6280"/>
                    </a:lnTo>
                    <a:lnTo>
                      <a:pt x="452" y="6285"/>
                    </a:lnTo>
                    <a:lnTo>
                      <a:pt x="435" y="6293"/>
                    </a:lnTo>
                    <a:lnTo>
                      <a:pt x="417" y="6299"/>
                    </a:lnTo>
                    <a:lnTo>
                      <a:pt x="397" y="6306"/>
                    </a:lnTo>
                    <a:lnTo>
                      <a:pt x="378" y="6309"/>
                    </a:lnTo>
                    <a:lnTo>
                      <a:pt x="369" y="6311"/>
                    </a:lnTo>
                    <a:lnTo>
                      <a:pt x="361" y="6311"/>
                    </a:lnTo>
                    <a:lnTo>
                      <a:pt x="352" y="6309"/>
                    </a:lnTo>
                    <a:lnTo>
                      <a:pt x="343" y="6308"/>
                    </a:lnTo>
                    <a:lnTo>
                      <a:pt x="326" y="6304"/>
                    </a:lnTo>
                    <a:lnTo>
                      <a:pt x="309" y="6298"/>
                    </a:lnTo>
                    <a:lnTo>
                      <a:pt x="294" y="6289"/>
                    </a:lnTo>
                    <a:lnTo>
                      <a:pt x="278" y="6280"/>
                    </a:lnTo>
                    <a:lnTo>
                      <a:pt x="263" y="6271"/>
                    </a:lnTo>
                    <a:lnTo>
                      <a:pt x="248" y="6262"/>
                    </a:lnTo>
                    <a:lnTo>
                      <a:pt x="247" y="6259"/>
                    </a:lnTo>
                    <a:lnTo>
                      <a:pt x="247" y="6255"/>
                    </a:lnTo>
                    <a:lnTo>
                      <a:pt x="248" y="6251"/>
                    </a:lnTo>
                    <a:lnTo>
                      <a:pt x="250" y="6245"/>
                    </a:lnTo>
                    <a:lnTo>
                      <a:pt x="256" y="6232"/>
                    </a:lnTo>
                    <a:lnTo>
                      <a:pt x="263" y="6216"/>
                    </a:lnTo>
                    <a:lnTo>
                      <a:pt x="270" y="6201"/>
                    </a:lnTo>
                    <a:lnTo>
                      <a:pt x="277" y="6186"/>
                    </a:lnTo>
                    <a:lnTo>
                      <a:pt x="282" y="6173"/>
                    </a:lnTo>
                    <a:lnTo>
                      <a:pt x="285" y="6167"/>
                    </a:lnTo>
                    <a:lnTo>
                      <a:pt x="283" y="6161"/>
                    </a:lnTo>
                    <a:lnTo>
                      <a:pt x="283" y="6155"/>
                    </a:lnTo>
                    <a:lnTo>
                      <a:pt x="281" y="6150"/>
                    </a:lnTo>
                    <a:lnTo>
                      <a:pt x="278" y="6146"/>
                    </a:lnTo>
                    <a:lnTo>
                      <a:pt x="273" y="6137"/>
                    </a:lnTo>
                    <a:lnTo>
                      <a:pt x="265" y="6128"/>
                    </a:lnTo>
                    <a:lnTo>
                      <a:pt x="257" y="6120"/>
                    </a:lnTo>
                    <a:lnTo>
                      <a:pt x="250" y="6111"/>
                    </a:lnTo>
                    <a:lnTo>
                      <a:pt x="243" y="6104"/>
                    </a:lnTo>
                    <a:lnTo>
                      <a:pt x="237" y="6093"/>
                    </a:lnTo>
                    <a:lnTo>
                      <a:pt x="233" y="6082"/>
                    </a:lnTo>
                    <a:lnTo>
                      <a:pt x="229" y="6069"/>
                    </a:lnTo>
                    <a:lnTo>
                      <a:pt x="228" y="6054"/>
                    </a:lnTo>
                    <a:lnTo>
                      <a:pt x="225" y="6039"/>
                    </a:lnTo>
                    <a:lnTo>
                      <a:pt x="224" y="6005"/>
                    </a:lnTo>
                    <a:lnTo>
                      <a:pt x="224" y="5971"/>
                    </a:lnTo>
                    <a:lnTo>
                      <a:pt x="222" y="5939"/>
                    </a:lnTo>
                    <a:lnTo>
                      <a:pt x="220" y="5908"/>
                    </a:lnTo>
                    <a:lnTo>
                      <a:pt x="216" y="5895"/>
                    </a:lnTo>
                    <a:lnTo>
                      <a:pt x="212" y="5883"/>
                    </a:lnTo>
                    <a:lnTo>
                      <a:pt x="207" y="5873"/>
                    </a:lnTo>
                    <a:lnTo>
                      <a:pt x="200" y="5864"/>
                    </a:lnTo>
                    <a:lnTo>
                      <a:pt x="184" y="5848"/>
                    </a:lnTo>
                    <a:lnTo>
                      <a:pt x="167" y="5831"/>
                    </a:lnTo>
                    <a:lnTo>
                      <a:pt x="164" y="5828"/>
                    </a:lnTo>
                    <a:lnTo>
                      <a:pt x="163" y="5824"/>
                    </a:lnTo>
                    <a:lnTo>
                      <a:pt x="163" y="5820"/>
                    </a:lnTo>
                    <a:lnTo>
                      <a:pt x="164" y="5817"/>
                    </a:lnTo>
                    <a:lnTo>
                      <a:pt x="168" y="5816"/>
                    </a:lnTo>
                    <a:lnTo>
                      <a:pt x="172" y="5815"/>
                    </a:lnTo>
                    <a:lnTo>
                      <a:pt x="180" y="5813"/>
                    </a:lnTo>
                    <a:lnTo>
                      <a:pt x="189" y="5813"/>
                    </a:lnTo>
                    <a:lnTo>
                      <a:pt x="196" y="5815"/>
                    </a:lnTo>
                    <a:lnTo>
                      <a:pt x="202" y="5816"/>
                    </a:lnTo>
                    <a:lnTo>
                      <a:pt x="207" y="5819"/>
                    </a:lnTo>
                    <a:lnTo>
                      <a:pt x="211" y="5821"/>
                    </a:lnTo>
                    <a:lnTo>
                      <a:pt x="219" y="5829"/>
                    </a:lnTo>
                    <a:lnTo>
                      <a:pt x="224" y="5838"/>
                    </a:lnTo>
                    <a:lnTo>
                      <a:pt x="229" y="5848"/>
                    </a:lnTo>
                    <a:lnTo>
                      <a:pt x="235" y="5856"/>
                    </a:lnTo>
                    <a:lnTo>
                      <a:pt x="238" y="5860"/>
                    </a:lnTo>
                    <a:lnTo>
                      <a:pt x="242" y="5864"/>
                    </a:lnTo>
                    <a:lnTo>
                      <a:pt x="247" y="5866"/>
                    </a:lnTo>
                    <a:lnTo>
                      <a:pt x="252" y="5868"/>
                    </a:lnTo>
                    <a:lnTo>
                      <a:pt x="256" y="5868"/>
                    </a:lnTo>
                    <a:lnTo>
                      <a:pt x="257" y="5866"/>
                    </a:lnTo>
                    <a:lnTo>
                      <a:pt x="260" y="5863"/>
                    </a:lnTo>
                    <a:lnTo>
                      <a:pt x="261" y="5859"/>
                    </a:lnTo>
                    <a:lnTo>
                      <a:pt x="263" y="5847"/>
                    </a:lnTo>
                    <a:lnTo>
                      <a:pt x="263" y="5833"/>
                    </a:lnTo>
                    <a:lnTo>
                      <a:pt x="261" y="5819"/>
                    </a:lnTo>
                    <a:lnTo>
                      <a:pt x="259" y="5806"/>
                    </a:lnTo>
                    <a:lnTo>
                      <a:pt x="257" y="5794"/>
                    </a:lnTo>
                    <a:lnTo>
                      <a:pt x="255" y="5787"/>
                    </a:lnTo>
                    <a:lnTo>
                      <a:pt x="246" y="5776"/>
                    </a:lnTo>
                    <a:lnTo>
                      <a:pt x="238" y="5767"/>
                    </a:lnTo>
                    <a:lnTo>
                      <a:pt x="234" y="5762"/>
                    </a:lnTo>
                    <a:lnTo>
                      <a:pt x="230" y="5756"/>
                    </a:lnTo>
                    <a:lnTo>
                      <a:pt x="229" y="5750"/>
                    </a:lnTo>
                    <a:lnTo>
                      <a:pt x="228" y="5743"/>
                    </a:lnTo>
                    <a:lnTo>
                      <a:pt x="243" y="5741"/>
                    </a:lnTo>
                    <a:lnTo>
                      <a:pt x="257" y="5741"/>
                    </a:lnTo>
                    <a:lnTo>
                      <a:pt x="269" y="5742"/>
                    </a:lnTo>
                    <a:lnTo>
                      <a:pt x="278" y="5743"/>
                    </a:lnTo>
                    <a:lnTo>
                      <a:pt x="282" y="5743"/>
                    </a:lnTo>
                    <a:lnTo>
                      <a:pt x="286" y="5742"/>
                    </a:lnTo>
                    <a:lnTo>
                      <a:pt x="288" y="5740"/>
                    </a:lnTo>
                    <a:lnTo>
                      <a:pt x="291" y="5736"/>
                    </a:lnTo>
                    <a:lnTo>
                      <a:pt x="294" y="5732"/>
                    </a:lnTo>
                    <a:lnTo>
                      <a:pt x="295" y="5725"/>
                    </a:lnTo>
                    <a:lnTo>
                      <a:pt x="296" y="5716"/>
                    </a:lnTo>
                    <a:lnTo>
                      <a:pt x="298" y="5706"/>
                    </a:lnTo>
                    <a:lnTo>
                      <a:pt x="296" y="5693"/>
                    </a:lnTo>
                    <a:lnTo>
                      <a:pt x="294" y="5683"/>
                    </a:lnTo>
                    <a:lnTo>
                      <a:pt x="290" y="5673"/>
                    </a:lnTo>
                    <a:lnTo>
                      <a:pt x="285" y="5667"/>
                    </a:lnTo>
                    <a:lnTo>
                      <a:pt x="277" y="5660"/>
                    </a:lnTo>
                    <a:lnTo>
                      <a:pt x="269" y="5654"/>
                    </a:lnTo>
                    <a:lnTo>
                      <a:pt x="259" y="5649"/>
                    </a:lnTo>
                    <a:lnTo>
                      <a:pt x="248" y="5644"/>
                    </a:lnTo>
                    <a:lnTo>
                      <a:pt x="243" y="5640"/>
                    </a:lnTo>
                    <a:lnTo>
                      <a:pt x="239" y="5637"/>
                    </a:lnTo>
                    <a:lnTo>
                      <a:pt x="235" y="5632"/>
                    </a:lnTo>
                    <a:lnTo>
                      <a:pt x="233" y="5628"/>
                    </a:lnTo>
                    <a:lnTo>
                      <a:pt x="230" y="5618"/>
                    </a:lnTo>
                    <a:lnTo>
                      <a:pt x="229" y="5606"/>
                    </a:lnTo>
                    <a:lnTo>
                      <a:pt x="229" y="5596"/>
                    </a:lnTo>
                    <a:lnTo>
                      <a:pt x="226" y="5584"/>
                    </a:lnTo>
                    <a:lnTo>
                      <a:pt x="225" y="5579"/>
                    </a:lnTo>
                    <a:lnTo>
                      <a:pt x="224" y="5574"/>
                    </a:lnTo>
                    <a:lnTo>
                      <a:pt x="221" y="5569"/>
                    </a:lnTo>
                    <a:lnTo>
                      <a:pt x="219" y="5565"/>
                    </a:lnTo>
                    <a:lnTo>
                      <a:pt x="206" y="5553"/>
                    </a:lnTo>
                    <a:lnTo>
                      <a:pt x="196" y="5543"/>
                    </a:lnTo>
                    <a:lnTo>
                      <a:pt x="191" y="5536"/>
                    </a:lnTo>
                    <a:lnTo>
                      <a:pt x="187" y="5530"/>
                    </a:lnTo>
                    <a:lnTo>
                      <a:pt x="185" y="5522"/>
                    </a:lnTo>
                    <a:lnTo>
                      <a:pt x="181" y="5513"/>
                    </a:lnTo>
                    <a:lnTo>
                      <a:pt x="159" y="5426"/>
                    </a:lnTo>
                    <a:lnTo>
                      <a:pt x="147" y="5392"/>
                    </a:lnTo>
                    <a:lnTo>
                      <a:pt x="136" y="5360"/>
                    </a:lnTo>
                    <a:lnTo>
                      <a:pt x="124" y="5328"/>
                    </a:lnTo>
                    <a:lnTo>
                      <a:pt x="112" y="5295"/>
                    </a:lnTo>
                    <a:lnTo>
                      <a:pt x="110" y="5282"/>
                    </a:lnTo>
                    <a:lnTo>
                      <a:pt x="108" y="5271"/>
                    </a:lnTo>
                    <a:lnTo>
                      <a:pt x="107" y="5258"/>
                    </a:lnTo>
                    <a:lnTo>
                      <a:pt x="107" y="5246"/>
                    </a:lnTo>
                    <a:lnTo>
                      <a:pt x="108" y="5223"/>
                    </a:lnTo>
                    <a:lnTo>
                      <a:pt x="112" y="5199"/>
                    </a:lnTo>
                    <a:lnTo>
                      <a:pt x="116" y="5176"/>
                    </a:lnTo>
                    <a:lnTo>
                      <a:pt x="119" y="5153"/>
                    </a:lnTo>
                    <a:lnTo>
                      <a:pt x="120" y="5141"/>
                    </a:lnTo>
                    <a:lnTo>
                      <a:pt x="120" y="5129"/>
                    </a:lnTo>
                    <a:lnTo>
                      <a:pt x="120" y="5118"/>
                    </a:lnTo>
                    <a:lnTo>
                      <a:pt x="117" y="5106"/>
                    </a:lnTo>
                    <a:lnTo>
                      <a:pt x="115" y="5089"/>
                    </a:lnTo>
                    <a:lnTo>
                      <a:pt x="112" y="5075"/>
                    </a:lnTo>
                    <a:lnTo>
                      <a:pt x="114" y="5065"/>
                    </a:lnTo>
                    <a:lnTo>
                      <a:pt x="116" y="5056"/>
                    </a:lnTo>
                    <a:lnTo>
                      <a:pt x="125" y="5037"/>
                    </a:lnTo>
                    <a:lnTo>
                      <a:pt x="138" y="5011"/>
                    </a:lnTo>
                    <a:lnTo>
                      <a:pt x="142" y="5000"/>
                    </a:lnTo>
                    <a:lnTo>
                      <a:pt x="145" y="4988"/>
                    </a:lnTo>
                    <a:lnTo>
                      <a:pt x="146" y="4977"/>
                    </a:lnTo>
                    <a:lnTo>
                      <a:pt x="147" y="4965"/>
                    </a:lnTo>
                    <a:lnTo>
                      <a:pt x="147" y="4940"/>
                    </a:lnTo>
                    <a:lnTo>
                      <a:pt x="149" y="4917"/>
                    </a:lnTo>
                    <a:lnTo>
                      <a:pt x="152" y="4903"/>
                    </a:lnTo>
                    <a:lnTo>
                      <a:pt x="159" y="4890"/>
                    </a:lnTo>
                    <a:lnTo>
                      <a:pt x="165" y="4877"/>
                    </a:lnTo>
                    <a:lnTo>
                      <a:pt x="171" y="4863"/>
                    </a:lnTo>
                    <a:lnTo>
                      <a:pt x="171" y="4860"/>
                    </a:lnTo>
                    <a:lnTo>
                      <a:pt x="171" y="4856"/>
                    </a:lnTo>
                    <a:lnTo>
                      <a:pt x="169" y="4853"/>
                    </a:lnTo>
                    <a:lnTo>
                      <a:pt x="168" y="4851"/>
                    </a:lnTo>
                    <a:lnTo>
                      <a:pt x="163" y="4847"/>
                    </a:lnTo>
                    <a:lnTo>
                      <a:pt x="156" y="4843"/>
                    </a:lnTo>
                    <a:lnTo>
                      <a:pt x="142" y="4838"/>
                    </a:lnTo>
                    <a:lnTo>
                      <a:pt x="129" y="4831"/>
                    </a:lnTo>
                    <a:lnTo>
                      <a:pt x="128" y="4825"/>
                    </a:lnTo>
                    <a:lnTo>
                      <a:pt x="125" y="4821"/>
                    </a:lnTo>
                    <a:lnTo>
                      <a:pt x="121" y="4820"/>
                    </a:lnTo>
                    <a:lnTo>
                      <a:pt x="117" y="4820"/>
                    </a:lnTo>
                    <a:lnTo>
                      <a:pt x="107" y="4825"/>
                    </a:lnTo>
                    <a:lnTo>
                      <a:pt x="95" y="4833"/>
                    </a:lnTo>
                    <a:lnTo>
                      <a:pt x="89" y="4835"/>
                    </a:lnTo>
                    <a:lnTo>
                      <a:pt x="84" y="4838"/>
                    </a:lnTo>
                    <a:lnTo>
                      <a:pt x="79" y="4839"/>
                    </a:lnTo>
                    <a:lnTo>
                      <a:pt x="73" y="4839"/>
                    </a:lnTo>
                    <a:lnTo>
                      <a:pt x="70" y="4837"/>
                    </a:lnTo>
                    <a:lnTo>
                      <a:pt x="67" y="4833"/>
                    </a:lnTo>
                    <a:lnTo>
                      <a:pt x="64" y="4825"/>
                    </a:lnTo>
                    <a:lnTo>
                      <a:pt x="64" y="4813"/>
                    </a:lnTo>
                    <a:lnTo>
                      <a:pt x="60" y="4812"/>
                    </a:lnTo>
                    <a:lnTo>
                      <a:pt x="57" y="4812"/>
                    </a:lnTo>
                    <a:lnTo>
                      <a:pt x="53" y="4813"/>
                    </a:lnTo>
                    <a:lnTo>
                      <a:pt x="48" y="4815"/>
                    </a:lnTo>
                    <a:lnTo>
                      <a:pt x="38" y="4820"/>
                    </a:lnTo>
                    <a:lnTo>
                      <a:pt x="31" y="4825"/>
                    </a:lnTo>
                    <a:lnTo>
                      <a:pt x="22" y="4830"/>
                    </a:lnTo>
                    <a:lnTo>
                      <a:pt x="14" y="4834"/>
                    </a:lnTo>
                    <a:lnTo>
                      <a:pt x="11" y="4834"/>
                    </a:lnTo>
                    <a:lnTo>
                      <a:pt x="7" y="4834"/>
                    </a:lnTo>
                    <a:lnTo>
                      <a:pt x="5" y="4831"/>
                    </a:lnTo>
                    <a:lnTo>
                      <a:pt x="2" y="4828"/>
                    </a:lnTo>
                    <a:lnTo>
                      <a:pt x="0" y="4820"/>
                    </a:lnTo>
                    <a:lnTo>
                      <a:pt x="0" y="4811"/>
                    </a:lnTo>
                    <a:lnTo>
                      <a:pt x="1" y="4800"/>
                    </a:lnTo>
                    <a:lnTo>
                      <a:pt x="2" y="4790"/>
                    </a:lnTo>
                    <a:lnTo>
                      <a:pt x="7" y="4769"/>
                    </a:lnTo>
                    <a:lnTo>
                      <a:pt x="13" y="4751"/>
                    </a:lnTo>
                    <a:lnTo>
                      <a:pt x="16" y="4728"/>
                    </a:lnTo>
                    <a:lnTo>
                      <a:pt x="20" y="4703"/>
                    </a:lnTo>
                    <a:lnTo>
                      <a:pt x="24" y="4677"/>
                    </a:lnTo>
                    <a:lnTo>
                      <a:pt x="25" y="4651"/>
                    </a:lnTo>
                    <a:lnTo>
                      <a:pt x="27" y="4625"/>
                    </a:lnTo>
                    <a:lnTo>
                      <a:pt x="27" y="4600"/>
                    </a:lnTo>
                    <a:lnTo>
                      <a:pt x="24" y="4575"/>
                    </a:lnTo>
                    <a:lnTo>
                      <a:pt x="20" y="4552"/>
                    </a:lnTo>
                    <a:lnTo>
                      <a:pt x="24" y="4545"/>
                    </a:lnTo>
                    <a:lnTo>
                      <a:pt x="31" y="4540"/>
                    </a:lnTo>
                    <a:lnTo>
                      <a:pt x="37" y="4536"/>
                    </a:lnTo>
                    <a:lnTo>
                      <a:pt x="45" y="4532"/>
                    </a:lnTo>
                    <a:lnTo>
                      <a:pt x="62" y="4528"/>
                    </a:lnTo>
                    <a:lnTo>
                      <a:pt x="76" y="4524"/>
                    </a:lnTo>
                    <a:lnTo>
                      <a:pt x="76" y="4524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3" name="Freeform 44">
                <a:extLst>
                  <a:ext uri="{FF2B5EF4-FFF2-40B4-BE49-F238E27FC236}">
                    <a16:creationId xmlns:a16="http://schemas.microsoft.com/office/drawing/2014/main" id="{5C5B3D90-645B-9A42-AF6F-6377A483A57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481126" y="-146180"/>
                <a:ext cx="1147665" cy="2162147"/>
              </a:xfrm>
              <a:custGeom>
                <a:avLst/>
                <a:gdLst/>
                <a:ahLst/>
                <a:cxnLst>
                  <a:cxn ang="0">
                    <a:pos x="48" y="4558"/>
                  </a:cxn>
                  <a:cxn ang="0">
                    <a:pos x="101" y="4521"/>
                  </a:cxn>
                  <a:cxn ang="0">
                    <a:pos x="111" y="4640"/>
                  </a:cxn>
                  <a:cxn ang="0">
                    <a:pos x="113" y="4684"/>
                  </a:cxn>
                  <a:cxn ang="0">
                    <a:pos x="479" y="786"/>
                  </a:cxn>
                  <a:cxn ang="0">
                    <a:pos x="676" y="956"/>
                  </a:cxn>
                  <a:cxn ang="0">
                    <a:pos x="733" y="1202"/>
                  </a:cxn>
                  <a:cxn ang="0">
                    <a:pos x="781" y="1427"/>
                  </a:cxn>
                  <a:cxn ang="0">
                    <a:pos x="785" y="1722"/>
                  </a:cxn>
                  <a:cxn ang="0">
                    <a:pos x="899" y="1961"/>
                  </a:cxn>
                  <a:cxn ang="0">
                    <a:pos x="1075" y="2080"/>
                  </a:cxn>
                  <a:cxn ang="0">
                    <a:pos x="1091" y="2239"/>
                  </a:cxn>
                  <a:cxn ang="0">
                    <a:pos x="1118" y="2357"/>
                  </a:cxn>
                  <a:cxn ang="0">
                    <a:pos x="1040" y="2399"/>
                  </a:cxn>
                  <a:cxn ang="0">
                    <a:pos x="913" y="2558"/>
                  </a:cxn>
                  <a:cxn ang="0">
                    <a:pos x="760" y="2751"/>
                  </a:cxn>
                  <a:cxn ang="0">
                    <a:pos x="595" y="2945"/>
                  </a:cxn>
                  <a:cxn ang="0">
                    <a:pos x="529" y="3110"/>
                  </a:cxn>
                  <a:cxn ang="0">
                    <a:pos x="469" y="3188"/>
                  </a:cxn>
                  <a:cxn ang="0">
                    <a:pos x="367" y="3273"/>
                  </a:cxn>
                  <a:cxn ang="0">
                    <a:pos x="307" y="3467"/>
                  </a:cxn>
                  <a:cxn ang="0">
                    <a:pos x="341" y="3609"/>
                  </a:cxn>
                  <a:cxn ang="0">
                    <a:pos x="333" y="3796"/>
                  </a:cxn>
                  <a:cxn ang="0">
                    <a:pos x="391" y="3918"/>
                  </a:cxn>
                  <a:cxn ang="0">
                    <a:pos x="376" y="4088"/>
                  </a:cxn>
                  <a:cxn ang="0">
                    <a:pos x="399" y="4234"/>
                  </a:cxn>
                  <a:cxn ang="0">
                    <a:pos x="433" y="4403"/>
                  </a:cxn>
                  <a:cxn ang="0">
                    <a:pos x="501" y="4441"/>
                  </a:cxn>
                  <a:cxn ang="0">
                    <a:pos x="672" y="4466"/>
                  </a:cxn>
                  <a:cxn ang="0">
                    <a:pos x="658" y="4517"/>
                  </a:cxn>
                  <a:cxn ang="0">
                    <a:pos x="643" y="4638"/>
                  </a:cxn>
                  <a:cxn ang="0">
                    <a:pos x="744" y="4684"/>
                  </a:cxn>
                  <a:cxn ang="0">
                    <a:pos x="845" y="4607"/>
                  </a:cxn>
                  <a:cxn ang="0">
                    <a:pos x="881" y="4717"/>
                  </a:cxn>
                  <a:cxn ang="0">
                    <a:pos x="894" y="4785"/>
                  </a:cxn>
                  <a:cxn ang="0">
                    <a:pos x="1056" y="4701"/>
                  </a:cxn>
                  <a:cxn ang="0">
                    <a:pos x="1354" y="4562"/>
                  </a:cxn>
                  <a:cxn ang="0">
                    <a:pos x="1516" y="4430"/>
                  </a:cxn>
                  <a:cxn ang="0">
                    <a:pos x="1815" y="4392"/>
                  </a:cxn>
                  <a:cxn ang="0">
                    <a:pos x="1862" y="4256"/>
                  </a:cxn>
                  <a:cxn ang="0">
                    <a:pos x="2144" y="3792"/>
                  </a:cxn>
                  <a:cxn ang="0">
                    <a:pos x="2472" y="3274"/>
                  </a:cxn>
                  <a:cxn ang="0">
                    <a:pos x="2347" y="2903"/>
                  </a:cxn>
                  <a:cxn ang="0">
                    <a:pos x="2160" y="2734"/>
                  </a:cxn>
                  <a:cxn ang="0">
                    <a:pos x="2153" y="2458"/>
                  </a:cxn>
                  <a:cxn ang="0">
                    <a:pos x="2035" y="2229"/>
                  </a:cxn>
                  <a:cxn ang="0">
                    <a:pos x="1945" y="1948"/>
                  </a:cxn>
                  <a:cxn ang="0">
                    <a:pos x="1898" y="1642"/>
                  </a:cxn>
                  <a:cxn ang="0">
                    <a:pos x="1711" y="1348"/>
                  </a:cxn>
                  <a:cxn ang="0">
                    <a:pos x="1787" y="992"/>
                  </a:cxn>
                  <a:cxn ang="0">
                    <a:pos x="1520" y="654"/>
                  </a:cxn>
                  <a:cxn ang="0">
                    <a:pos x="1473" y="430"/>
                  </a:cxn>
                  <a:cxn ang="0">
                    <a:pos x="1460" y="114"/>
                  </a:cxn>
                  <a:cxn ang="0">
                    <a:pos x="1240" y="2"/>
                  </a:cxn>
                  <a:cxn ang="0">
                    <a:pos x="1143" y="80"/>
                  </a:cxn>
                  <a:cxn ang="0">
                    <a:pos x="1079" y="257"/>
                  </a:cxn>
                  <a:cxn ang="0">
                    <a:pos x="1038" y="537"/>
                  </a:cxn>
                  <a:cxn ang="0">
                    <a:pos x="893" y="682"/>
                  </a:cxn>
                  <a:cxn ang="0">
                    <a:pos x="672" y="650"/>
                  </a:cxn>
                  <a:cxn ang="0">
                    <a:pos x="464" y="541"/>
                  </a:cxn>
                </a:cxnLst>
                <a:rect l="0" t="0" r="r" b="b"/>
                <a:pathLst>
                  <a:path w="2517" h="4789">
                    <a:moveTo>
                      <a:pt x="67" y="4675"/>
                    </a:moveTo>
                    <a:lnTo>
                      <a:pt x="64" y="4673"/>
                    </a:lnTo>
                    <a:lnTo>
                      <a:pt x="60" y="4672"/>
                    </a:lnTo>
                    <a:lnTo>
                      <a:pt x="56" y="4668"/>
                    </a:lnTo>
                    <a:lnTo>
                      <a:pt x="51" y="4664"/>
                    </a:lnTo>
                    <a:lnTo>
                      <a:pt x="39" y="4653"/>
                    </a:lnTo>
                    <a:lnTo>
                      <a:pt x="29" y="4638"/>
                    </a:lnTo>
                    <a:lnTo>
                      <a:pt x="17" y="4623"/>
                    </a:lnTo>
                    <a:lnTo>
                      <a:pt x="9" y="4609"/>
                    </a:lnTo>
                    <a:lnTo>
                      <a:pt x="3" y="4597"/>
                    </a:lnTo>
                    <a:lnTo>
                      <a:pt x="0" y="4589"/>
                    </a:lnTo>
                    <a:lnTo>
                      <a:pt x="14" y="4585"/>
                    </a:lnTo>
                    <a:lnTo>
                      <a:pt x="31" y="4579"/>
                    </a:lnTo>
                    <a:lnTo>
                      <a:pt x="39" y="4574"/>
                    </a:lnTo>
                    <a:lnTo>
                      <a:pt x="45" y="4568"/>
                    </a:lnTo>
                    <a:lnTo>
                      <a:pt x="47" y="4565"/>
                    </a:lnTo>
                    <a:lnTo>
                      <a:pt x="48" y="4562"/>
                    </a:lnTo>
                    <a:lnTo>
                      <a:pt x="48" y="4558"/>
                    </a:lnTo>
                    <a:lnTo>
                      <a:pt x="47" y="4554"/>
                    </a:lnTo>
                    <a:lnTo>
                      <a:pt x="40" y="4539"/>
                    </a:lnTo>
                    <a:lnTo>
                      <a:pt x="31" y="4523"/>
                    </a:lnTo>
                    <a:lnTo>
                      <a:pt x="29" y="4515"/>
                    </a:lnTo>
                    <a:lnTo>
                      <a:pt x="27" y="4508"/>
                    </a:lnTo>
                    <a:lnTo>
                      <a:pt x="27" y="4502"/>
                    </a:lnTo>
                    <a:lnTo>
                      <a:pt x="27" y="4498"/>
                    </a:lnTo>
                    <a:lnTo>
                      <a:pt x="30" y="4493"/>
                    </a:lnTo>
                    <a:lnTo>
                      <a:pt x="31" y="4489"/>
                    </a:lnTo>
                    <a:lnTo>
                      <a:pt x="34" y="4487"/>
                    </a:lnTo>
                    <a:lnTo>
                      <a:pt x="36" y="4484"/>
                    </a:lnTo>
                    <a:lnTo>
                      <a:pt x="40" y="4483"/>
                    </a:lnTo>
                    <a:lnTo>
                      <a:pt x="44" y="4483"/>
                    </a:lnTo>
                    <a:lnTo>
                      <a:pt x="51" y="4484"/>
                    </a:lnTo>
                    <a:lnTo>
                      <a:pt x="58" y="4488"/>
                    </a:lnTo>
                    <a:lnTo>
                      <a:pt x="73" y="4498"/>
                    </a:lnTo>
                    <a:lnTo>
                      <a:pt x="83" y="4508"/>
                    </a:lnTo>
                    <a:lnTo>
                      <a:pt x="101" y="4521"/>
                    </a:lnTo>
                    <a:lnTo>
                      <a:pt x="124" y="4535"/>
                    </a:lnTo>
                    <a:lnTo>
                      <a:pt x="128" y="4539"/>
                    </a:lnTo>
                    <a:lnTo>
                      <a:pt x="133" y="4543"/>
                    </a:lnTo>
                    <a:lnTo>
                      <a:pt x="136" y="4546"/>
                    </a:lnTo>
                    <a:lnTo>
                      <a:pt x="139" y="4550"/>
                    </a:lnTo>
                    <a:lnTo>
                      <a:pt x="139" y="4554"/>
                    </a:lnTo>
                    <a:lnTo>
                      <a:pt x="139" y="4558"/>
                    </a:lnTo>
                    <a:lnTo>
                      <a:pt x="136" y="4562"/>
                    </a:lnTo>
                    <a:lnTo>
                      <a:pt x="131" y="4567"/>
                    </a:lnTo>
                    <a:lnTo>
                      <a:pt x="117" y="4576"/>
                    </a:lnTo>
                    <a:lnTo>
                      <a:pt x="108" y="4585"/>
                    </a:lnTo>
                    <a:lnTo>
                      <a:pt x="105" y="4590"/>
                    </a:lnTo>
                    <a:lnTo>
                      <a:pt x="104" y="4596"/>
                    </a:lnTo>
                    <a:lnTo>
                      <a:pt x="102" y="4603"/>
                    </a:lnTo>
                    <a:lnTo>
                      <a:pt x="102" y="4612"/>
                    </a:lnTo>
                    <a:lnTo>
                      <a:pt x="105" y="4624"/>
                    </a:lnTo>
                    <a:lnTo>
                      <a:pt x="109" y="4635"/>
                    </a:lnTo>
                    <a:lnTo>
                      <a:pt x="111" y="4640"/>
                    </a:lnTo>
                    <a:lnTo>
                      <a:pt x="115" y="4644"/>
                    </a:lnTo>
                    <a:lnTo>
                      <a:pt x="121" y="4646"/>
                    </a:lnTo>
                    <a:lnTo>
                      <a:pt x="126" y="4647"/>
                    </a:lnTo>
                    <a:lnTo>
                      <a:pt x="144" y="4644"/>
                    </a:lnTo>
                    <a:lnTo>
                      <a:pt x="157" y="4638"/>
                    </a:lnTo>
                    <a:lnTo>
                      <a:pt x="159" y="4638"/>
                    </a:lnTo>
                    <a:lnTo>
                      <a:pt x="161" y="4640"/>
                    </a:lnTo>
                    <a:lnTo>
                      <a:pt x="163" y="4641"/>
                    </a:lnTo>
                    <a:lnTo>
                      <a:pt x="163" y="4644"/>
                    </a:lnTo>
                    <a:lnTo>
                      <a:pt x="165" y="4653"/>
                    </a:lnTo>
                    <a:lnTo>
                      <a:pt x="165" y="4667"/>
                    </a:lnTo>
                    <a:lnTo>
                      <a:pt x="165" y="4672"/>
                    </a:lnTo>
                    <a:lnTo>
                      <a:pt x="162" y="4676"/>
                    </a:lnTo>
                    <a:lnTo>
                      <a:pt x="159" y="4679"/>
                    </a:lnTo>
                    <a:lnTo>
                      <a:pt x="155" y="4681"/>
                    </a:lnTo>
                    <a:lnTo>
                      <a:pt x="146" y="4684"/>
                    </a:lnTo>
                    <a:lnTo>
                      <a:pt x="136" y="4685"/>
                    </a:lnTo>
                    <a:lnTo>
                      <a:pt x="113" y="4684"/>
                    </a:lnTo>
                    <a:lnTo>
                      <a:pt x="96" y="4681"/>
                    </a:lnTo>
                    <a:lnTo>
                      <a:pt x="67" y="4675"/>
                    </a:lnTo>
                    <a:close/>
                    <a:moveTo>
                      <a:pt x="187" y="478"/>
                    </a:moveTo>
                    <a:lnTo>
                      <a:pt x="212" y="510"/>
                    </a:lnTo>
                    <a:lnTo>
                      <a:pt x="237" y="546"/>
                    </a:lnTo>
                    <a:lnTo>
                      <a:pt x="260" y="582"/>
                    </a:lnTo>
                    <a:lnTo>
                      <a:pt x="284" y="617"/>
                    </a:lnTo>
                    <a:lnTo>
                      <a:pt x="292" y="629"/>
                    </a:lnTo>
                    <a:lnTo>
                      <a:pt x="301" y="639"/>
                    </a:lnTo>
                    <a:lnTo>
                      <a:pt x="310" y="649"/>
                    </a:lnTo>
                    <a:lnTo>
                      <a:pt x="319" y="658"/>
                    </a:lnTo>
                    <a:lnTo>
                      <a:pt x="339" y="672"/>
                    </a:lnTo>
                    <a:lnTo>
                      <a:pt x="360" y="685"/>
                    </a:lnTo>
                    <a:lnTo>
                      <a:pt x="407" y="709"/>
                    </a:lnTo>
                    <a:lnTo>
                      <a:pt x="452" y="735"/>
                    </a:lnTo>
                    <a:lnTo>
                      <a:pt x="460" y="752"/>
                    </a:lnTo>
                    <a:lnTo>
                      <a:pt x="469" y="769"/>
                    </a:lnTo>
                    <a:lnTo>
                      <a:pt x="479" y="786"/>
                    </a:lnTo>
                    <a:lnTo>
                      <a:pt x="491" y="803"/>
                    </a:lnTo>
                    <a:lnTo>
                      <a:pt x="513" y="836"/>
                    </a:lnTo>
                    <a:lnTo>
                      <a:pt x="535" y="866"/>
                    </a:lnTo>
                    <a:lnTo>
                      <a:pt x="547" y="880"/>
                    </a:lnTo>
                    <a:lnTo>
                      <a:pt x="558" y="893"/>
                    </a:lnTo>
                    <a:lnTo>
                      <a:pt x="566" y="899"/>
                    </a:lnTo>
                    <a:lnTo>
                      <a:pt x="574" y="904"/>
                    </a:lnTo>
                    <a:lnTo>
                      <a:pt x="582" y="906"/>
                    </a:lnTo>
                    <a:lnTo>
                      <a:pt x="591" y="908"/>
                    </a:lnTo>
                    <a:lnTo>
                      <a:pt x="606" y="905"/>
                    </a:lnTo>
                    <a:lnTo>
                      <a:pt x="626" y="901"/>
                    </a:lnTo>
                    <a:lnTo>
                      <a:pt x="636" y="900"/>
                    </a:lnTo>
                    <a:lnTo>
                      <a:pt x="645" y="899"/>
                    </a:lnTo>
                    <a:lnTo>
                      <a:pt x="653" y="899"/>
                    </a:lnTo>
                    <a:lnTo>
                      <a:pt x="659" y="900"/>
                    </a:lnTo>
                    <a:lnTo>
                      <a:pt x="665" y="918"/>
                    </a:lnTo>
                    <a:lnTo>
                      <a:pt x="670" y="937"/>
                    </a:lnTo>
                    <a:lnTo>
                      <a:pt x="676" y="956"/>
                    </a:lnTo>
                    <a:lnTo>
                      <a:pt x="683" y="975"/>
                    </a:lnTo>
                    <a:lnTo>
                      <a:pt x="689" y="994"/>
                    </a:lnTo>
                    <a:lnTo>
                      <a:pt x="694" y="1013"/>
                    </a:lnTo>
                    <a:lnTo>
                      <a:pt x="698" y="1032"/>
                    </a:lnTo>
                    <a:lnTo>
                      <a:pt x="701" y="1051"/>
                    </a:lnTo>
                    <a:lnTo>
                      <a:pt x="696" y="1088"/>
                    </a:lnTo>
                    <a:lnTo>
                      <a:pt x="691" y="1127"/>
                    </a:lnTo>
                    <a:lnTo>
                      <a:pt x="691" y="1134"/>
                    </a:lnTo>
                    <a:lnTo>
                      <a:pt x="691" y="1143"/>
                    </a:lnTo>
                    <a:lnTo>
                      <a:pt x="693" y="1150"/>
                    </a:lnTo>
                    <a:lnTo>
                      <a:pt x="696" y="1158"/>
                    </a:lnTo>
                    <a:lnTo>
                      <a:pt x="701" y="1163"/>
                    </a:lnTo>
                    <a:lnTo>
                      <a:pt x="707" y="1168"/>
                    </a:lnTo>
                    <a:lnTo>
                      <a:pt x="715" y="1172"/>
                    </a:lnTo>
                    <a:lnTo>
                      <a:pt x="726" y="1174"/>
                    </a:lnTo>
                    <a:lnTo>
                      <a:pt x="731" y="1184"/>
                    </a:lnTo>
                    <a:lnTo>
                      <a:pt x="733" y="1193"/>
                    </a:lnTo>
                    <a:lnTo>
                      <a:pt x="733" y="1202"/>
                    </a:lnTo>
                    <a:lnTo>
                      <a:pt x="732" y="1212"/>
                    </a:lnTo>
                    <a:lnTo>
                      <a:pt x="727" y="1231"/>
                    </a:lnTo>
                    <a:lnTo>
                      <a:pt x="719" y="1251"/>
                    </a:lnTo>
                    <a:lnTo>
                      <a:pt x="710" y="1278"/>
                    </a:lnTo>
                    <a:lnTo>
                      <a:pt x="705" y="1295"/>
                    </a:lnTo>
                    <a:lnTo>
                      <a:pt x="705" y="1303"/>
                    </a:lnTo>
                    <a:lnTo>
                      <a:pt x="705" y="1313"/>
                    </a:lnTo>
                    <a:lnTo>
                      <a:pt x="705" y="1325"/>
                    </a:lnTo>
                    <a:lnTo>
                      <a:pt x="706" y="1340"/>
                    </a:lnTo>
                    <a:lnTo>
                      <a:pt x="715" y="1355"/>
                    </a:lnTo>
                    <a:lnTo>
                      <a:pt x="726" y="1366"/>
                    </a:lnTo>
                    <a:lnTo>
                      <a:pt x="737" y="1377"/>
                    </a:lnTo>
                    <a:lnTo>
                      <a:pt x="748" y="1387"/>
                    </a:lnTo>
                    <a:lnTo>
                      <a:pt x="758" y="1396"/>
                    </a:lnTo>
                    <a:lnTo>
                      <a:pt x="768" y="1406"/>
                    </a:lnTo>
                    <a:lnTo>
                      <a:pt x="773" y="1413"/>
                    </a:lnTo>
                    <a:lnTo>
                      <a:pt x="777" y="1419"/>
                    </a:lnTo>
                    <a:lnTo>
                      <a:pt x="781" y="1427"/>
                    </a:lnTo>
                    <a:lnTo>
                      <a:pt x="785" y="1435"/>
                    </a:lnTo>
                    <a:lnTo>
                      <a:pt x="789" y="1446"/>
                    </a:lnTo>
                    <a:lnTo>
                      <a:pt x="790" y="1459"/>
                    </a:lnTo>
                    <a:lnTo>
                      <a:pt x="792" y="1471"/>
                    </a:lnTo>
                    <a:lnTo>
                      <a:pt x="792" y="1483"/>
                    </a:lnTo>
                    <a:lnTo>
                      <a:pt x="788" y="1507"/>
                    </a:lnTo>
                    <a:lnTo>
                      <a:pt x="783" y="1532"/>
                    </a:lnTo>
                    <a:lnTo>
                      <a:pt x="776" y="1557"/>
                    </a:lnTo>
                    <a:lnTo>
                      <a:pt x="770" y="1581"/>
                    </a:lnTo>
                    <a:lnTo>
                      <a:pt x="767" y="1594"/>
                    </a:lnTo>
                    <a:lnTo>
                      <a:pt x="764" y="1606"/>
                    </a:lnTo>
                    <a:lnTo>
                      <a:pt x="763" y="1617"/>
                    </a:lnTo>
                    <a:lnTo>
                      <a:pt x="762" y="1630"/>
                    </a:lnTo>
                    <a:lnTo>
                      <a:pt x="763" y="1646"/>
                    </a:lnTo>
                    <a:lnTo>
                      <a:pt x="766" y="1663"/>
                    </a:lnTo>
                    <a:lnTo>
                      <a:pt x="770" y="1678"/>
                    </a:lnTo>
                    <a:lnTo>
                      <a:pt x="773" y="1693"/>
                    </a:lnTo>
                    <a:lnTo>
                      <a:pt x="785" y="1722"/>
                    </a:lnTo>
                    <a:lnTo>
                      <a:pt x="798" y="1751"/>
                    </a:lnTo>
                    <a:lnTo>
                      <a:pt x="812" y="1779"/>
                    </a:lnTo>
                    <a:lnTo>
                      <a:pt x="824" y="1808"/>
                    </a:lnTo>
                    <a:lnTo>
                      <a:pt x="829" y="1822"/>
                    </a:lnTo>
                    <a:lnTo>
                      <a:pt x="833" y="1836"/>
                    </a:lnTo>
                    <a:lnTo>
                      <a:pt x="836" y="1851"/>
                    </a:lnTo>
                    <a:lnTo>
                      <a:pt x="838" y="1865"/>
                    </a:lnTo>
                    <a:lnTo>
                      <a:pt x="836" y="1910"/>
                    </a:lnTo>
                    <a:lnTo>
                      <a:pt x="838" y="1912"/>
                    </a:lnTo>
                    <a:lnTo>
                      <a:pt x="840" y="1913"/>
                    </a:lnTo>
                    <a:lnTo>
                      <a:pt x="841" y="1914"/>
                    </a:lnTo>
                    <a:lnTo>
                      <a:pt x="842" y="1917"/>
                    </a:lnTo>
                    <a:lnTo>
                      <a:pt x="845" y="1925"/>
                    </a:lnTo>
                    <a:lnTo>
                      <a:pt x="849" y="1932"/>
                    </a:lnTo>
                    <a:lnTo>
                      <a:pt x="855" y="1937"/>
                    </a:lnTo>
                    <a:lnTo>
                      <a:pt x="863" y="1943"/>
                    </a:lnTo>
                    <a:lnTo>
                      <a:pt x="880" y="1952"/>
                    </a:lnTo>
                    <a:lnTo>
                      <a:pt x="899" y="1961"/>
                    </a:lnTo>
                    <a:lnTo>
                      <a:pt x="919" y="1969"/>
                    </a:lnTo>
                    <a:lnTo>
                      <a:pt x="934" y="1976"/>
                    </a:lnTo>
                    <a:lnTo>
                      <a:pt x="939" y="1982"/>
                    </a:lnTo>
                    <a:lnTo>
                      <a:pt x="943" y="1988"/>
                    </a:lnTo>
                    <a:lnTo>
                      <a:pt x="946" y="1994"/>
                    </a:lnTo>
                    <a:lnTo>
                      <a:pt x="946" y="2002"/>
                    </a:lnTo>
                    <a:lnTo>
                      <a:pt x="946" y="2004"/>
                    </a:lnTo>
                    <a:lnTo>
                      <a:pt x="947" y="2006"/>
                    </a:lnTo>
                    <a:lnTo>
                      <a:pt x="948" y="2007"/>
                    </a:lnTo>
                    <a:lnTo>
                      <a:pt x="951" y="2010"/>
                    </a:lnTo>
                    <a:lnTo>
                      <a:pt x="959" y="2014"/>
                    </a:lnTo>
                    <a:lnTo>
                      <a:pt x="969" y="2018"/>
                    </a:lnTo>
                    <a:lnTo>
                      <a:pt x="995" y="2028"/>
                    </a:lnTo>
                    <a:lnTo>
                      <a:pt x="1025" y="2041"/>
                    </a:lnTo>
                    <a:lnTo>
                      <a:pt x="1039" y="2049"/>
                    </a:lnTo>
                    <a:lnTo>
                      <a:pt x="1053" y="2058"/>
                    </a:lnTo>
                    <a:lnTo>
                      <a:pt x="1065" y="2068"/>
                    </a:lnTo>
                    <a:lnTo>
                      <a:pt x="1075" y="2080"/>
                    </a:lnTo>
                    <a:lnTo>
                      <a:pt x="1080" y="2086"/>
                    </a:lnTo>
                    <a:lnTo>
                      <a:pt x="1083" y="2093"/>
                    </a:lnTo>
                    <a:lnTo>
                      <a:pt x="1087" y="2101"/>
                    </a:lnTo>
                    <a:lnTo>
                      <a:pt x="1088" y="2108"/>
                    </a:lnTo>
                    <a:lnTo>
                      <a:pt x="1090" y="2118"/>
                    </a:lnTo>
                    <a:lnTo>
                      <a:pt x="1090" y="2127"/>
                    </a:lnTo>
                    <a:lnTo>
                      <a:pt x="1090" y="2136"/>
                    </a:lnTo>
                    <a:lnTo>
                      <a:pt x="1088" y="2146"/>
                    </a:lnTo>
                    <a:lnTo>
                      <a:pt x="1084" y="2159"/>
                    </a:lnTo>
                    <a:lnTo>
                      <a:pt x="1082" y="2173"/>
                    </a:lnTo>
                    <a:lnTo>
                      <a:pt x="1079" y="2187"/>
                    </a:lnTo>
                    <a:lnTo>
                      <a:pt x="1078" y="2202"/>
                    </a:lnTo>
                    <a:lnTo>
                      <a:pt x="1078" y="2208"/>
                    </a:lnTo>
                    <a:lnTo>
                      <a:pt x="1079" y="2215"/>
                    </a:lnTo>
                    <a:lnTo>
                      <a:pt x="1080" y="2221"/>
                    </a:lnTo>
                    <a:lnTo>
                      <a:pt x="1083" y="2228"/>
                    </a:lnTo>
                    <a:lnTo>
                      <a:pt x="1087" y="2234"/>
                    </a:lnTo>
                    <a:lnTo>
                      <a:pt x="1091" y="2239"/>
                    </a:lnTo>
                    <a:lnTo>
                      <a:pt x="1096" y="2244"/>
                    </a:lnTo>
                    <a:lnTo>
                      <a:pt x="1103" y="2250"/>
                    </a:lnTo>
                    <a:lnTo>
                      <a:pt x="1118" y="2260"/>
                    </a:lnTo>
                    <a:lnTo>
                      <a:pt x="1132" y="2270"/>
                    </a:lnTo>
                    <a:lnTo>
                      <a:pt x="1139" y="2274"/>
                    </a:lnTo>
                    <a:lnTo>
                      <a:pt x="1144" y="2279"/>
                    </a:lnTo>
                    <a:lnTo>
                      <a:pt x="1149" y="2285"/>
                    </a:lnTo>
                    <a:lnTo>
                      <a:pt x="1153" y="2289"/>
                    </a:lnTo>
                    <a:lnTo>
                      <a:pt x="1156" y="2294"/>
                    </a:lnTo>
                    <a:lnTo>
                      <a:pt x="1157" y="2300"/>
                    </a:lnTo>
                    <a:lnTo>
                      <a:pt x="1156" y="2305"/>
                    </a:lnTo>
                    <a:lnTo>
                      <a:pt x="1154" y="2312"/>
                    </a:lnTo>
                    <a:lnTo>
                      <a:pt x="1149" y="2318"/>
                    </a:lnTo>
                    <a:lnTo>
                      <a:pt x="1144" y="2326"/>
                    </a:lnTo>
                    <a:lnTo>
                      <a:pt x="1135" y="2334"/>
                    </a:lnTo>
                    <a:lnTo>
                      <a:pt x="1125" y="2343"/>
                    </a:lnTo>
                    <a:lnTo>
                      <a:pt x="1122" y="2351"/>
                    </a:lnTo>
                    <a:lnTo>
                      <a:pt x="1118" y="2357"/>
                    </a:lnTo>
                    <a:lnTo>
                      <a:pt x="1113" y="2365"/>
                    </a:lnTo>
                    <a:lnTo>
                      <a:pt x="1108" y="2371"/>
                    </a:lnTo>
                    <a:lnTo>
                      <a:pt x="1101" y="2375"/>
                    </a:lnTo>
                    <a:lnTo>
                      <a:pt x="1093" y="2377"/>
                    </a:lnTo>
                    <a:lnTo>
                      <a:pt x="1091" y="2377"/>
                    </a:lnTo>
                    <a:lnTo>
                      <a:pt x="1087" y="2375"/>
                    </a:lnTo>
                    <a:lnTo>
                      <a:pt x="1084" y="2373"/>
                    </a:lnTo>
                    <a:lnTo>
                      <a:pt x="1080" y="2369"/>
                    </a:lnTo>
                    <a:lnTo>
                      <a:pt x="1078" y="2364"/>
                    </a:lnTo>
                    <a:lnTo>
                      <a:pt x="1075" y="2361"/>
                    </a:lnTo>
                    <a:lnTo>
                      <a:pt x="1071" y="2360"/>
                    </a:lnTo>
                    <a:lnTo>
                      <a:pt x="1069" y="2360"/>
                    </a:lnTo>
                    <a:lnTo>
                      <a:pt x="1065" y="2362"/>
                    </a:lnTo>
                    <a:lnTo>
                      <a:pt x="1061" y="2368"/>
                    </a:lnTo>
                    <a:lnTo>
                      <a:pt x="1055" y="2382"/>
                    </a:lnTo>
                    <a:lnTo>
                      <a:pt x="1049" y="2392"/>
                    </a:lnTo>
                    <a:lnTo>
                      <a:pt x="1046" y="2396"/>
                    </a:lnTo>
                    <a:lnTo>
                      <a:pt x="1040" y="2399"/>
                    </a:lnTo>
                    <a:lnTo>
                      <a:pt x="1035" y="2401"/>
                    </a:lnTo>
                    <a:lnTo>
                      <a:pt x="1029" y="2403"/>
                    </a:lnTo>
                    <a:lnTo>
                      <a:pt x="1013" y="2405"/>
                    </a:lnTo>
                    <a:lnTo>
                      <a:pt x="998" y="2408"/>
                    </a:lnTo>
                    <a:lnTo>
                      <a:pt x="981" y="2410"/>
                    </a:lnTo>
                    <a:lnTo>
                      <a:pt x="966" y="2413"/>
                    </a:lnTo>
                    <a:lnTo>
                      <a:pt x="959" y="2415"/>
                    </a:lnTo>
                    <a:lnTo>
                      <a:pt x="954" y="2418"/>
                    </a:lnTo>
                    <a:lnTo>
                      <a:pt x="948" y="2422"/>
                    </a:lnTo>
                    <a:lnTo>
                      <a:pt x="943" y="2426"/>
                    </a:lnTo>
                    <a:lnTo>
                      <a:pt x="939" y="2434"/>
                    </a:lnTo>
                    <a:lnTo>
                      <a:pt x="935" y="2445"/>
                    </a:lnTo>
                    <a:lnTo>
                      <a:pt x="933" y="2460"/>
                    </a:lnTo>
                    <a:lnTo>
                      <a:pt x="932" y="2474"/>
                    </a:lnTo>
                    <a:lnTo>
                      <a:pt x="928" y="2505"/>
                    </a:lnTo>
                    <a:lnTo>
                      <a:pt x="922" y="2529"/>
                    </a:lnTo>
                    <a:lnTo>
                      <a:pt x="919" y="2545"/>
                    </a:lnTo>
                    <a:lnTo>
                      <a:pt x="913" y="2558"/>
                    </a:lnTo>
                    <a:lnTo>
                      <a:pt x="908" y="2568"/>
                    </a:lnTo>
                    <a:lnTo>
                      <a:pt x="903" y="2577"/>
                    </a:lnTo>
                    <a:lnTo>
                      <a:pt x="890" y="2594"/>
                    </a:lnTo>
                    <a:lnTo>
                      <a:pt x="871" y="2615"/>
                    </a:lnTo>
                    <a:lnTo>
                      <a:pt x="862" y="2627"/>
                    </a:lnTo>
                    <a:lnTo>
                      <a:pt x="854" y="2640"/>
                    </a:lnTo>
                    <a:lnTo>
                      <a:pt x="845" y="2655"/>
                    </a:lnTo>
                    <a:lnTo>
                      <a:pt x="837" y="2671"/>
                    </a:lnTo>
                    <a:lnTo>
                      <a:pt x="829" y="2688"/>
                    </a:lnTo>
                    <a:lnTo>
                      <a:pt x="820" y="2703"/>
                    </a:lnTo>
                    <a:lnTo>
                      <a:pt x="811" y="2719"/>
                    </a:lnTo>
                    <a:lnTo>
                      <a:pt x="802" y="2733"/>
                    </a:lnTo>
                    <a:lnTo>
                      <a:pt x="795" y="2741"/>
                    </a:lnTo>
                    <a:lnTo>
                      <a:pt x="792" y="2745"/>
                    </a:lnTo>
                    <a:lnTo>
                      <a:pt x="786" y="2747"/>
                    </a:lnTo>
                    <a:lnTo>
                      <a:pt x="783" y="2748"/>
                    </a:lnTo>
                    <a:lnTo>
                      <a:pt x="775" y="2748"/>
                    </a:lnTo>
                    <a:lnTo>
                      <a:pt x="760" y="2751"/>
                    </a:lnTo>
                    <a:lnTo>
                      <a:pt x="751" y="2761"/>
                    </a:lnTo>
                    <a:lnTo>
                      <a:pt x="738" y="2785"/>
                    </a:lnTo>
                    <a:lnTo>
                      <a:pt x="726" y="2809"/>
                    </a:lnTo>
                    <a:lnTo>
                      <a:pt x="718" y="2825"/>
                    </a:lnTo>
                    <a:lnTo>
                      <a:pt x="714" y="2831"/>
                    </a:lnTo>
                    <a:lnTo>
                      <a:pt x="710" y="2839"/>
                    </a:lnTo>
                    <a:lnTo>
                      <a:pt x="706" y="2844"/>
                    </a:lnTo>
                    <a:lnTo>
                      <a:pt x="701" y="2849"/>
                    </a:lnTo>
                    <a:lnTo>
                      <a:pt x="689" y="2859"/>
                    </a:lnTo>
                    <a:lnTo>
                      <a:pt x="678" y="2866"/>
                    </a:lnTo>
                    <a:lnTo>
                      <a:pt x="665" y="2874"/>
                    </a:lnTo>
                    <a:lnTo>
                      <a:pt x="653" y="2882"/>
                    </a:lnTo>
                    <a:lnTo>
                      <a:pt x="640" y="2891"/>
                    </a:lnTo>
                    <a:lnTo>
                      <a:pt x="630" y="2903"/>
                    </a:lnTo>
                    <a:lnTo>
                      <a:pt x="617" y="2917"/>
                    </a:lnTo>
                    <a:lnTo>
                      <a:pt x="604" y="2930"/>
                    </a:lnTo>
                    <a:lnTo>
                      <a:pt x="599" y="2938"/>
                    </a:lnTo>
                    <a:lnTo>
                      <a:pt x="595" y="2945"/>
                    </a:lnTo>
                    <a:lnTo>
                      <a:pt x="591" y="2953"/>
                    </a:lnTo>
                    <a:lnTo>
                      <a:pt x="589" y="2962"/>
                    </a:lnTo>
                    <a:lnTo>
                      <a:pt x="588" y="2976"/>
                    </a:lnTo>
                    <a:lnTo>
                      <a:pt x="586" y="2988"/>
                    </a:lnTo>
                    <a:lnTo>
                      <a:pt x="583" y="3001"/>
                    </a:lnTo>
                    <a:lnTo>
                      <a:pt x="580" y="3011"/>
                    </a:lnTo>
                    <a:lnTo>
                      <a:pt x="575" y="3022"/>
                    </a:lnTo>
                    <a:lnTo>
                      <a:pt x="569" y="3032"/>
                    </a:lnTo>
                    <a:lnTo>
                      <a:pt x="560" y="3041"/>
                    </a:lnTo>
                    <a:lnTo>
                      <a:pt x="548" y="3049"/>
                    </a:lnTo>
                    <a:lnTo>
                      <a:pt x="540" y="3059"/>
                    </a:lnTo>
                    <a:lnTo>
                      <a:pt x="534" y="3068"/>
                    </a:lnTo>
                    <a:lnTo>
                      <a:pt x="530" y="3076"/>
                    </a:lnTo>
                    <a:lnTo>
                      <a:pt x="527" y="3084"/>
                    </a:lnTo>
                    <a:lnTo>
                      <a:pt x="526" y="3090"/>
                    </a:lnTo>
                    <a:lnTo>
                      <a:pt x="526" y="3098"/>
                    </a:lnTo>
                    <a:lnTo>
                      <a:pt x="526" y="3105"/>
                    </a:lnTo>
                    <a:lnTo>
                      <a:pt x="529" y="3110"/>
                    </a:lnTo>
                    <a:lnTo>
                      <a:pt x="532" y="3123"/>
                    </a:lnTo>
                    <a:lnTo>
                      <a:pt x="535" y="3137"/>
                    </a:lnTo>
                    <a:lnTo>
                      <a:pt x="536" y="3146"/>
                    </a:lnTo>
                    <a:lnTo>
                      <a:pt x="536" y="3154"/>
                    </a:lnTo>
                    <a:lnTo>
                      <a:pt x="535" y="3164"/>
                    </a:lnTo>
                    <a:lnTo>
                      <a:pt x="532" y="3175"/>
                    </a:lnTo>
                    <a:lnTo>
                      <a:pt x="527" y="3189"/>
                    </a:lnTo>
                    <a:lnTo>
                      <a:pt x="522" y="3199"/>
                    </a:lnTo>
                    <a:lnTo>
                      <a:pt x="517" y="3208"/>
                    </a:lnTo>
                    <a:lnTo>
                      <a:pt x="512" y="3213"/>
                    </a:lnTo>
                    <a:lnTo>
                      <a:pt x="507" y="3216"/>
                    </a:lnTo>
                    <a:lnTo>
                      <a:pt x="501" y="3216"/>
                    </a:lnTo>
                    <a:lnTo>
                      <a:pt x="495" y="3216"/>
                    </a:lnTo>
                    <a:lnTo>
                      <a:pt x="490" y="3212"/>
                    </a:lnTo>
                    <a:lnTo>
                      <a:pt x="485" y="3208"/>
                    </a:lnTo>
                    <a:lnTo>
                      <a:pt x="479" y="3202"/>
                    </a:lnTo>
                    <a:lnTo>
                      <a:pt x="474" y="3195"/>
                    </a:lnTo>
                    <a:lnTo>
                      <a:pt x="469" y="3188"/>
                    </a:lnTo>
                    <a:lnTo>
                      <a:pt x="461" y="3171"/>
                    </a:lnTo>
                    <a:lnTo>
                      <a:pt x="455" y="3154"/>
                    </a:lnTo>
                    <a:lnTo>
                      <a:pt x="443" y="3163"/>
                    </a:lnTo>
                    <a:lnTo>
                      <a:pt x="429" y="3175"/>
                    </a:lnTo>
                    <a:lnTo>
                      <a:pt x="407" y="3177"/>
                    </a:lnTo>
                    <a:lnTo>
                      <a:pt x="382" y="3178"/>
                    </a:lnTo>
                    <a:lnTo>
                      <a:pt x="376" y="3180"/>
                    </a:lnTo>
                    <a:lnTo>
                      <a:pt x="371" y="3181"/>
                    </a:lnTo>
                    <a:lnTo>
                      <a:pt x="367" y="3182"/>
                    </a:lnTo>
                    <a:lnTo>
                      <a:pt x="363" y="3185"/>
                    </a:lnTo>
                    <a:lnTo>
                      <a:pt x="360" y="3189"/>
                    </a:lnTo>
                    <a:lnTo>
                      <a:pt x="358" y="3193"/>
                    </a:lnTo>
                    <a:lnTo>
                      <a:pt x="358" y="3198"/>
                    </a:lnTo>
                    <a:lnTo>
                      <a:pt x="358" y="3204"/>
                    </a:lnTo>
                    <a:lnTo>
                      <a:pt x="363" y="3233"/>
                    </a:lnTo>
                    <a:lnTo>
                      <a:pt x="365" y="3255"/>
                    </a:lnTo>
                    <a:lnTo>
                      <a:pt x="367" y="3265"/>
                    </a:lnTo>
                    <a:lnTo>
                      <a:pt x="367" y="3273"/>
                    </a:lnTo>
                    <a:lnTo>
                      <a:pt x="367" y="3282"/>
                    </a:lnTo>
                    <a:lnTo>
                      <a:pt x="365" y="3290"/>
                    </a:lnTo>
                    <a:lnTo>
                      <a:pt x="363" y="3298"/>
                    </a:lnTo>
                    <a:lnTo>
                      <a:pt x="360" y="3305"/>
                    </a:lnTo>
                    <a:lnTo>
                      <a:pt x="356" y="3312"/>
                    </a:lnTo>
                    <a:lnTo>
                      <a:pt x="351" y="3321"/>
                    </a:lnTo>
                    <a:lnTo>
                      <a:pt x="339" y="3338"/>
                    </a:lnTo>
                    <a:lnTo>
                      <a:pt x="324" y="3360"/>
                    </a:lnTo>
                    <a:lnTo>
                      <a:pt x="315" y="3371"/>
                    </a:lnTo>
                    <a:lnTo>
                      <a:pt x="308" y="3382"/>
                    </a:lnTo>
                    <a:lnTo>
                      <a:pt x="303" y="3394"/>
                    </a:lnTo>
                    <a:lnTo>
                      <a:pt x="299" y="3404"/>
                    </a:lnTo>
                    <a:lnTo>
                      <a:pt x="297" y="3416"/>
                    </a:lnTo>
                    <a:lnTo>
                      <a:pt x="297" y="3427"/>
                    </a:lnTo>
                    <a:lnTo>
                      <a:pt x="299" y="3440"/>
                    </a:lnTo>
                    <a:lnTo>
                      <a:pt x="304" y="3453"/>
                    </a:lnTo>
                    <a:lnTo>
                      <a:pt x="306" y="3460"/>
                    </a:lnTo>
                    <a:lnTo>
                      <a:pt x="307" y="3467"/>
                    </a:lnTo>
                    <a:lnTo>
                      <a:pt x="307" y="3478"/>
                    </a:lnTo>
                    <a:lnTo>
                      <a:pt x="307" y="3489"/>
                    </a:lnTo>
                    <a:lnTo>
                      <a:pt x="304" y="3517"/>
                    </a:lnTo>
                    <a:lnTo>
                      <a:pt x="302" y="3545"/>
                    </a:lnTo>
                    <a:lnTo>
                      <a:pt x="302" y="3559"/>
                    </a:lnTo>
                    <a:lnTo>
                      <a:pt x="302" y="3572"/>
                    </a:lnTo>
                    <a:lnTo>
                      <a:pt x="302" y="3584"/>
                    </a:lnTo>
                    <a:lnTo>
                      <a:pt x="303" y="3593"/>
                    </a:lnTo>
                    <a:lnTo>
                      <a:pt x="306" y="3601"/>
                    </a:lnTo>
                    <a:lnTo>
                      <a:pt x="308" y="3607"/>
                    </a:lnTo>
                    <a:lnTo>
                      <a:pt x="311" y="3609"/>
                    </a:lnTo>
                    <a:lnTo>
                      <a:pt x="314" y="3610"/>
                    </a:lnTo>
                    <a:lnTo>
                      <a:pt x="316" y="3610"/>
                    </a:lnTo>
                    <a:lnTo>
                      <a:pt x="320" y="3609"/>
                    </a:lnTo>
                    <a:lnTo>
                      <a:pt x="329" y="3606"/>
                    </a:lnTo>
                    <a:lnTo>
                      <a:pt x="336" y="3606"/>
                    </a:lnTo>
                    <a:lnTo>
                      <a:pt x="338" y="3607"/>
                    </a:lnTo>
                    <a:lnTo>
                      <a:pt x="341" y="3609"/>
                    </a:lnTo>
                    <a:lnTo>
                      <a:pt x="342" y="3611"/>
                    </a:lnTo>
                    <a:lnTo>
                      <a:pt x="343" y="3614"/>
                    </a:lnTo>
                    <a:lnTo>
                      <a:pt x="345" y="3620"/>
                    </a:lnTo>
                    <a:lnTo>
                      <a:pt x="343" y="3629"/>
                    </a:lnTo>
                    <a:lnTo>
                      <a:pt x="342" y="3638"/>
                    </a:lnTo>
                    <a:lnTo>
                      <a:pt x="339" y="3649"/>
                    </a:lnTo>
                    <a:lnTo>
                      <a:pt x="333" y="3673"/>
                    </a:lnTo>
                    <a:lnTo>
                      <a:pt x="327" y="3697"/>
                    </a:lnTo>
                    <a:lnTo>
                      <a:pt x="324" y="3708"/>
                    </a:lnTo>
                    <a:lnTo>
                      <a:pt x="323" y="3719"/>
                    </a:lnTo>
                    <a:lnTo>
                      <a:pt x="321" y="3729"/>
                    </a:lnTo>
                    <a:lnTo>
                      <a:pt x="323" y="3737"/>
                    </a:lnTo>
                    <a:lnTo>
                      <a:pt x="323" y="3742"/>
                    </a:lnTo>
                    <a:lnTo>
                      <a:pt x="321" y="3756"/>
                    </a:lnTo>
                    <a:lnTo>
                      <a:pt x="323" y="3772"/>
                    </a:lnTo>
                    <a:lnTo>
                      <a:pt x="325" y="3783"/>
                    </a:lnTo>
                    <a:lnTo>
                      <a:pt x="329" y="3790"/>
                    </a:lnTo>
                    <a:lnTo>
                      <a:pt x="333" y="3796"/>
                    </a:lnTo>
                    <a:lnTo>
                      <a:pt x="337" y="3800"/>
                    </a:lnTo>
                    <a:lnTo>
                      <a:pt x="341" y="3803"/>
                    </a:lnTo>
                    <a:lnTo>
                      <a:pt x="347" y="3807"/>
                    </a:lnTo>
                    <a:lnTo>
                      <a:pt x="354" y="3809"/>
                    </a:lnTo>
                    <a:lnTo>
                      <a:pt x="356" y="3811"/>
                    </a:lnTo>
                    <a:lnTo>
                      <a:pt x="359" y="3813"/>
                    </a:lnTo>
                    <a:lnTo>
                      <a:pt x="360" y="3816"/>
                    </a:lnTo>
                    <a:lnTo>
                      <a:pt x="363" y="3820"/>
                    </a:lnTo>
                    <a:lnTo>
                      <a:pt x="365" y="3831"/>
                    </a:lnTo>
                    <a:lnTo>
                      <a:pt x="365" y="3851"/>
                    </a:lnTo>
                    <a:lnTo>
                      <a:pt x="367" y="3861"/>
                    </a:lnTo>
                    <a:lnTo>
                      <a:pt x="371" y="3870"/>
                    </a:lnTo>
                    <a:lnTo>
                      <a:pt x="374" y="3879"/>
                    </a:lnTo>
                    <a:lnTo>
                      <a:pt x="378" y="3887"/>
                    </a:lnTo>
                    <a:lnTo>
                      <a:pt x="384" y="3895"/>
                    </a:lnTo>
                    <a:lnTo>
                      <a:pt x="387" y="3903"/>
                    </a:lnTo>
                    <a:lnTo>
                      <a:pt x="390" y="3910"/>
                    </a:lnTo>
                    <a:lnTo>
                      <a:pt x="391" y="3918"/>
                    </a:lnTo>
                    <a:lnTo>
                      <a:pt x="390" y="3923"/>
                    </a:lnTo>
                    <a:lnTo>
                      <a:pt x="387" y="3929"/>
                    </a:lnTo>
                    <a:lnTo>
                      <a:pt x="384" y="3934"/>
                    </a:lnTo>
                    <a:lnTo>
                      <a:pt x="380" y="3939"/>
                    </a:lnTo>
                    <a:lnTo>
                      <a:pt x="374" y="3945"/>
                    </a:lnTo>
                    <a:lnTo>
                      <a:pt x="371" y="3952"/>
                    </a:lnTo>
                    <a:lnTo>
                      <a:pt x="368" y="3961"/>
                    </a:lnTo>
                    <a:lnTo>
                      <a:pt x="368" y="3970"/>
                    </a:lnTo>
                    <a:lnTo>
                      <a:pt x="373" y="3995"/>
                    </a:lnTo>
                    <a:lnTo>
                      <a:pt x="382" y="4030"/>
                    </a:lnTo>
                    <a:lnTo>
                      <a:pt x="386" y="4048"/>
                    </a:lnTo>
                    <a:lnTo>
                      <a:pt x="389" y="4065"/>
                    </a:lnTo>
                    <a:lnTo>
                      <a:pt x="389" y="4071"/>
                    </a:lnTo>
                    <a:lnTo>
                      <a:pt x="387" y="4077"/>
                    </a:lnTo>
                    <a:lnTo>
                      <a:pt x="385" y="4084"/>
                    </a:lnTo>
                    <a:lnTo>
                      <a:pt x="382" y="4088"/>
                    </a:lnTo>
                    <a:lnTo>
                      <a:pt x="380" y="4089"/>
                    </a:lnTo>
                    <a:lnTo>
                      <a:pt x="376" y="4088"/>
                    </a:lnTo>
                    <a:lnTo>
                      <a:pt x="372" y="4085"/>
                    </a:lnTo>
                    <a:lnTo>
                      <a:pt x="368" y="4083"/>
                    </a:lnTo>
                    <a:lnTo>
                      <a:pt x="363" y="4080"/>
                    </a:lnTo>
                    <a:lnTo>
                      <a:pt x="358" y="4079"/>
                    </a:lnTo>
                    <a:lnTo>
                      <a:pt x="355" y="4079"/>
                    </a:lnTo>
                    <a:lnTo>
                      <a:pt x="351" y="4080"/>
                    </a:lnTo>
                    <a:lnTo>
                      <a:pt x="349" y="4083"/>
                    </a:lnTo>
                    <a:lnTo>
                      <a:pt x="346" y="4085"/>
                    </a:lnTo>
                    <a:lnTo>
                      <a:pt x="345" y="4088"/>
                    </a:lnTo>
                    <a:lnTo>
                      <a:pt x="346" y="4093"/>
                    </a:lnTo>
                    <a:lnTo>
                      <a:pt x="347" y="4101"/>
                    </a:lnTo>
                    <a:lnTo>
                      <a:pt x="349" y="4110"/>
                    </a:lnTo>
                    <a:lnTo>
                      <a:pt x="356" y="4132"/>
                    </a:lnTo>
                    <a:lnTo>
                      <a:pt x="364" y="4157"/>
                    </a:lnTo>
                    <a:lnTo>
                      <a:pt x="374" y="4181"/>
                    </a:lnTo>
                    <a:lnTo>
                      <a:pt x="385" y="4204"/>
                    </a:lnTo>
                    <a:lnTo>
                      <a:pt x="393" y="4223"/>
                    </a:lnTo>
                    <a:lnTo>
                      <a:pt x="399" y="4234"/>
                    </a:lnTo>
                    <a:lnTo>
                      <a:pt x="400" y="4237"/>
                    </a:lnTo>
                    <a:lnTo>
                      <a:pt x="402" y="4239"/>
                    </a:lnTo>
                    <a:lnTo>
                      <a:pt x="400" y="4243"/>
                    </a:lnTo>
                    <a:lnTo>
                      <a:pt x="400" y="4246"/>
                    </a:lnTo>
                    <a:lnTo>
                      <a:pt x="398" y="4252"/>
                    </a:lnTo>
                    <a:lnTo>
                      <a:pt x="394" y="4260"/>
                    </a:lnTo>
                    <a:lnTo>
                      <a:pt x="390" y="4267"/>
                    </a:lnTo>
                    <a:lnTo>
                      <a:pt x="387" y="4276"/>
                    </a:lnTo>
                    <a:lnTo>
                      <a:pt x="386" y="4280"/>
                    </a:lnTo>
                    <a:lnTo>
                      <a:pt x="387" y="4285"/>
                    </a:lnTo>
                    <a:lnTo>
                      <a:pt x="387" y="4289"/>
                    </a:lnTo>
                    <a:lnTo>
                      <a:pt x="390" y="4294"/>
                    </a:lnTo>
                    <a:lnTo>
                      <a:pt x="400" y="4318"/>
                    </a:lnTo>
                    <a:lnTo>
                      <a:pt x="409" y="4342"/>
                    </a:lnTo>
                    <a:lnTo>
                      <a:pt x="416" y="4366"/>
                    </a:lnTo>
                    <a:lnTo>
                      <a:pt x="424" y="4392"/>
                    </a:lnTo>
                    <a:lnTo>
                      <a:pt x="429" y="4399"/>
                    </a:lnTo>
                    <a:lnTo>
                      <a:pt x="433" y="4403"/>
                    </a:lnTo>
                    <a:lnTo>
                      <a:pt x="437" y="4405"/>
                    </a:lnTo>
                    <a:lnTo>
                      <a:pt x="442" y="4405"/>
                    </a:lnTo>
                    <a:lnTo>
                      <a:pt x="446" y="4404"/>
                    </a:lnTo>
                    <a:lnTo>
                      <a:pt x="450" y="4401"/>
                    </a:lnTo>
                    <a:lnTo>
                      <a:pt x="455" y="4399"/>
                    </a:lnTo>
                    <a:lnTo>
                      <a:pt x="459" y="4395"/>
                    </a:lnTo>
                    <a:lnTo>
                      <a:pt x="469" y="4386"/>
                    </a:lnTo>
                    <a:lnTo>
                      <a:pt x="479" y="4378"/>
                    </a:lnTo>
                    <a:lnTo>
                      <a:pt x="486" y="4374"/>
                    </a:lnTo>
                    <a:lnTo>
                      <a:pt x="491" y="4373"/>
                    </a:lnTo>
                    <a:lnTo>
                      <a:pt x="498" y="4370"/>
                    </a:lnTo>
                    <a:lnTo>
                      <a:pt x="504" y="4372"/>
                    </a:lnTo>
                    <a:lnTo>
                      <a:pt x="503" y="4387"/>
                    </a:lnTo>
                    <a:lnTo>
                      <a:pt x="498" y="4412"/>
                    </a:lnTo>
                    <a:lnTo>
                      <a:pt x="496" y="4423"/>
                    </a:lnTo>
                    <a:lnTo>
                      <a:pt x="498" y="4434"/>
                    </a:lnTo>
                    <a:lnTo>
                      <a:pt x="499" y="4438"/>
                    </a:lnTo>
                    <a:lnTo>
                      <a:pt x="501" y="4441"/>
                    </a:lnTo>
                    <a:lnTo>
                      <a:pt x="504" y="4443"/>
                    </a:lnTo>
                    <a:lnTo>
                      <a:pt x="508" y="4444"/>
                    </a:lnTo>
                    <a:lnTo>
                      <a:pt x="522" y="4444"/>
                    </a:lnTo>
                    <a:lnTo>
                      <a:pt x="532" y="4447"/>
                    </a:lnTo>
                    <a:lnTo>
                      <a:pt x="543" y="4451"/>
                    </a:lnTo>
                    <a:lnTo>
                      <a:pt x="551" y="4454"/>
                    </a:lnTo>
                    <a:lnTo>
                      <a:pt x="564" y="4465"/>
                    </a:lnTo>
                    <a:lnTo>
                      <a:pt x="575" y="4475"/>
                    </a:lnTo>
                    <a:lnTo>
                      <a:pt x="580" y="4480"/>
                    </a:lnTo>
                    <a:lnTo>
                      <a:pt x="587" y="4483"/>
                    </a:lnTo>
                    <a:lnTo>
                      <a:pt x="595" y="4486"/>
                    </a:lnTo>
                    <a:lnTo>
                      <a:pt x="602" y="4487"/>
                    </a:lnTo>
                    <a:lnTo>
                      <a:pt x="613" y="4486"/>
                    </a:lnTo>
                    <a:lnTo>
                      <a:pt x="626" y="4483"/>
                    </a:lnTo>
                    <a:lnTo>
                      <a:pt x="640" y="4478"/>
                    </a:lnTo>
                    <a:lnTo>
                      <a:pt x="657" y="4470"/>
                    </a:lnTo>
                    <a:lnTo>
                      <a:pt x="663" y="4467"/>
                    </a:lnTo>
                    <a:lnTo>
                      <a:pt x="672" y="4466"/>
                    </a:lnTo>
                    <a:lnTo>
                      <a:pt x="680" y="4466"/>
                    </a:lnTo>
                    <a:lnTo>
                      <a:pt x="687" y="4467"/>
                    </a:lnTo>
                    <a:lnTo>
                      <a:pt x="689" y="4469"/>
                    </a:lnTo>
                    <a:lnTo>
                      <a:pt x="692" y="4470"/>
                    </a:lnTo>
                    <a:lnTo>
                      <a:pt x="693" y="4471"/>
                    </a:lnTo>
                    <a:lnTo>
                      <a:pt x="693" y="4474"/>
                    </a:lnTo>
                    <a:lnTo>
                      <a:pt x="693" y="4476"/>
                    </a:lnTo>
                    <a:lnTo>
                      <a:pt x="692" y="4480"/>
                    </a:lnTo>
                    <a:lnTo>
                      <a:pt x="689" y="4484"/>
                    </a:lnTo>
                    <a:lnTo>
                      <a:pt x="684" y="4488"/>
                    </a:lnTo>
                    <a:lnTo>
                      <a:pt x="672" y="4496"/>
                    </a:lnTo>
                    <a:lnTo>
                      <a:pt x="659" y="4504"/>
                    </a:lnTo>
                    <a:lnTo>
                      <a:pt x="658" y="4506"/>
                    </a:lnTo>
                    <a:lnTo>
                      <a:pt x="656" y="4508"/>
                    </a:lnTo>
                    <a:lnTo>
                      <a:pt x="656" y="4510"/>
                    </a:lnTo>
                    <a:lnTo>
                      <a:pt x="656" y="4513"/>
                    </a:lnTo>
                    <a:lnTo>
                      <a:pt x="657" y="4514"/>
                    </a:lnTo>
                    <a:lnTo>
                      <a:pt x="658" y="4517"/>
                    </a:lnTo>
                    <a:lnTo>
                      <a:pt x="662" y="4519"/>
                    </a:lnTo>
                    <a:lnTo>
                      <a:pt x="667" y="4522"/>
                    </a:lnTo>
                    <a:lnTo>
                      <a:pt x="676" y="4526"/>
                    </a:lnTo>
                    <a:lnTo>
                      <a:pt x="684" y="4531"/>
                    </a:lnTo>
                    <a:lnTo>
                      <a:pt x="691" y="4536"/>
                    </a:lnTo>
                    <a:lnTo>
                      <a:pt x="694" y="4541"/>
                    </a:lnTo>
                    <a:lnTo>
                      <a:pt x="697" y="4546"/>
                    </a:lnTo>
                    <a:lnTo>
                      <a:pt x="698" y="4552"/>
                    </a:lnTo>
                    <a:lnTo>
                      <a:pt x="698" y="4557"/>
                    </a:lnTo>
                    <a:lnTo>
                      <a:pt x="697" y="4562"/>
                    </a:lnTo>
                    <a:lnTo>
                      <a:pt x="693" y="4572"/>
                    </a:lnTo>
                    <a:lnTo>
                      <a:pt x="685" y="4584"/>
                    </a:lnTo>
                    <a:lnTo>
                      <a:pt x="676" y="4596"/>
                    </a:lnTo>
                    <a:lnTo>
                      <a:pt x="666" y="4606"/>
                    </a:lnTo>
                    <a:lnTo>
                      <a:pt x="657" y="4618"/>
                    </a:lnTo>
                    <a:lnTo>
                      <a:pt x="648" y="4628"/>
                    </a:lnTo>
                    <a:lnTo>
                      <a:pt x="645" y="4633"/>
                    </a:lnTo>
                    <a:lnTo>
                      <a:pt x="643" y="4638"/>
                    </a:lnTo>
                    <a:lnTo>
                      <a:pt x="641" y="4644"/>
                    </a:lnTo>
                    <a:lnTo>
                      <a:pt x="640" y="4649"/>
                    </a:lnTo>
                    <a:lnTo>
                      <a:pt x="641" y="4654"/>
                    </a:lnTo>
                    <a:lnTo>
                      <a:pt x="643" y="4658"/>
                    </a:lnTo>
                    <a:lnTo>
                      <a:pt x="646" y="4663"/>
                    </a:lnTo>
                    <a:lnTo>
                      <a:pt x="650" y="4667"/>
                    </a:lnTo>
                    <a:lnTo>
                      <a:pt x="657" y="4671"/>
                    </a:lnTo>
                    <a:lnTo>
                      <a:pt x="666" y="4675"/>
                    </a:lnTo>
                    <a:lnTo>
                      <a:pt x="676" y="4679"/>
                    </a:lnTo>
                    <a:lnTo>
                      <a:pt x="688" y="4682"/>
                    </a:lnTo>
                    <a:lnTo>
                      <a:pt x="702" y="4686"/>
                    </a:lnTo>
                    <a:lnTo>
                      <a:pt x="713" y="4690"/>
                    </a:lnTo>
                    <a:lnTo>
                      <a:pt x="722" y="4693"/>
                    </a:lnTo>
                    <a:lnTo>
                      <a:pt x="729" y="4693"/>
                    </a:lnTo>
                    <a:lnTo>
                      <a:pt x="733" y="4692"/>
                    </a:lnTo>
                    <a:lnTo>
                      <a:pt x="736" y="4690"/>
                    </a:lnTo>
                    <a:lnTo>
                      <a:pt x="740" y="4688"/>
                    </a:lnTo>
                    <a:lnTo>
                      <a:pt x="744" y="4684"/>
                    </a:lnTo>
                    <a:lnTo>
                      <a:pt x="750" y="4673"/>
                    </a:lnTo>
                    <a:lnTo>
                      <a:pt x="760" y="4659"/>
                    </a:lnTo>
                    <a:lnTo>
                      <a:pt x="766" y="4647"/>
                    </a:lnTo>
                    <a:lnTo>
                      <a:pt x="776" y="4627"/>
                    </a:lnTo>
                    <a:lnTo>
                      <a:pt x="790" y="4600"/>
                    </a:lnTo>
                    <a:lnTo>
                      <a:pt x="805" y="4571"/>
                    </a:lnTo>
                    <a:lnTo>
                      <a:pt x="820" y="4545"/>
                    </a:lnTo>
                    <a:lnTo>
                      <a:pt x="833" y="4527"/>
                    </a:lnTo>
                    <a:lnTo>
                      <a:pt x="838" y="4522"/>
                    </a:lnTo>
                    <a:lnTo>
                      <a:pt x="842" y="4519"/>
                    </a:lnTo>
                    <a:lnTo>
                      <a:pt x="843" y="4521"/>
                    </a:lnTo>
                    <a:lnTo>
                      <a:pt x="845" y="4522"/>
                    </a:lnTo>
                    <a:lnTo>
                      <a:pt x="845" y="4526"/>
                    </a:lnTo>
                    <a:lnTo>
                      <a:pt x="845" y="4530"/>
                    </a:lnTo>
                    <a:lnTo>
                      <a:pt x="843" y="4559"/>
                    </a:lnTo>
                    <a:lnTo>
                      <a:pt x="841" y="4584"/>
                    </a:lnTo>
                    <a:lnTo>
                      <a:pt x="841" y="4596"/>
                    </a:lnTo>
                    <a:lnTo>
                      <a:pt x="845" y="4607"/>
                    </a:lnTo>
                    <a:lnTo>
                      <a:pt x="851" y="4620"/>
                    </a:lnTo>
                    <a:lnTo>
                      <a:pt x="862" y="4636"/>
                    </a:lnTo>
                    <a:lnTo>
                      <a:pt x="868" y="4645"/>
                    </a:lnTo>
                    <a:lnTo>
                      <a:pt x="871" y="4654"/>
                    </a:lnTo>
                    <a:lnTo>
                      <a:pt x="872" y="4664"/>
                    </a:lnTo>
                    <a:lnTo>
                      <a:pt x="871" y="4673"/>
                    </a:lnTo>
                    <a:lnTo>
                      <a:pt x="868" y="4682"/>
                    </a:lnTo>
                    <a:lnTo>
                      <a:pt x="864" y="4692"/>
                    </a:lnTo>
                    <a:lnTo>
                      <a:pt x="859" y="4699"/>
                    </a:lnTo>
                    <a:lnTo>
                      <a:pt x="855" y="4707"/>
                    </a:lnTo>
                    <a:lnTo>
                      <a:pt x="846" y="4719"/>
                    </a:lnTo>
                    <a:lnTo>
                      <a:pt x="842" y="4726"/>
                    </a:lnTo>
                    <a:lnTo>
                      <a:pt x="843" y="4729"/>
                    </a:lnTo>
                    <a:lnTo>
                      <a:pt x="846" y="4729"/>
                    </a:lnTo>
                    <a:lnTo>
                      <a:pt x="852" y="4726"/>
                    </a:lnTo>
                    <a:lnTo>
                      <a:pt x="860" y="4723"/>
                    </a:lnTo>
                    <a:lnTo>
                      <a:pt x="872" y="4719"/>
                    </a:lnTo>
                    <a:lnTo>
                      <a:pt x="881" y="4717"/>
                    </a:lnTo>
                    <a:lnTo>
                      <a:pt x="889" y="4716"/>
                    </a:lnTo>
                    <a:lnTo>
                      <a:pt x="894" y="4717"/>
                    </a:lnTo>
                    <a:lnTo>
                      <a:pt x="897" y="4719"/>
                    </a:lnTo>
                    <a:lnTo>
                      <a:pt x="898" y="4720"/>
                    </a:lnTo>
                    <a:lnTo>
                      <a:pt x="899" y="4723"/>
                    </a:lnTo>
                    <a:lnTo>
                      <a:pt x="899" y="4725"/>
                    </a:lnTo>
                    <a:lnTo>
                      <a:pt x="898" y="4732"/>
                    </a:lnTo>
                    <a:lnTo>
                      <a:pt x="893" y="4741"/>
                    </a:lnTo>
                    <a:lnTo>
                      <a:pt x="882" y="4752"/>
                    </a:lnTo>
                    <a:lnTo>
                      <a:pt x="869" y="4764"/>
                    </a:lnTo>
                    <a:lnTo>
                      <a:pt x="864" y="4769"/>
                    </a:lnTo>
                    <a:lnTo>
                      <a:pt x="859" y="4774"/>
                    </a:lnTo>
                    <a:lnTo>
                      <a:pt x="858" y="4778"/>
                    </a:lnTo>
                    <a:lnTo>
                      <a:pt x="858" y="4781"/>
                    </a:lnTo>
                    <a:lnTo>
                      <a:pt x="858" y="4785"/>
                    </a:lnTo>
                    <a:lnTo>
                      <a:pt x="859" y="4789"/>
                    </a:lnTo>
                    <a:lnTo>
                      <a:pt x="878" y="4787"/>
                    </a:lnTo>
                    <a:lnTo>
                      <a:pt x="894" y="4785"/>
                    </a:lnTo>
                    <a:lnTo>
                      <a:pt x="899" y="4783"/>
                    </a:lnTo>
                    <a:lnTo>
                      <a:pt x="904" y="4781"/>
                    </a:lnTo>
                    <a:lnTo>
                      <a:pt x="908" y="4777"/>
                    </a:lnTo>
                    <a:lnTo>
                      <a:pt x="912" y="4774"/>
                    </a:lnTo>
                    <a:lnTo>
                      <a:pt x="919" y="4767"/>
                    </a:lnTo>
                    <a:lnTo>
                      <a:pt x="926" y="4756"/>
                    </a:lnTo>
                    <a:lnTo>
                      <a:pt x="938" y="4745"/>
                    </a:lnTo>
                    <a:lnTo>
                      <a:pt x="954" y="4732"/>
                    </a:lnTo>
                    <a:lnTo>
                      <a:pt x="960" y="4728"/>
                    </a:lnTo>
                    <a:lnTo>
                      <a:pt x="966" y="4724"/>
                    </a:lnTo>
                    <a:lnTo>
                      <a:pt x="973" y="4721"/>
                    </a:lnTo>
                    <a:lnTo>
                      <a:pt x="979" y="4719"/>
                    </a:lnTo>
                    <a:lnTo>
                      <a:pt x="992" y="4716"/>
                    </a:lnTo>
                    <a:lnTo>
                      <a:pt x="1005" y="4714"/>
                    </a:lnTo>
                    <a:lnTo>
                      <a:pt x="1020" y="4712"/>
                    </a:lnTo>
                    <a:lnTo>
                      <a:pt x="1031" y="4710"/>
                    </a:lnTo>
                    <a:lnTo>
                      <a:pt x="1044" y="4706"/>
                    </a:lnTo>
                    <a:lnTo>
                      <a:pt x="1056" y="4701"/>
                    </a:lnTo>
                    <a:lnTo>
                      <a:pt x="1074" y="4689"/>
                    </a:lnTo>
                    <a:lnTo>
                      <a:pt x="1092" y="4681"/>
                    </a:lnTo>
                    <a:lnTo>
                      <a:pt x="1110" y="4673"/>
                    </a:lnTo>
                    <a:lnTo>
                      <a:pt x="1128" y="4667"/>
                    </a:lnTo>
                    <a:lnTo>
                      <a:pt x="1144" y="4660"/>
                    </a:lnTo>
                    <a:lnTo>
                      <a:pt x="1158" y="4653"/>
                    </a:lnTo>
                    <a:lnTo>
                      <a:pt x="1165" y="4649"/>
                    </a:lnTo>
                    <a:lnTo>
                      <a:pt x="1171" y="4644"/>
                    </a:lnTo>
                    <a:lnTo>
                      <a:pt x="1176" y="4637"/>
                    </a:lnTo>
                    <a:lnTo>
                      <a:pt x="1182" y="4631"/>
                    </a:lnTo>
                    <a:lnTo>
                      <a:pt x="1187" y="4627"/>
                    </a:lnTo>
                    <a:lnTo>
                      <a:pt x="1193" y="4622"/>
                    </a:lnTo>
                    <a:lnTo>
                      <a:pt x="1202" y="4616"/>
                    </a:lnTo>
                    <a:lnTo>
                      <a:pt x="1211" y="4611"/>
                    </a:lnTo>
                    <a:lnTo>
                      <a:pt x="1235" y="4602"/>
                    </a:lnTo>
                    <a:lnTo>
                      <a:pt x="1261" y="4593"/>
                    </a:lnTo>
                    <a:lnTo>
                      <a:pt x="1314" y="4576"/>
                    </a:lnTo>
                    <a:lnTo>
                      <a:pt x="1354" y="4562"/>
                    </a:lnTo>
                    <a:lnTo>
                      <a:pt x="1369" y="4557"/>
                    </a:lnTo>
                    <a:lnTo>
                      <a:pt x="1384" y="4550"/>
                    </a:lnTo>
                    <a:lnTo>
                      <a:pt x="1397" y="4543"/>
                    </a:lnTo>
                    <a:lnTo>
                      <a:pt x="1410" y="4533"/>
                    </a:lnTo>
                    <a:lnTo>
                      <a:pt x="1432" y="4514"/>
                    </a:lnTo>
                    <a:lnTo>
                      <a:pt x="1456" y="4493"/>
                    </a:lnTo>
                    <a:lnTo>
                      <a:pt x="1461" y="4489"/>
                    </a:lnTo>
                    <a:lnTo>
                      <a:pt x="1465" y="4484"/>
                    </a:lnTo>
                    <a:lnTo>
                      <a:pt x="1469" y="4480"/>
                    </a:lnTo>
                    <a:lnTo>
                      <a:pt x="1472" y="4475"/>
                    </a:lnTo>
                    <a:lnTo>
                      <a:pt x="1476" y="4465"/>
                    </a:lnTo>
                    <a:lnTo>
                      <a:pt x="1477" y="4454"/>
                    </a:lnTo>
                    <a:lnTo>
                      <a:pt x="1478" y="4444"/>
                    </a:lnTo>
                    <a:lnTo>
                      <a:pt x="1481" y="4434"/>
                    </a:lnTo>
                    <a:lnTo>
                      <a:pt x="1483" y="4423"/>
                    </a:lnTo>
                    <a:lnTo>
                      <a:pt x="1487" y="4413"/>
                    </a:lnTo>
                    <a:lnTo>
                      <a:pt x="1499" y="4418"/>
                    </a:lnTo>
                    <a:lnTo>
                      <a:pt x="1516" y="4430"/>
                    </a:lnTo>
                    <a:lnTo>
                      <a:pt x="1526" y="4436"/>
                    </a:lnTo>
                    <a:lnTo>
                      <a:pt x="1537" y="4441"/>
                    </a:lnTo>
                    <a:lnTo>
                      <a:pt x="1547" y="4445"/>
                    </a:lnTo>
                    <a:lnTo>
                      <a:pt x="1559" y="4447"/>
                    </a:lnTo>
                    <a:lnTo>
                      <a:pt x="1570" y="4447"/>
                    </a:lnTo>
                    <a:lnTo>
                      <a:pt x="1581" y="4447"/>
                    </a:lnTo>
                    <a:lnTo>
                      <a:pt x="1591" y="4444"/>
                    </a:lnTo>
                    <a:lnTo>
                      <a:pt x="1601" y="4443"/>
                    </a:lnTo>
                    <a:lnTo>
                      <a:pt x="1622" y="4436"/>
                    </a:lnTo>
                    <a:lnTo>
                      <a:pt x="1641" y="4430"/>
                    </a:lnTo>
                    <a:lnTo>
                      <a:pt x="1661" y="4422"/>
                    </a:lnTo>
                    <a:lnTo>
                      <a:pt x="1680" y="4416"/>
                    </a:lnTo>
                    <a:lnTo>
                      <a:pt x="1700" y="4409"/>
                    </a:lnTo>
                    <a:lnTo>
                      <a:pt x="1720" y="4404"/>
                    </a:lnTo>
                    <a:lnTo>
                      <a:pt x="1752" y="4400"/>
                    </a:lnTo>
                    <a:lnTo>
                      <a:pt x="1784" y="4399"/>
                    </a:lnTo>
                    <a:lnTo>
                      <a:pt x="1799" y="4396"/>
                    </a:lnTo>
                    <a:lnTo>
                      <a:pt x="1815" y="4392"/>
                    </a:lnTo>
                    <a:lnTo>
                      <a:pt x="1823" y="4390"/>
                    </a:lnTo>
                    <a:lnTo>
                      <a:pt x="1831" y="4387"/>
                    </a:lnTo>
                    <a:lnTo>
                      <a:pt x="1837" y="4383"/>
                    </a:lnTo>
                    <a:lnTo>
                      <a:pt x="1844" y="4379"/>
                    </a:lnTo>
                    <a:lnTo>
                      <a:pt x="1846" y="4364"/>
                    </a:lnTo>
                    <a:lnTo>
                      <a:pt x="1850" y="4352"/>
                    </a:lnTo>
                    <a:lnTo>
                      <a:pt x="1851" y="4348"/>
                    </a:lnTo>
                    <a:lnTo>
                      <a:pt x="1854" y="4346"/>
                    </a:lnTo>
                    <a:lnTo>
                      <a:pt x="1856" y="4343"/>
                    </a:lnTo>
                    <a:lnTo>
                      <a:pt x="1859" y="4342"/>
                    </a:lnTo>
                    <a:lnTo>
                      <a:pt x="1856" y="4334"/>
                    </a:lnTo>
                    <a:lnTo>
                      <a:pt x="1855" y="4324"/>
                    </a:lnTo>
                    <a:lnTo>
                      <a:pt x="1854" y="4315"/>
                    </a:lnTo>
                    <a:lnTo>
                      <a:pt x="1854" y="4304"/>
                    </a:lnTo>
                    <a:lnTo>
                      <a:pt x="1855" y="4293"/>
                    </a:lnTo>
                    <a:lnTo>
                      <a:pt x="1856" y="4281"/>
                    </a:lnTo>
                    <a:lnTo>
                      <a:pt x="1859" y="4269"/>
                    </a:lnTo>
                    <a:lnTo>
                      <a:pt x="1862" y="4256"/>
                    </a:lnTo>
                    <a:lnTo>
                      <a:pt x="1871" y="4230"/>
                    </a:lnTo>
                    <a:lnTo>
                      <a:pt x="1881" y="4203"/>
                    </a:lnTo>
                    <a:lnTo>
                      <a:pt x="1893" y="4175"/>
                    </a:lnTo>
                    <a:lnTo>
                      <a:pt x="1907" y="4147"/>
                    </a:lnTo>
                    <a:lnTo>
                      <a:pt x="1921" y="4120"/>
                    </a:lnTo>
                    <a:lnTo>
                      <a:pt x="1937" y="4093"/>
                    </a:lnTo>
                    <a:lnTo>
                      <a:pt x="1952" y="4067"/>
                    </a:lnTo>
                    <a:lnTo>
                      <a:pt x="1967" y="4044"/>
                    </a:lnTo>
                    <a:lnTo>
                      <a:pt x="1995" y="4002"/>
                    </a:lnTo>
                    <a:lnTo>
                      <a:pt x="2018" y="3973"/>
                    </a:lnTo>
                    <a:lnTo>
                      <a:pt x="2031" y="3956"/>
                    </a:lnTo>
                    <a:lnTo>
                      <a:pt x="2046" y="3938"/>
                    </a:lnTo>
                    <a:lnTo>
                      <a:pt x="2057" y="3921"/>
                    </a:lnTo>
                    <a:lnTo>
                      <a:pt x="2070" y="3903"/>
                    </a:lnTo>
                    <a:lnTo>
                      <a:pt x="2095" y="3866"/>
                    </a:lnTo>
                    <a:lnTo>
                      <a:pt x="2121" y="3833"/>
                    </a:lnTo>
                    <a:lnTo>
                      <a:pt x="2131" y="3812"/>
                    </a:lnTo>
                    <a:lnTo>
                      <a:pt x="2144" y="3792"/>
                    </a:lnTo>
                    <a:lnTo>
                      <a:pt x="2157" y="3774"/>
                    </a:lnTo>
                    <a:lnTo>
                      <a:pt x="2170" y="3755"/>
                    </a:lnTo>
                    <a:lnTo>
                      <a:pt x="2199" y="3717"/>
                    </a:lnTo>
                    <a:lnTo>
                      <a:pt x="2228" y="3681"/>
                    </a:lnTo>
                    <a:lnTo>
                      <a:pt x="2259" y="3645"/>
                    </a:lnTo>
                    <a:lnTo>
                      <a:pt x="2289" y="3609"/>
                    </a:lnTo>
                    <a:lnTo>
                      <a:pt x="2318" y="3571"/>
                    </a:lnTo>
                    <a:lnTo>
                      <a:pt x="2345" y="3533"/>
                    </a:lnTo>
                    <a:lnTo>
                      <a:pt x="2357" y="3517"/>
                    </a:lnTo>
                    <a:lnTo>
                      <a:pt x="2367" y="3498"/>
                    </a:lnTo>
                    <a:lnTo>
                      <a:pt x="2376" y="3480"/>
                    </a:lnTo>
                    <a:lnTo>
                      <a:pt x="2385" y="3461"/>
                    </a:lnTo>
                    <a:lnTo>
                      <a:pt x="2403" y="3423"/>
                    </a:lnTo>
                    <a:lnTo>
                      <a:pt x="2420" y="3386"/>
                    </a:lnTo>
                    <a:lnTo>
                      <a:pt x="2437" y="3348"/>
                    </a:lnTo>
                    <a:lnTo>
                      <a:pt x="2454" y="3311"/>
                    </a:lnTo>
                    <a:lnTo>
                      <a:pt x="2463" y="3292"/>
                    </a:lnTo>
                    <a:lnTo>
                      <a:pt x="2472" y="3274"/>
                    </a:lnTo>
                    <a:lnTo>
                      <a:pt x="2482" y="3257"/>
                    </a:lnTo>
                    <a:lnTo>
                      <a:pt x="2494" y="3239"/>
                    </a:lnTo>
                    <a:lnTo>
                      <a:pt x="2503" y="3215"/>
                    </a:lnTo>
                    <a:lnTo>
                      <a:pt x="2511" y="3193"/>
                    </a:lnTo>
                    <a:lnTo>
                      <a:pt x="2515" y="3173"/>
                    </a:lnTo>
                    <a:lnTo>
                      <a:pt x="2517" y="3155"/>
                    </a:lnTo>
                    <a:lnTo>
                      <a:pt x="2516" y="3138"/>
                    </a:lnTo>
                    <a:lnTo>
                      <a:pt x="2513" y="3124"/>
                    </a:lnTo>
                    <a:lnTo>
                      <a:pt x="2509" y="3110"/>
                    </a:lnTo>
                    <a:lnTo>
                      <a:pt x="2503" y="3097"/>
                    </a:lnTo>
                    <a:lnTo>
                      <a:pt x="2495" y="3084"/>
                    </a:lnTo>
                    <a:lnTo>
                      <a:pt x="2486" y="3072"/>
                    </a:lnTo>
                    <a:lnTo>
                      <a:pt x="2476" y="3059"/>
                    </a:lnTo>
                    <a:lnTo>
                      <a:pt x="2464" y="3046"/>
                    </a:lnTo>
                    <a:lnTo>
                      <a:pt x="2438" y="3018"/>
                    </a:lnTo>
                    <a:lnTo>
                      <a:pt x="2411" y="2984"/>
                    </a:lnTo>
                    <a:lnTo>
                      <a:pt x="2353" y="2908"/>
                    </a:lnTo>
                    <a:lnTo>
                      <a:pt x="2347" y="2903"/>
                    </a:lnTo>
                    <a:lnTo>
                      <a:pt x="2342" y="2897"/>
                    </a:lnTo>
                    <a:lnTo>
                      <a:pt x="2337" y="2895"/>
                    </a:lnTo>
                    <a:lnTo>
                      <a:pt x="2331" y="2891"/>
                    </a:lnTo>
                    <a:lnTo>
                      <a:pt x="2316" y="2886"/>
                    </a:lnTo>
                    <a:lnTo>
                      <a:pt x="2302" y="2882"/>
                    </a:lnTo>
                    <a:lnTo>
                      <a:pt x="2288" y="2878"/>
                    </a:lnTo>
                    <a:lnTo>
                      <a:pt x="2275" y="2873"/>
                    </a:lnTo>
                    <a:lnTo>
                      <a:pt x="2268" y="2870"/>
                    </a:lnTo>
                    <a:lnTo>
                      <a:pt x="2263" y="2866"/>
                    </a:lnTo>
                    <a:lnTo>
                      <a:pt x="2258" y="2862"/>
                    </a:lnTo>
                    <a:lnTo>
                      <a:pt x="2254" y="2859"/>
                    </a:lnTo>
                    <a:lnTo>
                      <a:pt x="2245" y="2844"/>
                    </a:lnTo>
                    <a:lnTo>
                      <a:pt x="2236" y="2829"/>
                    </a:lnTo>
                    <a:lnTo>
                      <a:pt x="2227" y="2814"/>
                    </a:lnTo>
                    <a:lnTo>
                      <a:pt x="2218" y="2802"/>
                    </a:lnTo>
                    <a:lnTo>
                      <a:pt x="2188" y="2769"/>
                    </a:lnTo>
                    <a:lnTo>
                      <a:pt x="2164" y="2741"/>
                    </a:lnTo>
                    <a:lnTo>
                      <a:pt x="2160" y="2734"/>
                    </a:lnTo>
                    <a:lnTo>
                      <a:pt x="2157" y="2726"/>
                    </a:lnTo>
                    <a:lnTo>
                      <a:pt x="2154" y="2717"/>
                    </a:lnTo>
                    <a:lnTo>
                      <a:pt x="2154" y="2708"/>
                    </a:lnTo>
                    <a:lnTo>
                      <a:pt x="2154" y="2698"/>
                    </a:lnTo>
                    <a:lnTo>
                      <a:pt x="2157" y="2686"/>
                    </a:lnTo>
                    <a:lnTo>
                      <a:pt x="2160" y="2675"/>
                    </a:lnTo>
                    <a:lnTo>
                      <a:pt x="2165" y="2660"/>
                    </a:lnTo>
                    <a:lnTo>
                      <a:pt x="2169" y="2638"/>
                    </a:lnTo>
                    <a:lnTo>
                      <a:pt x="2173" y="2615"/>
                    </a:lnTo>
                    <a:lnTo>
                      <a:pt x="2175" y="2592"/>
                    </a:lnTo>
                    <a:lnTo>
                      <a:pt x="2176" y="2567"/>
                    </a:lnTo>
                    <a:lnTo>
                      <a:pt x="2175" y="2542"/>
                    </a:lnTo>
                    <a:lnTo>
                      <a:pt x="2174" y="2519"/>
                    </a:lnTo>
                    <a:lnTo>
                      <a:pt x="2171" y="2507"/>
                    </a:lnTo>
                    <a:lnTo>
                      <a:pt x="2169" y="2497"/>
                    </a:lnTo>
                    <a:lnTo>
                      <a:pt x="2166" y="2487"/>
                    </a:lnTo>
                    <a:lnTo>
                      <a:pt x="2162" y="2476"/>
                    </a:lnTo>
                    <a:lnTo>
                      <a:pt x="2153" y="2458"/>
                    </a:lnTo>
                    <a:lnTo>
                      <a:pt x="2143" y="2441"/>
                    </a:lnTo>
                    <a:lnTo>
                      <a:pt x="2131" y="2425"/>
                    </a:lnTo>
                    <a:lnTo>
                      <a:pt x="2121" y="2409"/>
                    </a:lnTo>
                    <a:lnTo>
                      <a:pt x="2112" y="2392"/>
                    </a:lnTo>
                    <a:lnTo>
                      <a:pt x="2104" y="2374"/>
                    </a:lnTo>
                    <a:lnTo>
                      <a:pt x="2100" y="2365"/>
                    </a:lnTo>
                    <a:lnTo>
                      <a:pt x="2097" y="2356"/>
                    </a:lnTo>
                    <a:lnTo>
                      <a:pt x="2096" y="2346"/>
                    </a:lnTo>
                    <a:lnTo>
                      <a:pt x="2096" y="2334"/>
                    </a:lnTo>
                    <a:lnTo>
                      <a:pt x="2094" y="2300"/>
                    </a:lnTo>
                    <a:lnTo>
                      <a:pt x="2092" y="2292"/>
                    </a:lnTo>
                    <a:lnTo>
                      <a:pt x="2090" y="2286"/>
                    </a:lnTo>
                    <a:lnTo>
                      <a:pt x="2087" y="2279"/>
                    </a:lnTo>
                    <a:lnTo>
                      <a:pt x="2082" y="2273"/>
                    </a:lnTo>
                    <a:lnTo>
                      <a:pt x="2072" y="2261"/>
                    </a:lnTo>
                    <a:lnTo>
                      <a:pt x="2060" y="2251"/>
                    </a:lnTo>
                    <a:lnTo>
                      <a:pt x="2047" y="2241"/>
                    </a:lnTo>
                    <a:lnTo>
                      <a:pt x="2035" y="2229"/>
                    </a:lnTo>
                    <a:lnTo>
                      <a:pt x="2029" y="2224"/>
                    </a:lnTo>
                    <a:lnTo>
                      <a:pt x="2024" y="2217"/>
                    </a:lnTo>
                    <a:lnTo>
                      <a:pt x="2020" y="2212"/>
                    </a:lnTo>
                    <a:lnTo>
                      <a:pt x="2016" y="2206"/>
                    </a:lnTo>
                    <a:lnTo>
                      <a:pt x="2005" y="2180"/>
                    </a:lnTo>
                    <a:lnTo>
                      <a:pt x="1996" y="2155"/>
                    </a:lnTo>
                    <a:lnTo>
                      <a:pt x="1991" y="2129"/>
                    </a:lnTo>
                    <a:lnTo>
                      <a:pt x="1986" y="2102"/>
                    </a:lnTo>
                    <a:lnTo>
                      <a:pt x="1983" y="2083"/>
                    </a:lnTo>
                    <a:lnTo>
                      <a:pt x="1980" y="2064"/>
                    </a:lnTo>
                    <a:lnTo>
                      <a:pt x="1976" y="2046"/>
                    </a:lnTo>
                    <a:lnTo>
                      <a:pt x="1972" y="2026"/>
                    </a:lnTo>
                    <a:lnTo>
                      <a:pt x="1963" y="2010"/>
                    </a:lnTo>
                    <a:lnTo>
                      <a:pt x="1955" y="1997"/>
                    </a:lnTo>
                    <a:lnTo>
                      <a:pt x="1950" y="1985"/>
                    </a:lnTo>
                    <a:lnTo>
                      <a:pt x="1946" y="1974"/>
                    </a:lnTo>
                    <a:lnTo>
                      <a:pt x="1945" y="1961"/>
                    </a:lnTo>
                    <a:lnTo>
                      <a:pt x="1945" y="1948"/>
                    </a:lnTo>
                    <a:lnTo>
                      <a:pt x="1947" y="1932"/>
                    </a:lnTo>
                    <a:lnTo>
                      <a:pt x="1951" y="1914"/>
                    </a:lnTo>
                    <a:lnTo>
                      <a:pt x="1956" y="1897"/>
                    </a:lnTo>
                    <a:lnTo>
                      <a:pt x="1960" y="1880"/>
                    </a:lnTo>
                    <a:lnTo>
                      <a:pt x="1963" y="1864"/>
                    </a:lnTo>
                    <a:lnTo>
                      <a:pt x="1965" y="1847"/>
                    </a:lnTo>
                    <a:lnTo>
                      <a:pt x="1967" y="1830"/>
                    </a:lnTo>
                    <a:lnTo>
                      <a:pt x="1967" y="1813"/>
                    </a:lnTo>
                    <a:lnTo>
                      <a:pt x="1967" y="1795"/>
                    </a:lnTo>
                    <a:lnTo>
                      <a:pt x="1965" y="1778"/>
                    </a:lnTo>
                    <a:lnTo>
                      <a:pt x="1961" y="1759"/>
                    </a:lnTo>
                    <a:lnTo>
                      <a:pt x="1956" y="1742"/>
                    </a:lnTo>
                    <a:lnTo>
                      <a:pt x="1950" y="1724"/>
                    </a:lnTo>
                    <a:lnTo>
                      <a:pt x="1941" y="1707"/>
                    </a:lnTo>
                    <a:lnTo>
                      <a:pt x="1932" y="1690"/>
                    </a:lnTo>
                    <a:lnTo>
                      <a:pt x="1921" y="1673"/>
                    </a:lnTo>
                    <a:lnTo>
                      <a:pt x="1910" y="1658"/>
                    </a:lnTo>
                    <a:lnTo>
                      <a:pt x="1898" y="1642"/>
                    </a:lnTo>
                    <a:lnTo>
                      <a:pt x="1873" y="1610"/>
                    </a:lnTo>
                    <a:lnTo>
                      <a:pt x="1850" y="1579"/>
                    </a:lnTo>
                    <a:lnTo>
                      <a:pt x="1838" y="1562"/>
                    </a:lnTo>
                    <a:lnTo>
                      <a:pt x="1828" y="1546"/>
                    </a:lnTo>
                    <a:lnTo>
                      <a:pt x="1819" y="1529"/>
                    </a:lnTo>
                    <a:lnTo>
                      <a:pt x="1811" y="1513"/>
                    </a:lnTo>
                    <a:lnTo>
                      <a:pt x="1799" y="1494"/>
                    </a:lnTo>
                    <a:lnTo>
                      <a:pt x="1784" y="1478"/>
                    </a:lnTo>
                    <a:lnTo>
                      <a:pt x="1770" y="1461"/>
                    </a:lnTo>
                    <a:lnTo>
                      <a:pt x="1754" y="1444"/>
                    </a:lnTo>
                    <a:lnTo>
                      <a:pt x="1741" y="1427"/>
                    </a:lnTo>
                    <a:lnTo>
                      <a:pt x="1728" y="1409"/>
                    </a:lnTo>
                    <a:lnTo>
                      <a:pt x="1723" y="1399"/>
                    </a:lnTo>
                    <a:lnTo>
                      <a:pt x="1719" y="1388"/>
                    </a:lnTo>
                    <a:lnTo>
                      <a:pt x="1715" y="1378"/>
                    </a:lnTo>
                    <a:lnTo>
                      <a:pt x="1713" y="1366"/>
                    </a:lnTo>
                    <a:lnTo>
                      <a:pt x="1711" y="1357"/>
                    </a:lnTo>
                    <a:lnTo>
                      <a:pt x="1711" y="1348"/>
                    </a:lnTo>
                    <a:lnTo>
                      <a:pt x="1711" y="1340"/>
                    </a:lnTo>
                    <a:lnTo>
                      <a:pt x="1713" y="1331"/>
                    </a:lnTo>
                    <a:lnTo>
                      <a:pt x="1717" y="1314"/>
                    </a:lnTo>
                    <a:lnTo>
                      <a:pt x="1723" y="1298"/>
                    </a:lnTo>
                    <a:lnTo>
                      <a:pt x="1737" y="1265"/>
                    </a:lnTo>
                    <a:lnTo>
                      <a:pt x="1752" y="1233"/>
                    </a:lnTo>
                    <a:lnTo>
                      <a:pt x="1763" y="1203"/>
                    </a:lnTo>
                    <a:lnTo>
                      <a:pt x="1775" y="1172"/>
                    </a:lnTo>
                    <a:lnTo>
                      <a:pt x="1788" y="1137"/>
                    </a:lnTo>
                    <a:lnTo>
                      <a:pt x="1797" y="1103"/>
                    </a:lnTo>
                    <a:lnTo>
                      <a:pt x="1801" y="1085"/>
                    </a:lnTo>
                    <a:lnTo>
                      <a:pt x="1803" y="1068"/>
                    </a:lnTo>
                    <a:lnTo>
                      <a:pt x="1803" y="1051"/>
                    </a:lnTo>
                    <a:lnTo>
                      <a:pt x="1802" y="1036"/>
                    </a:lnTo>
                    <a:lnTo>
                      <a:pt x="1799" y="1020"/>
                    </a:lnTo>
                    <a:lnTo>
                      <a:pt x="1794" y="1006"/>
                    </a:lnTo>
                    <a:lnTo>
                      <a:pt x="1790" y="998"/>
                    </a:lnTo>
                    <a:lnTo>
                      <a:pt x="1787" y="992"/>
                    </a:lnTo>
                    <a:lnTo>
                      <a:pt x="1781" y="985"/>
                    </a:lnTo>
                    <a:lnTo>
                      <a:pt x="1776" y="979"/>
                    </a:lnTo>
                    <a:lnTo>
                      <a:pt x="1763" y="963"/>
                    </a:lnTo>
                    <a:lnTo>
                      <a:pt x="1749" y="946"/>
                    </a:lnTo>
                    <a:lnTo>
                      <a:pt x="1735" y="928"/>
                    </a:lnTo>
                    <a:lnTo>
                      <a:pt x="1720" y="908"/>
                    </a:lnTo>
                    <a:lnTo>
                      <a:pt x="1708" y="887"/>
                    </a:lnTo>
                    <a:lnTo>
                      <a:pt x="1696" y="866"/>
                    </a:lnTo>
                    <a:lnTo>
                      <a:pt x="1688" y="847"/>
                    </a:lnTo>
                    <a:lnTo>
                      <a:pt x="1682" y="827"/>
                    </a:lnTo>
                    <a:lnTo>
                      <a:pt x="1641" y="791"/>
                    </a:lnTo>
                    <a:lnTo>
                      <a:pt x="1601" y="755"/>
                    </a:lnTo>
                    <a:lnTo>
                      <a:pt x="1581" y="735"/>
                    </a:lnTo>
                    <a:lnTo>
                      <a:pt x="1562" y="716"/>
                    </a:lnTo>
                    <a:lnTo>
                      <a:pt x="1544" y="695"/>
                    </a:lnTo>
                    <a:lnTo>
                      <a:pt x="1529" y="673"/>
                    </a:lnTo>
                    <a:lnTo>
                      <a:pt x="1524" y="664"/>
                    </a:lnTo>
                    <a:lnTo>
                      <a:pt x="1520" y="654"/>
                    </a:lnTo>
                    <a:lnTo>
                      <a:pt x="1516" y="645"/>
                    </a:lnTo>
                    <a:lnTo>
                      <a:pt x="1514" y="636"/>
                    </a:lnTo>
                    <a:lnTo>
                      <a:pt x="1512" y="616"/>
                    </a:lnTo>
                    <a:lnTo>
                      <a:pt x="1512" y="597"/>
                    </a:lnTo>
                    <a:lnTo>
                      <a:pt x="1513" y="579"/>
                    </a:lnTo>
                    <a:lnTo>
                      <a:pt x="1513" y="559"/>
                    </a:lnTo>
                    <a:lnTo>
                      <a:pt x="1514" y="540"/>
                    </a:lnTo>
                    <a:lnTo>
                      <a:pt x="1513" y="520"/>
                    </a:lnTo>
                    <a:lnTo>
                      <a:pt x="1500" y="514"/>
                    </a:lnTo>
                    <a:lnTo>
                      <a:pt x="1485" y="506"/>
                    </a:lnTo>
                    <a:lnTo>
                      <a:pt x="1478" y="503"/>
                    </a:lnTo>
                    <a:lnTo>
                      <a:pt x="1472" y="498"/>
                    </a:lnTo>
                    <a:lnTo>
                      <a:pt x="1468" y="494"/>
                    </a:lnTo>
                    <a:lnTo>
                      <a:pt x="1465" y="489"/>
                    </a:lnTo>
                    <a:lnTo>
                      <a:pt x="1467" y="474"/>
                    </a:lnTo>
                    <a:lnTo>
                      <a:pt x="1468" y="459"/>
                    </a:lnTo>
                    <a:lnTo>
                      <a:pt x="1469" y="444"/>
                    </a:lnTo>
                    <a:lnTo>
                      <a:pt x="1473" y="430"/>
                    </a:lnTo>
                    <a:lnTo>
                      <a:pt x="1474" y="418"/>
                    </a:lnTo>
                    <a:lnTo>
                      <a:pt x="1476" y="406"/>
                    </a:lnTo>
                    <a:lnTo>
                      <a:pt x="1477" y="395"/>
                    </a:lnTo>
                    <a:lnTo>
                      <a:pt x="1477" y="383"/>
                    </a:lnTo>
                    <a:lnTo>
                      <a:pt x="1479" y="373"/>
                    </a:lnTo>
                    <a:lnTo>
                      <a:pt x="1482" y="364"/>
                    </a:lnTo>
                    <a:lnTo>
                      <a:pt x="1483" y="353"/>
                    </a:lnTo>
                    <a:lnTo>
                      <a:pt x="1485" y="342"/>
                    </a:lnTo>
                    <a:lnTo>
                      <a:pt x="1483" y="326"/>
                    </a:lnTo>
                    <a:lnTo>
                      <a:pt x="1482" y="310"/>
                    </a:lnTo>
                    <a:lnTo>
                      <a:pt x="1481" y="295"/>
                    </a:lnTo>
                    <a:lnTo>
                      <a:pt x="1479" y="279"/>
                    </a:lnTo>
                    <a:lnTo>
                      <a:pt x="1479" y="239"/>
                    </a:lnTo>
                    <a:lnTo>
                      <a:pt x="1477" y="195"/>
                    </a:lnTo>
                    <a:lnTo>
                      <a:pt x="1474" y="173"/>
                    </a:lnTo>
                    <a:lnTo>
                      <a:pt x="1472" y="152"/>
                    </a:lnTo>
                    <a:lnTo>
                      <a:pt x="1467" y="132"/>
                    </a:lnTo>
                    <a:lnTo>
                      <a:pt x="1460" y="114"/>
                    </a:lnTo>
                    <a:lnTo>
                      <a:pt x="1455" y="106"/>
                    </a:lnTo>
                    <a:lnTo>
                      <a:pt x="1450" y="98"/>
                    </a:lnTo>
                    <a:lnTo>
                      <a:pt x="1442" y="91"/>
                    </a:lnTo>
                    <a:lnTo>
                      <a:pt x="1434" y="85"/>
                    </a:lnTo>
                    <a:lnTo>
                      <a:pt x="1416" y="76"/>
                    </a:lnTo>
                    <a:lnTo>
                      <a:pt x="1395" y="67"/>
                    </a:lnTo>
                    <a:lnTo>
                      <a:pt x="1373" y="60"/>
                    </a:lnTo>
                    <a:lnTo>
                      <a:pt x="1351" y="54"/>
                    </a:lnTo>
                    <a:lnTo>
                      <a:pt x="1332" y="46"/>
                    </a:lnTo>
                    <a:lnTo>
                      <a:pt x="1314" y="38"/>
                    </a:lnTo>
                    <a:lnTo>
                      <a:pt x="1299" y="28"/>
                    </a:lnTo>
                    <a:lnTo>
                      <a:pt x="1283" y="15"/>
                    </a:lnTo>
                    <a:lnTo>
                      <a:pt x="1275" y="9"/>
                    </a:lnTo>
                    <a:lnTo>
                      <a:pt x="1266" y="5"/>
                    </a:lnTo>
                    <a:lnTo>
                      <a:pt x="1259" y="1"/>
                    </a:lnTo>
                    <a:lnTo>
                      <a:pt x="1253" y="0"/>
                    </a:lnTo>
                    <a:lnTo>
                      <a:pt x="1245" y="1"/>
                    </a:lnTo>
                    <a:lnTo>
                      <a:pt x="1240" y="2"/>
                    </a:lnTo>
                    <a:lnTo>
                      <a:pt x="1235" y="5"/>
                    </a:lnTo>
                    <a:lnTo>
                      <a:pt x="1231" y="9"/>
                    </a:lnTo>
                    <a:lnTo>
                      <a:pt x="1227" y="16"/>
                    </a:lnTo>
                    <a:lnTo>
                      <a:pt x="1224" y="27"/>
                    </a:lnTo>
                    <a:lnTo>
                      <a:pt x="1223" y="37"/>
                    </a:lnTo>
                    <a:lnTo>
                      <a:pt x="1220" y="47"/>
                    </a:lnTo>
                    <a:lnTo>
                      <a:pt x="1219" y="51"/>
                    </a:lnTo>
                    <a:lnTo>
                      <a:pt x="1217" y="57"/>
                    </a:lnTo>
                    <a:lnTo>
                      <a:pt x="1214" y="59"/>
                    </a:lnTo>
                    <a:lnTo>
                      <a:pt x="1209" y="63"/>
                    </a:lnTo>
                    <a:lnTo>
                      <a:pt x="1204" y="66"/>
                    </a:lnTo>
                    <a:lnTo>
                      <a:pt x="1197" y="67"/>
                    </a:lnTo>
                    <a:lnTo>
                      <a:pt x="1192" y="67"/>
                    </a:lnTo>
                    <a:lnTo>
                      <a:pt x="1185" y="67"/>
                    </a:lnTo>
                    <a:lnTo>
                      <a:pt x="1172" y="67"/>
                    </a:lnTo>
                    <a:lnTo>
                      <a:pt x="1161" y="68"/>
                    </a:lnTo>
                    <a:lnTo>
                      <a:pt x="1150" y="73"/>
                    </a:lnTo>
                    <a:lnTo>
                      <a:pt x="1143" y="80"/>
                    </a:lnTo>
                    <a:lnTo>
                      <a:pt x="1136" y="86"/>
                    </a:lnTo>
                    <a:lnTo>
                      <a:pt x="1130" y="94"/>
                    </a:lnTo>
                    <a:lnTo>
                      <a:pt x="1121" y="112"/>
                    </a:lnTo>
                    <a:lnTo>
                      <a:pt x="1109" y="130"/>
                    </a:lnTo>
                    <a:lnTo>
                      <a:pt x="1105" y="141"/>
                    </a:lnTo>
                    <a:lnTo>
                      <a:pt x="1097" y="154"/>
                    </a:lnTo>
                    <a:lnTo>
                      <a:pt x="1090" y="165"/>
                    </a:lnTo>
                    <a:lnTo>
                      <a:pt x="1082" y="178"/>
                    </a:lnTo>
                    <a:lnTo>
                      <a:pt x="1074" y="190"/>
                    </a:lnTo>
                    <a:lnTo>
                      <a:pt x="1069" y="202"/>
                    </a:lnTo>
                    <a:lnTo>
                      <a:pt x="1068" y="208"/>
                    </a:lnTo>
                    <a:lnTo>
                      <a:pt x="1066" y="213"/>
                    </a:lnTo>
                    <a:lnTo>
                      <a:pt x="1068" y="218"/>
                    </a:lnTo>
                    <a:lnTo>
                      <a:pt x="1069" y="225"/>
                    </a:lnTo>
                    <a:lnTo>
                      <a:pt x="1074" y="233"/>
                    </a:lnTo>
                    <a:lnTo>
                      <a:pt x="1077" y="242"/>
                    </a:lnTo>
                    <a:lnTo>
                      <a:pt x="1078" y="250"/>
                    </a:lnTo>
                    <a:lnTo>
                      <a:pt x="1079" y="257"/>
                    </a:lnTo>
                    <a:lnTo>
                      <a:pt x="1080" y="273"/>
                    </a:lnTo>
                    <a:lnTo>
                      <a:pt x="1080" y="292"/>
                    </a:lnTo>
                    <a:lnTo>
                      <a:pt x="1082" y="316"/>
                    </a:lnTo>
                    <a:lnTo>
                      <a:pt x="1084" y="342"/>
                    </a:lnTo>
                    <a:lnTo>
                      <a:pt x="1086" y="367"/>
                    </a:lnTo>
                    <a:lnTo>
                      <a:pt x="1087" y="395"/>
                    </a:lnTo>
                    <a:lnTo>
                      <a:pt x="1086" y="422"/>
                    </a:lnTo>
                    <a:lnTo>
                      <a:pt x="1084" y="448"/>
                    </a:lnTo>
                    <a:lnTo>
                      <a:pt x="1083" y="459"/>
                    </a:lnTo>
                    <a:lnTo>
                      <a:pt x="1082" y="472"/>
                    </a:lnTo>
                    <a:lnTo>
                      <a:pt x="1078" y="484"/>
                    </a:lnTo>
                    <a:lnTo>
                      <a:pt x="1075" y="496"/>
                    </a:lnTo>
                    <a:lnTo>
                      <a:pt x="1073" y="502"/>
                    </a:lnTo>
                    <a:lnTo>
                      <a:pt x="1069" y="509"/>
                    </a:lnTo>
                    <a:lnTo>
                      <a:pt x="1065" y="514"/>
                    </a:lnTo>
                    <a:lnTo>
                      <a:pt x="1060" y="519"/>
                    </a:lnTo>
                    <a:lnTo>
                      <a:pt x="1049" y="528"/>
                    </a:lnTo>
                    <a:lnTo>
                      <a:pt x="1038" y="537"/>
                    </a:lnTo>
                    <a:lnTo>
                      <a:pt x="1027" y="546"/>
                    </a:lnTo>
                    <a:lnTo>
                      <a:pt x="1018" y="557"/>
                    </a:lnTo>
                    <a:lnTo>
                      <a:pt x="1014" y="562"/>
                    </a:lnTo>
                    <a:lnTo>
                      <a:pt x="1012" y="568"/>
                    </a:lnTo>
                    <a:lnTo>
                      <a:pt x="1009" y="575"/>
                    </a:lnTo>
                    <a:lnTo>
                      <a:pt x="1008" y="584"/>
                    </a:lnTo>
                    <a:lnTo>
                      <a:pt x="1007" y="595"/>
                    </a:lnTo>
                    <a:lnTo>
                      <a:pt x="1004" y="607"/>
                    </a:lnTo>
                    <a:lnTo>
                      <a:pt x="1000" y="616"/>
                    </a:lnTo>
                    <a:lnTo>
                      <a:pt x="996" y="625"/>
                    </a:lnTo>
                    <a:lnTo>
                      <a:pt x="991" y="634"/>
                    </a:lnTo>
                    <a:lnTo>
                      <a:pt x="985" y="641"/>
                    </a:lnTo>
                    <a:lnTo>
                      <a:pt x="978" y="647"/>
                    </a:lnTo>
                    <a:lnTo>
                      <a:pt x="970" y="654"/>
                    </a:lnTo>
                    <a:lnTo>
                      <a:pt x="952" y="663"/>
                    </a:lnTo>
                    <a:lnTo>
                      <a:pt x="934" y="671"/>
                    </a:lnTo>
                    <a:lnTo>
                      <a:pt x="913" y="677"/>
                    </a:lnTo>
                    <a:lnTo>
                      <a:pt x="893" y="682"/>
                    </a:lnTo>
                    <a:lnTo>
                      <a:pt x="872" y="677"/>
                    </a:lnTo>
                    <a:lnTo>
                      <a:pt x="854" y="672"/>
                    </a:lnTo>
                    <a:lnTo>
                      <a:pt x="838" y="665"/>
                    </a:lnTo>
                    <a:lnTo>
                      <a:pt x="825" y="659"/>
                    </a:lnTo>
                    <a:lnTo>
                      <a:pt x="812" y="650"/>
                    </a:lnTo>
                    <a:lnTo>
                      <a:pt x="801" y="638"/>
                    </a:lnTo>
                    <a:lnTo>
                      <a:pt x="789" y="625"/>
                    </a:lnTo>
                    <a:lnTo>
                      <a:pt x="776" y="608"/>
                    </a:lnTo>
                    <a:lnTo>
                      <a:pt x="772" y="603"/>
                    </a:lnTo>
                    <a:lnTo>
                      <a:pt x="767" y="601"/>
                    </a:lnTo>
                    <a:lnTo>
                      <a:pt x="760" y="599"/>
                    </a:lnTo>
                    <a:lnTo>
                      <a:pt x="754" y="599"/>
                    </a:lnTo>
                    <a:lnTo>
                      <a:pt x="748" y="602"/>
                    </a:lnTo>
                    <a:lnTo>
                      <a:pt x="740" y="604"/>
                    </a:lnTo>
                    <a:lnTo>
                      <a:pt x="732" y="608"/>
                    </a:lnTo>
                    <a:lnTo>
                      <a:pt x="726" y="614"/>
                    </a:lnTo>
                    <a:lnTo>
                      <a:pt x="696" y="634"/>
                    </a:lnTo>
                    <a:lnTo>
                      <a:pt x="672" y="650"/>
                    </a:lnTo>
                    <a:lnTo>
                      <a:pt x="662" y="655"/>
                    </a:lnTo>
                    <a:lnTo>
                      <a:pt x="652" y="658"/>
                    </a:lnTo>
                    <a:lnTo>
                      <a:pt x="641" y="660"/>
                    </a:lnTo>
                    <a:lnTo>
                      <a:pt x="631" y="660"/>
                    </a:lnTo>
                    <a:lnTo>
                      <a:pt x="621" y="660"/>
                    </a:lnTo>
                    <a:lnTo>
                      <a:pt x="610" y="660"/>
                    </a:lnTo>
                    <a:lnTo>
                      <a:pt x="601" y="658"/>
                    </a:lnTo>
                    <a:lnTo>
                      <a:pt x="591" y="655"/>
                    </a:lnTo>
                    <a:lnTo>
                      <a:pt x="582" y="652"/>
                    </a:lnTo>
                    <a:lnTo>
                      <a:pt x="573" y="647"/>
                    </a:lnTo>
                    <a:lnTo>
                      <a:pt x="564" y="642"/>
                    </a:lnTo>
                    <a:lnTo>
                      <a:pt x="556" y="637"/>
                    </a:lnTo>
                    <a:lnTo>
                      <a:pt x="539" y="624"/>
                    </a:lnTo>
                    <a:lnTo>
                      <a:pt x="522" y="610"/>
                    </a:lnTo>
                    <a:lnTo>
                      <a:pt x="507" y="594"/>
                    </a:lnTo>
                    <a:lnTo>
                      <a:pt x="492" y="577"/>
                    </a:lnTo>
                    <a:lnTo>
                      <a:pt x="478" y="559"/>
                    </a:lnTo>
                    <a:lnTo>
                      <a:pt x="464" y="541"/>
                    </a:lnTo>
                    <a:lnTo>
                      <a:pt x="439" y="507"/>
                    </a:lnTo>
                    <a:lnTo>
                      <a:pt x="416" y="478"/>
                    </a:lnTo>
                    <a:lnTo>
                      <a:pt x="391" y="446"/>
                    </a:lnTo>
                    <a:lnTo>
                      <a:pt x="351" y="400"/>
                    </a:lnTo>
                    <a:lnTo>
                      <a:pt x="332" y="378"/>
                    </a:lnTo>
                    <a:lnTo>
                      <a:pt x="312" y="362"/>
                    </a:lnTo>
                    <a:lnTo>
                      <a:pt x="304" y="357"/>
                    </a:lnTo>
                    <a:lnTo>
                      <a:pt x="298" y="354"/>
                    </a:lnTo>
                    <a:lnTo>
                      <a:pt x="295" y="354"/>
                    </a:lnTo>
                    <a:lnTo>
                      <a:pt x="293" y="354"/>
                    </a:lnTo>
                    <a:lnTo>
                      <a:pt x="290" y="356"/>
                    </a:lnTo>
                    <a:lnTo>
                      <a:pt x="289" y="358"/>
                    </a:lnTo>
                    <a:lnTo>
                      <a:pt x="281" y="379"/>
                    </a:lnTo>
                    <a:lnTo>
                      <a:pt x="273" y="406"/>
                    </a:lnTo>
                    <a:lnTo>
                      <a:pt x="266" y="435"/>
                    </a:lnTo>
                    <a:lnTo>
                      <a:pt x="262" y="458"/>
                    </a:lnTo>
                    <a:lnTo>
                      <a:pt x="187" y="47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4" name="Freeform 45">
                <a:extLst>
                  <a:ext uri="{FF2B5EF4-FFF2-40B4-BE49-F238E27FC236}">
                    <a16:creationId xmlns:a16="http://schemas.microsoft.com/office/drawing/2014/main" id="{3A00DF7E-75DA-3442-9FF2-714294253B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81126" y="1876881"/>
                <a:ext cx="74690" cy="92122"/>
              </a:xfrm>
              <a:custGeom>
                <a:avLst/>
                <a:gdLst/>
                <a:ahLst/>
                <a:cxnLst>
                  <a:cxn ang="0">
                    <a:pos x="64" y="190"/>
                  </a:cxn>
                  <a:cxn ang="0">
                    <a:pos x="56" y="185"/>
                  </a:cxn>
                  <a:cxn ang="0">
                    <a:pos x="39" y="170"/>
                  </a:cxn>
                  <a:cxn ang="0">
                    <a:pos x="17" y="140"/>
                  </a:cxn>
                  <a:cxn ang="0">
                    <a:pos x="3" y="114"/>
                  </a:cxn>
                  <a:cxn ang="0">
                    <a:pos x="14" y="102"/>
                  </a:cxn>
                  <a:cxn ang="0">
                    <a:pos x="39" y="91"/>
                  </a:cxn>
                  <a:cxn ang="0">
                    <a:pos x="47" y="82"/>
                  </a:cxn>
                  <a:cxn ang="0">
                    <a:pos x="48" y="75"/>
                  </a:cxn>
                  <a:cxn ang="0">
                    <a:pos x="40" y="56"/>
                  </a:cxn>
                  <a:cxn ang="0">
                    <a:pos x="29" y="32"/>
                  </a:cxn>
                  <a:cxn ang="0">
                    <a:pos x="27" y="19"/>
                  </a:cxn>
                  <a:cxn ang="0">
                    <a:pos x="30" y="10"/>
                  </a:cxn>
                  <a:cxn ang="0">
                    <a:pos x="34" y="4"/>
                  </a:cxn>
                  <a:cxn ang="0">
                    <a:pos x="40" y="0"/>
                  </a:cxn>
                  <a:cxn ang="0">
                    <a:pos x="51" y="1"/>
                  </a:cxn>
                  <a:cxn ang="0">
                    <a:pos x="73" y="15"/>
                  </a:cxn>
                  <a:cxn ang="0">
                    <a:pos x="101" y="38"/>
                  </a:cxn>
                  <a:cxn ang="0">
                    <a:pos x="128" y="56"/>
                  </a:cxn>
                  <a:cxn ang="0">
                    <a:pos x="136" y="63"/>
                  </a:cxn>
                  <a:cxn ang="0">
                    <a:pos x="139" y="71"/>
                  </a:cxn>
                  <a:cxn ang="0">
                    <a:pos x="136" y="79"/>
                  </a:cxn>
                  <a:cxn ang="0">
                    <a:pos x="117" y="93"/>
                  </a:cxn>
                  <a:cxn ang="0">
                    <a:pos x="105" y="107"/>
                  </a:cxn>
                  <a:cxn ang="0">
                    <a:pos x="102" y="120"/>
                  </a:cxn>
                  <a:cxn ang="0">
                    <a:pos x="105" y="141"/>
                  </a:cxn>
                  <a:cxn ang="0">
                    <a:pos x="111" y="157"/>
                  </a:cxn>
                  <a:cxn ang="0">
                    <a:pos x="121" y="163"/>
                  </a:cxn>
                  <a:cxn ang="0">
                    <a:pos x="144" y="161"/>
                  </a:cxn>
                  <a:cxn ang="0">
                    <a:pos x="159" y="155"/>
                  </a:cxn>
                  <a:cxn ang="0">
                    <a:pos x="163" y="158"/>
                  </a:cxn>
                  <a:cxn ang="0">
                    <a:pos x="165" y="170"/>
                  </a:cxn>
                  <a:cxn ang="0">
                    <a:pos x="165" y="189"/>
                  </a:cxn>
                  <a:cxn ang="0">
                    <a:pos x="159" y="196"/>
                  </a:cxn>
                  <a:cxn ang="0">
                    <a:pos x="146" y="201"/>
                  </a:cxn>
                  <a:cxn ang="0">
                    <a:pos x="113" y="201"/>
                  </a:cxn>
                  <a:cxn ang="0">
                    <a:pos x="67" y="192"/>
                  </a:cxn>
                </a:cxnLst>
                <a:rect l="0" t="0" r="r" b="b"/>
                <a:pathLst>
                  <a:path w="165" h="202">
                    <a:moveTo>
                      <a:pt x="67" y="192"/>
                    </a:moveTo>
                    <a:lnTo>
                      <a:pt x="64" y="190"/>
                    </a:lnTo>
                    <a:lnTo>
                      <a:pt x="60" y="189"/>
                    </a:lnTo>
                    <a:lnTo>
                      <a:pt x="56" y="185"/>
                    </a:lnTo>
                    <a:lnTo>
                      <a:pt x="51" y="181"/>
                    </a:lnTo>
                    <a:lnTo>
                      <a:pt x="39" y="170"/>
                    </a:lnTo>
                    <a:lnTo>
                      <a:pt x="29" y="155"/>
                    </a:lnTo>
                    <a:lnTo>
                      <a:pt x="17" y="140"/>
                    </a:lnTo>
                    <a:lnTo>
                      <a:pt x="9" y="126"/>
                    </a:lnTo>
                    <a:lnTo>
                      <a:pt x="3" y="114"/>
                    </a:lnTo>
                    <a:lnTo>
                      <a:pt x="0" y="106"/>
                    </a:lnTo>
                    <a:lnTo>
                      <a:pt x="14" y="102"/>
                    </a:lnTo>
                    <a:lnTo>
                      <a:pt x="31" y="96"/>
                    </a:lnTo>
                    <a:lnTo>
                      <a:pt x="39" y="91"/>
                    </a:lnTo>
                    <a:lnTo>
                      <a:pt x="45" y="85"/>
                    </a:lnTo>
                    <a:lnTo>
                      <a:pt x="47" y="82"/>
                    </a:lnTo>
                    <a:lnTo>
                      <a:pt x="48" y="79"/>
                    </a:lnTo>
                    <a:lnTo>
                      <a:pt x="48" y="75"/>
                    </a:lnTo>
                    <a:lnTo>
                      <a:pt x="47" y="71"/>
                    </a:lnTo>
                    <a:lnTo>
                      <a:pt x="40" y="56"/>
                    </a:lnTo>
                    <a:lnTo>
                      <a:pt x="31" y="40"/>
                    </a:lnTo>
                    <a:lnTo>
                      <a:pt x="29" y="32"/>
                    </a:lnTo>
                    <a:lnTo>
                      <a:pt x="27" y="25"/>
                    </a:lnTo>
                    <a:lnTo>
                      <a:pt x="27" y="19"/>
                    </a:lnTo>
                    <a:lnTo>
                      <a:pt x="27" y="15"/>
                    </a:lnTo>
                    <a:lnTo>
                      <a:pt x="30" y="10"/>
                    </a:lnTo>
                    <a:lnTo>
                      <a:pt x="31" y="6"/>
                    </a:lnTo>
                    <a:lnTo>
                      <a:pt x="34" y="4"/>
                    </a:lnTo>
                    <a:lnTo>
                      <a:pt x="36" y="1"/>
                    </a:lnTo>
                    <a:lnTo>
                      <a:pt x="40" y="0"/>
                    </a:lnTo>
                    <a:lnTo>
                      <a:pt x="44" y="0"/>
                    </a:lnTo>
                    <a:lnTo>
                      <a:pt x="51" y="1"/>
                    </a:lnTo>
                    <a:lnTo>
                      <a:pt x="58" y="5"/>
                    </a:lnTo>
                    <a:lnTo>
                      <a:pt x="73" y="15"/>
                    </a:lnTo>
                    <a:lnTo>
                      <a:pt x="83" y="25"/>
                    </a:lnTo>
                    <a:lnTo>
                      <a:pt x="101" y="38"/>
                    </a:lnTo>
                    <a:lnTo>
                      <a:pt x="124" y="52"/>
                    </a:lnTo>
                    <a:lnTo>
                      <a:pt x="128" y="56"/>
                    </a:lnTo>
                    <a:lnTo>
                      <a:pt x="133" y="60"/>
                    </a:lnTo>
                    <a:lnTo>
                      <a:pt x="136" y="63"/>
                    </a:lnTo>
                    <a:lnTo>
                      <a:pt x="139" y="67"/>
                    </a:lnTo>
                    <a:lnTo>
                      <a:pt x="139" y="71"/>
                    </a:lnTo>
                    <a:lnTo>
                      <a:pt x="139" y="75"/>
                    </a:lnTo>
                    <a:lnTo>
                      <a:pt x="136" y="79"/>
                    </a:lnTo>
                    <a:lnTo>
                      <a:pt x="131" y="84"/>
                    </a:lnTo>
                    <a:lnTo>
                      <a:pt x="117" y="93"/>
                    </a:lnTo>
                    <a:lnTo>
                      <a:pt x="108" y="102"/>
                    </a:lnTo>
                    <a:lnTo>
                      <a:pt x="105" y="107"/>
                    </a:lnTo>
                    <a:lnTo>
                      <a:pt x="104" y="113"/>
                    </a:lnTo>
                    <a:lnTo>
                      <a:pt x="102" y="120"/>
                    </a:lnTo>
                    <a:lnTo>
                      <a:pt x="102" y="129"/>
                    </a:lnTo>
                    <a:lnTo>
                      <a:pt x="105" y="141"/>
                    </a:lnTo>
                    <a:lnTo>
                      <a:pt x="109" y="152"/>
                    </a:lnTo>
                    <a:lnTo>
                      <a:pt x="111" y="157"/>
                    </a:lnTo>
                    <a:lnTo>
                      <a:pt x="115" y="161"/>
                    </a:lnTo>
                    <a:lnTo>
                      <a:pt x="121" y="163"/>
                    </a:lnTo>
                    <a:lnTo>
                      <a:pt x="126" y="164"/>
                    </a:lnTo>
                    <a:lnTo>
                      <a:pt x="144" y="161"/>
                    </a:lnTo>
                    <a:lnTo>
                      <a:pt x="157" y="155"/>
                    </a:lnTo>
                    <a:lnTo>
                      <a:pt x="159" y="155"/>
                    </a:lnTo>
                    <a:lnTo>
                      <a:pt x="161" y="157"/>
                    </a:lnTo>
                    <a:lnTo>
                      <a:pt x="163" y="158"/>
                    </a:lnTo>
                    <a:lnTo>
                      <a:pt x="163" y="161"/>
                    </a:lnTo>
                    <a:lnTo>
                      <a:pt x="165" y="170"/>
                    </a:lnTo>
                    <a:lnTo>
                      <a:pt x="165" y="184"/>
                    </a:lnTo>
                    <a:lnTo>
                      <a:pt x="165" y="189"/>
                    </a:lnTo>
                    <a:lnTo>
                      <a:pt x="162" y="193"/>
                    </a:lnTo>
                    <a:lnTo>
                      <a:pt x="159" y="196"/>
                    </a:lnTo>
                    <a:lnTo>
                      <a:pt x="155" y="198"/>
                    </a:lnTo>
                    <a:lnTo>
                      <a:pt x="146" y="201"/>
                    </a:lnTo>
                    <a:lnTo>
                      <a:pt x="136" y="202"/>
                    </a:lnTo>
                    <a:lnTo>
                      <a:pt x="113" y="201"/>
                    </a:lnTo>
                    <a:lnTo>
                      <a:pt x="96" y="198"/>
                    </a:lnTo>
                    <a:lnTo>
                      <a:pt x="67" y="19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5" name="Freeform 46">
                <a:extLst>
                  <a:ext uri="{FF2B5EF4-FFF2-40B4-BE49-F238E27FC236}">
                    <a16:creationId xmlns:a16="http://schemas.microsoft.com/office/drawing/2014/main" id="{BE9BB61C-AF48-9F41-B397-23BCE5D419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6746" y="-146180"/>
                <a:ext cx="1062046" cy="2162147"/>
              </a:xfrm>
              <a:custGeom>
                <a:avLst/>
                <a:gdLst/>
                <a:ahLst/>
                <a:cxnLst>
                  <a:cxn ang="0">
                    <a:pos x="304" y="803"/>
                  </a:cxn>
                  <a:cxn ang="0">
                    <a:pos x="489" y="956"/>
                  </a:cxn>
                  <a:cxn ang="0">
                    <a:pos x="546" y="1193"/>
                  </a:cxn>
                  <a:cxn ang="0">
                    <a:pos x="586" y="1413"/>
                  </a:cxn>
                  <a:cxn ang="0">
                    <a:pos x="579" y="1663"/>
                  </a:cxn>
                  <a:cxn ang="0">
                    <a:pos x="658" y="1925"/>
                  </a:cxn>
                  <a:cxn ang="0">
                    <a:pos x="782" y="2018"/>
                  </a:cxn>
                  <a:cxn ang="0">
                    <a:pos x="892" y="2187"/>
                  </a:cxn>
                  <a:cxn ang="0">
                    <a:pos x="970" y="2300"/>
                  </a:cxn>
                  <a:cxn ang="0">
                    <a:pos x="891" y="2364"/>
                  </a:cxn>
                  <a:cxn ang="0">
                    <a:pos x="767" y="2418"/>
                  </a:cxn>
                  <a:cxn ang="0">
                    <a:pos x="658" y="2655"/>
                  </a:cxn>
                  <a:cxn ang="0">
                    <a:pos x="523" y="2839"/>
                  </a:cxn>
                  <a:cxn ang="0">
                    <a:pos x="396" y="3001"/>
                  </a:cxn>
                  <a:cxn ang="0">
                    <a:pos x="349" y="3154"/>
                  </a:cxn>
                  <a:cxn ang="0">
                    <a:pos x="256" y="3163"/>
                  </a:cxn>
                  <a:cxn ang="0">
                    <a:pos x="178" y="3290"/>
                  </a:cxn>
                  <a:cxn ang="0">
                    <a:pos x="120" y="3478"/>
                  </a:cxn>
                  <a:cxn ang="0">
                    <a:pos x="154" y="3609"/>
                  </a:cxn>
                  <a:cxn ang="0">
                    <a:pos x="142" y="3790"/>
                  </a:cxn>
                  <a:cxn ang="0">
                    <a:pos x="200" y="3903"/>
                  </a:cxn>
                  <a:cxn ang="0">
                    <a:pos x="198" y="4084"/>
                  </a:cxn>
                  <a:cxn ang="0">
                    <a:pos x="177" y="4157"/>
                  </a:cxn>
                  <a:cxn ang="0">
                    <a:pos x="213" y="4318"/>
                  </a:cxn>
                  <a:cxn ang="0">
                    <a:pos x="317" y="4372"/>
                  </a:cxn>
                  <a:cxn ang="0">
                    <a:pos x="408" y="4486"/>
                  </a:cxn>
                  <a:cxn ang="0">
                    <a:pos x="497" y="4488"/>
                  </a:cxn>
                  <a:cxn ang="0">
                    <a:pos x="511" y="4557"/>
                  </a:cxn>
                  <a:cxn ang="0">
                    <a:pos x="479" y="4675"/>
                  </a:cxn>
                  <a:cxn ang="0">
                    <a:pos x="633" y="4545"/>
                  </a:cxn>
                  <a:cxn ang="0">
                    <a:pos x="684" y="4673"/>
                  </a:cxn>
                  <a:cxn ang="0">
                    <a:pos x="712" y="4723"/>
                  </a:cxn>
                  <a:cxn ang="0">
                    <a:pos x="725" y="4774"/>
                  </a:cxn>
                  <a:cxn ang="0">
                    <a:pos x="923" y="4673"/>
                  </a:cxn>
                  <a:cxn ang="0">
                    <a:pos x="1197" y="4550"/>
                  </a:cxn>
                  <a:cxn ang="0">
                    <a:pos x="1339" y="4436"/>
                  </a:cxn>
                  <a:cxn ang="0">
                    <a:pos x="1628" y="4392"/>
                  </a:cxn>
                  <a:cxn ang="0">
                    <a:pos x="1669" y="4281"/>
                  </a:cxn>
                  <a:cxn ang="0">
                    <a:pos x="1908" y="3866"/>
                  </a:cxn>
                  <a:cxn ang="0">
                    <a:pos x="2233" y="3386"/>
                  </a:cxn>
                  <a:cxn ang="0">
                    <a:pos x="2289" y="3059"/>
                  </a:cxn>
                  <a:cxn ang="0">
                    <a:pos x="2058" y="2844"/>
                  </a:cxn>
                  <a:cxn ang="0">
                    <a:pos x="1989" y="2567"/>
                  </a:cxn>
                  <a:cxn ang="0">
                    <a:pos x="1907" y="2300"/>
                  </a:cxn>
                  <a:cxn ang="0">
                    <a:pos x="1796" y="2083"/>
                  </a:cxn>
                  <a:cxn ang="0">
                    <a:pos x="1780" y="1813"/>
                  </a:cxn>
                  <a:cxn ang="0">
                    <a:pos x="1612" y="1494"/>
                  </a:cxn>
                  <a:cxn ang="0">
                    <a:pos x="1565" y="1233"/>
                  </a:cxn>
                  <a:cxn ang="0">
                    <a:pos x="1548" y="928"/>
                  </a:cxn>
                  <a:cxn ang="0">
                    <a:pos x="1325" y="597"/>
                  </a:cxn>
                  <a:cxn ang="0">
                    <a:pos x="1289" y="406"/>
                  </a:cxn>
                  <a:cxn ang="0">
                    <a:pos x="1268" y="106"/>
                  </a:cxn>
                  <a:cxn ang="0">
                    <a:pos x="1053" y="2"/>
                  </a:cxn>
                  <a:cxn ang="0">
                    <a:pos x="963" y="73"/>
                  </a:cxn>
                  <a:cxn ang="0">
                    <a:pos x="890" y="242"/>
                  </a:cxn>
                  <a:cxn ang="0">
                    <a:pos x="878" y="514"/>
                  </a:cxn>
                  <a:cxn ang="0">
                    <a:pos x="783" y="654"/>
                  </a:cxn>
                  <a:cxn ang="0">
                    <a:pos x="561" y="602"/>
                  </a:cxn>
                  <a:cxn ang="0">
                    <a:pos x="369" y="637"/>
                  </a:cxn>
                  <a:cxn ang="0">
                    <a:pos x="103" y="356"/>
                  </a:cxn>
                </a:cxnLst>
                <a:rect l="0" t="0" r="r" b="b"/>
                <a:pathLst>
                  <a:path w="2330" h="4789">
                    <a:moveTo>
                      <a:pt x="0" y="478"/>
                    </a:moveTo>
                    <a:lnTo>
                      <a:pt x="25" y="510"/>
                    </a:lnTo>
                    <a:lnTo>
                      <a:pt x="50" y="546"/>
                    </a:lnTo>
                    <a:lnTo>
                      <a:pt x="73" y="582"/>
                    </a:lnTo>
                    <a:lnTo>
                      <a:pt x="97" y="617"/>
                    </a:lnTo>
                    <a:lnTo>
                      <a:pt x="105" y="629"/>
                    </a:lnTo>
                    <a:lnTo>
                      <a:pt x="114" y="639"/>
                    </a:lnTo>
                    <a:lnTo>
                      <a:pt x="123" y="649"/>
                    </a:lnTo>
                    <a:lnTo>
                      <a:pt x="132" y="658"/>
                    </a:lnTo>
                    <a:lnTo>
                      <a:pt x="152" y="672"/>
                    </a:lnTo>
                    <a:lnTo>
                      <a:pt x="173" y="685"/>
                    </a:lnTo>
                    <a:lnTo>
                      <a:pt x="220" y="709"/>
                    </a:lnTo>
                    <a:lnTo>
                      <a:pt x="265" y="735"/>
                    </a:lnTo>
                    <a:lnTo>
                      <a:pt x="273" y="752"/>
                    </a:lnTo>
                    <a:lnTo>
                      <a:pt x="282" y="769"/>
                    </a:lnTo>
                    <a:lnTo>
                      <a:pt x="292" y="786"/>
                    </a:lnTo>
                    <a:lnTo>
                      <a:pt x="304" y="803"/>
                    </a:lnTo>
                    <a:lnTo>
                      <a:pt x="326" y="836"/>
                    </a:lnTo>
                    <a:lnTo>
                      <a:pt x="348" y="866"/>
                    </a:lnTo>
                    <a:lnTo>
                      <a:pt x="360" y="880"/>
                    </a:lnTo>
                    <a:lnTo>
                      <a:pt x="371" y="893"/>
                    </a:lnTo>
                    <a:lnTo>
                      <a:pt x="379" y="899"/>
                    </a:lnTo>
                    <a:lnTo>
                      <a:pt x="387" y="904"/>
                    </a:lnTo>
                    <a:lnTo>
                      <a:pt x="395" y="906"/>
                    </a:lnTo>
                    <a:lnTo>
                      <a:pt x="404" y="908"/>
                    </a:lnTo>
                    <a:lnTo>
                      <a:pt x="419" y="905"/>
                    </a:lnTo>
                    <a:lnTo>
                      <a:pt x="439" y="901"/>
                    </a:lnTo>
                    <a:lnTo>
                      <a:pt x="449" y="900"/>
                    </a:lnTo>
                    <a:lnTo>
                      <a:pt x="458" y="899"/>
                    </a:lnTo>
                    <a:lnTo>
                      <a:pt x="466" y="899"/>
                    </a:lnTo>
                    <a:lnTo>
                      <a:pt x="472" y="900"/>
                    </a:lnTo>
                    <a:lnTo>
                      <a:pt x="478" y="918"/>
                    </a:lnTo>
                    <a:lnTo>
                      <a:pt x="483" y="937"/>
                    </a:lnTo>
                    <a:lnTo>
                      <a:pt x="489" y="956"/>
                    </a:lnTo>
                    <a:lnTo>
                      <a:pt x="496" y="975"/>
                    </a:lnTo>
                    <a:lnTo>
                      <a:pt x="502" y="994"/>
                    </a:lnTo>
                    <a:lnTo>
                      <a:pt x="507" y="1013"/>
                    </a:lnTo>
                    <a:lnTo>
                      <a:pt x="511" y="1032"/>
                    </a:lnTo>
                    <a:lnTo>
                      <a:pt x="514" y="1051"/>
                    </a:lnTo>
                    <a:lnTo>
                      <a:pt x="509" y="1088"/>
                    </a:lnTo>
                    <a:lnTo>
                      <a:pt x="504" y="1127"/>
                    </a:lnTo>
                    <a:lnTo>
                      <a:pt x="504" y="1134"/>
                    </a:lnTo>
                    <a:lnTo>
                      <a:pt x="504" y="1143"/>
                    </a:lnTo>
                    <a:lnTo>
                      <a:pt x="506" y="1150"/>
                    </a:lnTo>
                    <a:lnTo>
                      <a:pt x="509" y="1158"/>
                    </a:lnTo>
                    <a:lnTo>
                      <a:pt x="514" y="1163"/>
                    </a:lnTo>
                    <a:lnTo>
                      <a:pt x="520" y="1168"/>
                    </a:lnTo>
                    <a:lnTo>
                      <a:pt x="528" y="1172"/>
                    </a:lnTo>
                    <a:lnTo>
                      <a:pt x="539" y="1174"/>
                    </a:lnTo>
                    <a:lnTo>
                      <a:pt x="544" y="1184"/>
                    </a:lnTo>
                    <a:lnTo>
                      <a:pt x="546" y="1193"/>
                    </a:lnTo>
                    <a:lnTo>
                      <a:pt x="546" y="1202"/>
                    </a:lnTo>
                    <a:lnTo>
                      <a:pt x="545" y="1212"/>
                    </a:lnTo>
                    <a:lnTo>
                      <a:pt x="540" y="1231"/>
                    </a:lnTo>
                    <a:lnTo>
                      <a:pt x="532" y="1251"/>
                    </a:lnTo>
                    <a:lnTo>
                      <a:pt x="523" y="1278"/>
                    </a:lnTo>
                    <a:lnTo>
                      <a:pt x="518" y="1295"/>
                    </a:lnTo>
                    <a:lnTo>
                      <a:pt x="518" y="1303"/>
                    </a:lnTo>
                    <a:lnTo>
                      <a:pt x="518" y="1313"/>
                    </a:lnTo>
                    <a:lnTo>
                      <a:pt x="518" y="1325"/>
                    </a:lnTo>
                    <a:lnTo>
                      <a:pt x="519" y="1340"/>
                    </a:lnTo>
                    <a:lnTo>
                      <a:pt x="528" y="1355"/>
                    </a:lnTo>
                    <a:lnTo>
                      <a:pt x="539" y="1366"/>
                    </a:lnTo>
                    <a:lnTo>
                      <a:pt x="550" y="1377"/>
                    </a:lnTo>
                    <a:lnTo>
                      <a:pt x="561" y="1387"/>
                    </a:lnTo>
                    <a:lnTo>
                      <a:pt x="571" y="1396"/>
                    </a:lnTo>
                    <a:lnTo>
                      <a:pt x="581" y="1406"/>
                    </a:lnTo>
                    <a:lnTo>
                      <a:pt x="586" y="1413"/>
                    </a:lnTo>
                    <a:lnTo>
                      <a:pt x="590" y="1419"/>
                    </a:lnTo>
                    <a:lnTo>
                      <a:pt x="594" y="1427"/>
                    </a:lnTo>
                    <a:lnTo>
                      <a:pt x="598" y="1435"/>
                    </a:lnTo>
                    <a:lnTo>
                      <a:pt x="602" y="1446"/>
                    </a:lnTo>
                    <a:lnTo>
                      <a:pt x="603" y="1459"/>
                    </a:lnTo>
                    <a:lnTo>
                      <a:pt x="605" y="1471"/>
                    </a:lnTo>
                    <a:lnTo>
                      <a:pt x="605" y="1483"/>
                    </a:lnTo>
                    <a:lnTo>
                      <a:pt x="601" y="1507"/>
                    </a:lnTo>
                    <a:lnTo>
                      <a:pt x="596" y="1532"/>
                    </a:lnTo>
                    <a:lnTo>
                      <a:pt x="589" y="1557"/>
                    </a:lnTo>
                    <a:lnTo>
                      <a:pt x="583" y="1581"/>
                    </a:lnTo>
                    <a:lnTo>
                      <a:pt x="580" y="1594"/>
                    </a:lnTo>
                    <a:lnTo>
                      <a:pt x="577" y="1606"/>
                    </a:lnTo>
                    <a:lnTo>
                      <a:pt x="576" y="1617"/>
                    </a:lnTo>
                    <a:lnTo>
                      <a:pt x="575" y="1630"/>
                    </a:lnTo>
                    <a:lnTo>
                      <a:pt x="576" y="1646"/>
                    </a:lnTo>
                    <a:lnTo>
                      <a:pt x="579" y="1663"/>
                    </a:lnTo>
                    <a:lnTo>
                      <a:pt x="583" y="1678"/>
                    </a:lnTo>
                    <a:lnTo>
                      <a:pt x="586" y="1693"/>
                    </a:lnTo>
                    <a:lnTo>
                      <a:pt x="598" y="1722"/>
                    </a:lnTo>
                    <a:lnTo>
                      <a:pt x="611" y="1751"/>
                    </a:lnTo>
                    <a:lnTo>
                      <a:pt x="625" y="1779"/>
                    </a:lnTo>
                    <a:lnTo>
                      <a:pt x="637" y="1808"/>
                    </a:lnTo>
                    <a:lnTo>
                      <a:pt x="642" y="1822"/>
                    </a:lnTo>
                    <a:lnTo>
                      <a:pt x="646" y="1836"/>
                    </a:lnTo>
                    <a:lnTo>
                      <a:pt x="649" y="1851"/>
                    </a:lnTo>
                    <a:lnTo>
                      <a:pt x="651" y="1865"/>
                    </a:lnTo>
                    <a:lnTo>
                      <a:pt x="649" y="1910"/>
                    </a:lnTo>
                    <a:lnTo>
                      <a:pt x="649" y="1910"/>
                    </a:lnTo>
                    <a:lnTo>
                      <a:pt x="651" y="1912"/>
                    </a:lnTo>
                    <a:lnTo>
                      <a:pt x="653" y="1913"/>
                    </a:lnTo>
                    <a:lnTo>
                      <a:pt x="654" y="1914"/>
                    </a:lnTo>
                    <a:lnTo>
                      <a:pt x="655" y="1917"/>
                    </a:lnTo>
                    <a:lnTo>
                      <a:pt x="658" y="1925"/>
                    </a:lnTo>
                    <a:lnTo>
                      <a:pt x="662" y="1932"/>
                    </a:lnTo>
                    <a:lnTo>
                      <a:pt x="668" y="1937"/>
                    </a:lnTo>
                    <a:lnTo>
                      <a:pt x="676" y="1943"/>
                    </a:lnTo>
                    <a:lnTo>
                      <a:pt x="693" y="1952"/>
                    </a:lnTo>
                    <a:lnTo>
                      <a:pt x="712" y="1961"/>
                    </a:lnTo>
                    <a:lnTo>
                      <a:pt x="732" y="1969"/>
                    </a:lnTo>
                    <a:lnTo>
                      <a:pt x="747" y="1976"/>
                    </a:lnTo>
                    <a:lnTo>
                      <a:pt x="752" y="1982"/>
                    </a:lnTo>
                    <a:lnTo>
                      <a:pt x="756" y="1988"/>
                    </a:lnTo>
                    <a:lnTo>
                      <a:pt x="759" y="1994"/>
                    </a:lnTo>
                    <a:lnTo>
                      <a:pt x="759" y="2002"/>
                    </a:lnTo>
                    <a:lnTo>
                      <a:pt x="759" y="2004"/>
                    </a:lnTo>
                    <a:lnTo>
                      <a:pt x="760" y="2006"/>
                    </a:lnTo>
                    <a:lnTo>
                      <a:pt x="761" y="2007"/>
                    </a:lnTo>
                    <a:lnTo>
                      <a:pt x="764" y="2010"/>
                    </a:lnTo>
                    <a:lnTo>
                      <a:pt x="772" y="2014"/>
                    </a:lnTo>
                    <a:lnTo>
                      <a:pt x="782" y="2018"/>
                    </a:lnTo>
                    <a:lnTo>
                      <a:pt x="808" y="2028"/>
                    </a:lnTo>
                    <a:lnTo>
                      <a:pt x="838" y="2041"/>
                    </a:lnTo>
                    <a:lnTo>
                      <a:pt x="852" y="2049"/>
                    </a:lnTo>
                    <a:lnTo>
                      <a:pt x="866" y="2058"/>
                    </a:lnTo>
                    <a:lnTo>
                      <a:pt x="878" y="2068"/>
                    </a:lnTo>
                    <a:lnTo>
                      <a:pt x="888" y="2080"/>
                    </a:lnTo>
                    <a:lnTo>
                      <a:pt x="893" y="2086"/>
                    </a:lnTo>
                    <a:lnTo>
                      <a:pt x="896" y="2093"/>
                    </a:lnTo>
                    <a:lnTo>
                      <a:pt x="900" y="2101"/>
                    </a:lnTo>
                    <a:lnTo>
                      <a:pt x="901" y="2108"/>
                    </a:lnTo>
                    <a:lnTo>
                      <a:pt x="903" y="2118"/>
                    </a:lnTo>
                    <a:lnTo>
                      <a:pt x="903" y="2127"/>
                    </a:lnTo>
                    <a:lnTo>
                      <a:pt x="903" y="2136"/>
                    </a:lnTo>
                    <a:lnTo>
                      <a:pt x="901" y="2146"/>
                    </a:lnTo>
                    <a:lnTo>
                      <a:pt x="897" y="2159"/>
                    </a:lnTo>
                    <a:lnTo>
                      <a:pt x="895" y="2173"/>
                    </a:lnTo>
                    <a:lnTo>
                      <a:pt x="892" y="2187"/>
                    </a:lnTo>
                    <a:lnTo>
                      <a:pt x="891" y="2202"/>
                    </a:lnTo>
                    <a:lnTo>
                      <a:pt x="891" y="2208"/>
                    </a:lnTo>
                    <a:lnTo>
                      <a:pt x="892" y="2215"/>
                    </a:lnTo>
                    <a:lnTo>
                      <a:pt x="893" y="2221"/>
                    </a:lnTo>
                    <a:lnTo>
                      <a:pt x="896" y="2228"/>
                    </a:lnTo>
                    <a:lnTo>
                      <a:pt x="900" y="2234"/>
                    </a:lnTo>
                    <a:lnTo>
                      <a:pt x="904" y="2239"/>
                    </a:lnTo>
                    <a:lnTo>
                      <a:pt x="909" y="2244"/>
                    </a:lnTo>
                    <a:lnTo>
                      <a:pt x="916" y="2250"/>
                    </a:lnTo>
                    <a:lnTo>
                      <a:pt x="931" y="2260"/>
                    </a:lnTo>
                    <a:lnTo>
                      <a:pt x="945" y="2270"/>
                    </a:lnTo>
                    <a:lnTo>
                      <a:pt x="952" y="2274"/>
                    </a:lnTo>
                    <a:lnTo>
                      <a:pt x="957" y="2279"/>
                    </a:lnTo>
                    <a:lnTo>
                      <a:pt x="962" y="2285"/>
                    </a:lnTo>
                    <a:lnTo>
                      <a:pt x="966" y="2289"/>
                    </a:lnTo>
                    <a:lnTo>
                      <a:pt x="969" y="2294"/>
                    </a:lnTo>
                    <a:lnTo>
                      <a:pt x="970" y="2300"/>
                    </a:lnTo>
                    <a:lnTo>
                      <a:pt x="969" y="2305"/>
                    </a:lnTo>
                    <a:lnTo>
                      <a:pt x="967" y="2312"/>
                    </a:lnTo>
                    <a:lnTo>
                      <a:pt x="962" y="2318"/>
                    </a:lnTo>
                    <a:lnTo>
                      <a:pt x="957" y="2326"/>
                    </a:lnTo>
                    <a:lnTo>
                      <a:pt x="948" y="2334"/>
                    </a:lnTo>
                    <a:lnTo>
                      <a:pt x="938" y="2343"/>
                    </a:lnTo>
                    <a:lnTo>
                      <a:pt x="935" y="2351"/>
                    </a:lnTo>
                    <a:lnTo>
                      <a:pt x="931" y="2357"/>
                    </a:lnTo>
                    <a:lnTo>
                      <a:pt x="926" y="2365"/>
                    </a:lnTo>
                    <a:lnTo>
                      <a:pt x="921" y="2371"/>
                    </a:lnTo>
                    <a:lnTo>
                      <a:pt x="914" y="2375"/>
                    </a:lnTo>
                    <a:lnTo>
                      <a:pt x="906" y="2377"/>
                    </a:lnTo>
                    <a:lnTo>
                      <a:pt x="904" y="2377"/>
                    </a:lnTo>
                    <a:lnTo>
                      <a:pt x="900" y="2375"/>
                    </a:lnTo>
                    <a:lnTo>
                      <a:pt x="897" y="2373"/>
                    </a:lnTo>
                    <a:lnTo>
                      <a:pt x="893" y="2369"/>
                    </a:lnTo>
                    <a:lnTo>
                      <a:pt x="891" y="2364"/>
                    </a:lnTo>
                    <a:lnTo>
                      <a:pt x="888" y="2361"/>
                    </a:lnTo>
                    <a:lnTo>
                      <a:pt x="884" y="2360"/>
                    </a:lnTo>
                    <a:lnTo>
                      <a:pt x="882" y="2360"/>
                    </a:lnTo>
                    <a:lnTo>
                      <a:pt x="878" y="2362"/>
                    </a:lnTo>
                    <a:lnTo>
                      <a:pt x="874" y="2368"/>
                    </a:lnTo>
                    <a:lnTo>
                      <a:pt x="868" y="2382"/>
                    </a:lnTo>
                    <a:lnTo>
                      <a:pt x="862" y="2392"/>
                    </a:lnTo>
                    <a:lnTo>
                      <a:pt x="859" y="2396"/>
                    </a:lnTo>
                    <a:lnTo>
                      <a:pt x="853" y="2399"/>
                    </a:lnTo>
                    <a:lnTo>
                      <a:pt x="848" y="2401"/>
                    </a:lnTo>
                    <a:lnTo>
                      <a:pt x="842" y="2403"/>
                    </a:lnTo>
                    <a:lnTo>
                      <a:pt x="826" y="2405"/>
                    </a:lnTo>
                    <a:lnTo>
                      <a:pt x="811" y="2408"/>
                    </a:lnTo>
                    <a:lnTo>
                      <a:pt x="794" y="2410"/>
                    </a:lnTo>
                    <a:lnTo>
                      <a:pt x="779" y="2413"/>
                    </a:lnTo>
                    <a:lnTo>
                      <a:pt x="772" y="2415"/>
                    </a:lnTo>
                    <a:lnTo>
                      <a:pt x="767" y="2418"/>
                    </a:lnTo>
                    <a:lnTo>
                      <a:pt x="761" y="2422"/>
                    </a:lnTo>
                    <a:lnTo>
                      <a:pt x="756" y="2426"/>
                    </a:lnTo>
                    <a:lnTo>
                      <a:pt x="752" y="2434"/>
                    </a:lnTo>
                    <a:lnTo>
                      <a:pt x="748" y="2445"/>
                    </a:lnTo>
                    <a:lnTo>
                      <a:pt x="746" y="2460"/>
                    </a:lnTo>
                    <a:lnTo>
                      <a:pt x="745" y="2474"/>
                    </a:lnTo>
                    <a:lnTo>
                      <a:pt x="741" y="2505"/>
                    </a:lnTo>
                    <a:lnTo>
                      <a:pt x="735" y="2529"/>
                    </a:lnTo>
                    <a:lnTo>
                      <a:pt x="732" y="2545"/>
                    </a:lnTo>
                    <a:lnTo>
                      <a:pt x="726" y="2558"/>
                    </a:lnTo>
                    <a:lnTo>
                      <a:pt x="721" y="2568"/>
                    </a:lnTo>
                    <a:lnTo>
                      <a:pt x="716" y="2577"/>
                    </a:lnTo>
                    <a:lnTo>
                      <a:pt x="703" y="2594"/>
                    </a:lnTo>
                    <a:lnTo>
                      <a:pt x="684" y="2615"/>
                    </a:lnTo>
                    <a:lnTo>
                      <a:pt x="675" y="2627"/>
                    </a:lnTo>
                    <a:lnTo>
                      <a:pt x="667" y="2640"/>
                    </a:lnTo>
                    <a:lnTo>
                      <a:pt x="658" y="2655"/>
                    </a:lnTo>
                    <a:lnTo>
                      <a:pt x="650" y="2671"/>
                    </a:lnTo>
                    <a:lnTo>
                      <a:pt x="642" y="2688"/>
                    </a:lnTo>
                    <a:lnTo>
                      <a:pt x="633" y="2703"/>
                    </a:lnTo>
                    <a:lnTo>
                      <a:pt x="624" y="2719"/>
                    </a:lnTo>
                    <a:lnTo>
                      <a:pt x="615" y="2733"/>
                    </a:lnTo>
                    <a:lnTo>
                      <a:pt x="608" y="2741"/>
                    </a:lnTo>
                    <a:lnTo>
                      <a:pt x="605" y="2745"/>
                    </a:lnTo>
                    <a:lnTo>
                      <a:pt x="599" y="2747"/>
                    </a:lnTo>
                    <a:lnTo>
                      <a:pt x="596" y="2748"/>
                    </a:lnTo>
                    <a:lnTo>
                      <a:pt x="588" y="2748"/>
                    </a:lnTo>
                    <a:lnTo>
                      <a:pt x="573" y="2751"/>
                    </a:lnTo>
                    <a:lnTo>
                      <a:pt x="564" y="2761"/>
                    </a:lnTo>
                    <a:lnTo>
                      <a:pt x="551" y="2785"/>
                    </a:lnTo>
                    <a:lnTo>
                      <a:pt x="539" y="2809"/>
                    </a:lnTo>
                    <a:lnTo>
                      <a:pt x="531" y="2825"/>
                    </a:lnTo>
                    <a:lnTo>
                      <a:pt x="527" y="2831"/>
                    </a:lnTo>
                    <a:lnTo>
                      <a:pt x="523" y="2839"/>
                    </a:lnTo>
                    <a:lnTo>
                      <a:pt x="519" y="2844"/>
                    </a:lnTo>
                    <a:lnTo>
                      <a:pt x="514" y="2849"/>
                    </a:lnTo>
                    <a:lnTo>
                      <a:pt x="502" y="2859"/>
                    </a:lnTo>
                    <a:lnTo>
                      <a:pt x="491" y="2866"/>
                    </a:lnTo>
                    <a:lnTo>
                      <a:pt x="478" y="2874"/>
                    </a:lnTo>
                    <a:lnTo>
                      <a:pt x="466" y="2882"/>
                    </a:lnTo>
                    <a:lnTo>
                      <a:pt x="453" y="2891"/>
                    </a:lnTo>
                    <a:lnTo>
                      <a:pt x="443" y="2903"/>
                    </a:lnTo>
                    <a:lnTo>
                      <a:pt x="430" y="2917"/>
                    </a:lnTo>
                    <a:lnTo>
                      <a:pt x="417" y="2930"/>
                    </a:lnTo>
                    <a:lnTo>
                      <a:pt x="412" y="2938"/>
                    </a:lnTo>
                    <a:lnTo>
                      <a:pt x="408" y="2945"/>
                    </a:lnTo>
                    <a:lnTo>
                      <a:pt x="404" y="2953"/>
                    </a:lnTo>
                    <a:lnTo>
                      <a:pt x="402" y="2962"/>
                    </a:lnTo>
                    <a:lnTo>
                      <a:pt x="401" y="2976"/>
                    </a:lnTo>
                    <a:lnTo>
                      <a:pt x="399" y="2988"/>
                    </a:lnTo>
                    <a:lnTo>
                      <a:pt x="396" y="3001"/>
                    </a:lnTo>
                    <a:lnTo>
                      <a:pt x="393" y="3011"/>
                    </a:lnTo>
                    <a:lnTo>
                      <a:pt x="388" y="3022"/>
                    </a:lnTo>
                    <a:lnTo>
                      <a:pt x="382" y="3032"/>
                    </a:lnTo>
                    <a:lnTo>
                      <a:pt x="373" y="3041"/>
                    </a:lnTo>
                    <a:lnTo>
                      <a:pt x="361" y="3049"/>
                    </a:lnTo>
                    <a:lnTo>
                      <a:pt x="353" y="3059"/>
                    </a:lnTo>
                    <a:lnTo>
                      <a:pt x="347" y="3068"/>
                    </a:lnTo>
                    <a:lnTo>
                      <a:pt x="343" y="3076"/>
                    </a:lnTo>
                    <a:lnTo>
                      <a:pt x="340" y="3084"/>
                    </a:lnTo>
                    <a:lnTo>
                      <a:pt x="339" y="3090"/>
                    </a:lnTo>
                    <a:lnTo>
                      <a:pt x="339" y="3098"/>
                    </a:lnTo>
                    <a:lnTo>
                      <a:pt x="339" y="3105"/>
                    </a:lnTo>
                    <a:lnTo>
                      <a:pt x="342" y="3110"/>
                    </a:lnTo>
                    <a:lnTo>
                      <a:pt x="345" y="3123"/>
                    </a:lnTo>
                    <a:lnTo>
                      <a:pt x="348" y="3137"/>
                    </a:lnTo>
                    <a:lnTo>
                      <a:pt x="349" y="3146"/>
                    </a:lnTo>
                    <a:lnTo>
                      <a:pt x="349" y="3154"/>
                    </a:lnTo>
                    <a:lnTo>
                      <a:pt x="348" y="3164"/>
                    </a:lnTo>
                    <a:lnTo>
                      <a:pt x="345" y="3175"/>
                    </a:lnTo>
                    <a:lnTo>
                      <a:pt x="340" y="3189"/>
                    </a:lnTo>
                    <a:lnTo>
                      <a:pt x="335" y="3199"/>
                    </a:lnTo>
                    <a:lnTo>
                      <a:pt x="330" y="3208"/>
                    </a:lnTo>
                    <a:lnTo>
                      <a:pt x="325" y="3213"/>
                    </a:lnTo>
                    <a:lnTo>
                      <a:pt x="320" y="3216"/>
                    </a:lnTo>
                    <a:lnTo>
                      <a:pt x="314" y="3216"/>
                    </a:lnTo>
                    <a:lnTo>
                      <a:pt x="308" y="3216"/>
                    </a:lnTo>
                    <a:lnTo>
                      <a:pt x="303" y="3212"/>
                    </a:lnTo>
                    <a:lnTo>
                      <a:pt x="298" y="3208"/>
                    </a:lnTo>
                    <a:lnTo>
                      <a:pt x="292" y="3202"/>
                    </a:lnTo>
                    <a:lnTo>
                      <a:pt x="287" y="3195"/>
                    </a:lnTo>
                    <a:lnTo>
                      <a:pt x="282" y="3188"/>
                    </a:lnTo>
                    <a:lnTo>
                      <a:pt x="274" y="3171"/>
                    </a:lnTo>
                    <a:lnTo>
                      <a:pt x="268" y="3154"/>
                    </a:lnTo>
                    <a:lnTo>
                      <a:pt x="256" y="3163"/>
                    </a:lnTo>
                    <a:lnTo>
                      <a:pt x="242" y="3175"/>
                    </a:lnTo>
                    <a:lnTo>
                      <a:pt x="220" y="3177"/>
                    </a:lnTo>
                    <a:lnTo>
                      <a:pt x="195" y="3178"/>
                    </a:lnTo>
                    <a:lnTo>
                      <a:pt x="189" y="3180"/>
                    </a:lnTo>
                    <a:lnTo>
                      <a:pt x="184" y="3181"/>
                    </a:lnTo>
                    <a:lnTo>
                      <a:pt x="180" y="3182"/>
                    </a:lnTo>
                    <a:lnTo>
                      <a:pt x="176" y="3185"/>
                    </a:lnTo>
                    <a:lnTo>
                      <a:pt x="173" y="3189"/>
                    </a:lnTo>
                    <a:lnTo>
                      <a:pt x="171" y="3193"/>
                    </a:lnTo>
                    <a:lnTo>
                      <a:pt x="171" y="3198"/>
                    </a:lnTo>
                    <a:lnTo>
                      <a:pt x="171" y="3204"/>
                    </a:lnTo>
                    <a:lnTo>
                      <a:pt x="176" y="3233"/>
                    </a:lnTo>
                    <a:lnTo>
                      <a:pt x="178" y="3255"/>
                    </a:lnTo>
                    <a:lnTo>
                      <a:pt x="180" y="3265"/>
                    </a:lnTo>
                    <a:lnTo>
                      <a:pt x="180" y="3273"/>
                    </a:lnTo>
                    <a:lnTo>
                      <a:pt x="180" y="3282"/>
                    </a:lnTo>
                    <a:lnTo>
                      <a:pt x="178" y="3290"/>
                    </a:lnTo>
                    <a:lnTo>
                      <a:pt x="176" y="3298"/>
                    </a:lnTo>
                    <a:lnTo>
                      <a:pt x="173" y="3305"/>
                    </a:lnTo>
                    <a:lnTo>
                      <a:pt x="169" y="3312"/>
                    </a:lnTo>
                    <a:lnTo>
                      <a:pt x="164" y="3321"/>
                    </a:lnTo>
                    <a:lnTo>
                      <a:pt x="152" y="3338"/>
                    </a:lnTo>
                    <a:lnTo>
                      <a:pt x="137" y="3360"/>
                    </a:lnTo>
                    <a:lnTo>
                      <a:pt x="128" y="3371"/>
                    </a:lnTo>
                    <a:lnTo>
                      <a:pt x="121" y="3382"/>
                    </a:lnTo>
                    <a:lnTo>
                      <a:pt x="116" y="3394"/>
                    </a:lnTo>
                    <a:lnTo>
                      <a:pt x="112" y="3404"/>
                    </a:lnTo>
                    <a:lnTo>
                      <a:pt x="110" y="3416"/>
                    </a:lnTo>
                    <a:lnTo>
                      <a:pt x="110" y="3427"/>
                    </a:lnTo>
                    <a:lnTo>
                      <a:pt x="112" y="3440"/>
                    </a:lnTo>
                    <a:lnTo>
                      <a:pt x="117" y="3453"/>
                    </a:lnTo>
                    <a:lnTo>
                      <a:pt x="119" y="3460"/>
                    </a:lnTo>
                    <a:lnTo>
                      <a:pt x="120" y="3467"/>
                    </a:lnTo>
                    <a:lnTo>
                      <a:pt x="120" y="3478"/>
                    </a:lnTo>
                    <a:lnTo>
                      <a:pt x="120" y="3489"/>
                    </a:lnTo>
                    <a:lnTo>
                      <a:pt x="117" y="3517"/>
                    </a:lnTo>
                    <a:lnTo>
                      <a:pt x="115" y="3545"/>
                    </a:lnTo>
                    <a:lnTo>
                      <a:pt x="115" y="3559"/>
                    </a:lnTo>
                    <a:lnTo>
                      <a:pt x="115" y="3572"/>
                    </a:lnTo>
                    <a:lnTo>
                      <a:pt x="115" y="3584"/>
                    </a:lnTo>
                    <a:lnTo>
                      <a:pt x="116" y="3593"/>
                    </a:lnTo>
                    <a:lnTo>
                      <a:pt x="119" y="3601"/>
                    </a:lnTo>
                    <a:lnTo>
                      <a:pt x="121" y="3607"/>
                    </a:lnTo>
                    <a:lnTo>
                      <a:pt x="124" y="3609"/>
                    </a:lnTo>
                    <a:lnTo>
                      <a:pt x="127" y="3610"/>
                    </a:lnTo>
                    <a:lnTo>
                      <a:pt x="129" y="3610"/>
                    </a:lnTo>
                    <a:lnTo>
                      <a:pt x="133" y="3609"/>
                    </a:lnTo>
                    <a:lnTo>
                      <a:pt x="142" y="3606"/>
                    </a:lnTo>
                    <a:lnTo>
                      <a:pt x="149" y="3606"/>
                    </a:lnTo>
                    <a:lnTo>
                      <a:pt x="151" y="3607"/>
                    </a:lnTo>
                    <a:lnTo>
                      <a:pt x="154" y="3609"/>
                    </a:lnTo>
                    <a:lnTo>
                      <a:pt x="155" y="3611"/>
                    </a:lnTo>
                    <a:lnTo>
                      <a:pt x="156" y="3614"/>
                    </a:lnTo>
                    <a:lnTo>
                      <a:pt x="158" y="3620"/>
                    </a:lnTo>
                    <a:lnTo>
                      <a:pt x="156" y="3629"/>
                    </a:lnTo>
                    <a:lnTo>
                      <a:pt x="155" y="3638"/>
                    </a:lnTo>
                    <a:lnTo>
                      <a:pt x="152" y="3649"/>
                    </a:lnTo>
                    <a:lnTo>
                      <a:pt x="146" y="3673"/>
                    </a:lnTo>
                    <a:lnTo>
                      <a:pt x="140" y="3697"/>
                    </a:lnTo>
                    <a:lnTo>
                      <a:pt x="137" y="3708"/>
                    </a:lnTo>
                    <a:lnTo>
                      <a:pt x="136" y="3719"/>
                    </a:lnTo>
                    <a:lnTo>
                      <a:pt x="134" y="3729"/>
                    </a:lnTo>
                    <a:lnTo>
                      <a:pt x="136" y="3737"/>
                    </a:lnTo>
                    <a:lnTo>
                      <a:pt x="136" y="3742"/>
                    </a:lnTo>
                    <a:lnTo>
                      <a:pt x="134" y="3756"/>
                    </a:lnTo>
                    <a:lnTo>
                      <a:pt x="136" y="3772"/>
                    </a:lnTo>
                    <a:lnTo>
                      <a:pt x="138" y="3783"/>
                    </a:lnTo>
                    <a:lnTo>
                      <a:pt x="142" y="3790"/>
                    </a:lnTo>
                    <a:lnTo>
                      <a:pt x="146" y="3796"/>
                    </a:lnTo>
                    <a:lnTo>
                      <a:pt x="150" y="3800"/>
                    </a:lnTo>
                    <a:lnTo>
                      <a:pt x="154" y="3803"/>
                    </a:lnTo>
                    <a:lnTo>
                      <a:pt x="160" y="3807"/>
                    </a:lnTo>
                    <a:lnTo>
                      <a:pt x="167" y="3809"/>
                    </a:lnTo>
                    <a:lnTo>
                      <a:pt x="169" y="3811"/>
                    </a:lnTo>
                    <a:lnTo>
                      <a:pt x="172" y="3813"/>
                    </a:lnTo>
                    <a:lnTo>
                      <a:pt x="173" y="3816"/>
                    </a:lnTo>
                    <a:lnTo>
                      <a:pt x="176" y="3820"/>
                    </a:lnTo>
                    <a:lnTo>
                      <a:pt x="178" y="3831"/>
                    </a:lnTo>
                    <a:lnTo>
                      <a:pt x="178" y="3851"/>
                    </a:lnTo>
                    <a:lnTo>
                      <a:pt x="180" y="3861"/>
                    </a:lnTo>
                    <a:lnTo>
                      <a:pt x="184" y="3870"/>
                    </a:lnTo>
                    <a:lnTo>
                      <a:pt x="187" y="3879"/>
                    </a:lnTo>
                    <a:lnTo>
                      <a:pt x="191" y="3887"/>
                    </a:lnTo>
                    <a:lnTo>
                      <a:pt x="197" y="3895"/>
                    </a:lnTo>
                    <a:lnTo>
                      <a:pt x="200" y="3903"/>
                    </a:lnTo>
                    <a:lnTo>
                      <a:pt x="203" y="3910"/>
                    </a:lnTo>
                    <a:lnTo>
                      <a:pt x="204" y="3918"/>
                    </a:lnTo>
                    <a:lnTo>
                      <a:pt x="203" y="3923"/>
                    </a:lnTo>
                    <a:lnTo>
                      <a:pt x="200" y="3929"/>
                    </a:lnTo>
                    <a:lnTo>
                      <a:pt x="197" y="3934"/>
                    </a:lnTo>
                    <a:lnTo>
                      <a:pt x="193" y="3939"/>
                    </a:lnTo>
                    <a:lnTo>
                      <a:pt x="187" y="3945"/>
                    </a:lnTo>
                    <a:lnTo>
                      <a:pt x="184" y="3952"/>
                    </a:lnTo>
                    <a:lnTo>
                      <a:pt x="181" y="3961"/>
                    </a:lnTo>
                    <a:lnTo>
                      <a:pt x="181" y="3970"/>
                    </a:lnTo>
                    <a:lnTo>
                      <a:pt x="186" y="3995"/>
                    </a:lnTo>
                    <a:lnTo>
                      <a:pt x="195" y="4030"/>
                    </a:lnTo>
                    <a:lnTo>
                      <a:pt x="199" y="4048"/>
                    </a:lnTo>
                    <a:lnTo>
                      <a:pt x="202" y="4065"/>
                    </a:lnTo>
                    <a:lnTo>
                      <a:pt x="202" y="4071"/>
                    </a:lnTo>
                    <a:lnTo>
                      <a:pt x="200" y="4077"/>
                    </a:lnTo>
                    <a:lnTo>
                      <a:pt x="198" y="4084"/>
                    </a:lnTo>
                    <a:lnTo>
                      <a:pt x="195" y="4088"/>
                    </a:lnTo>
                    <a:lnTo>
                      <a:pt x="193" y="4089"/>
                    </a:lnTo>
                    <a:lnTo>
                      <a:pt x="189" y="4088"/>
                    </a:lnTo>
                    <a:lnTo>
                      <a:pt x="185" y="4085"/>
                    </a:lnTo>
                    <a:lnTo>
                      <a:pt x="181" y="4083"/>
                    </a:lnTo>
                    <a:lnTo>
                      <a:pt x="176" y="4080"/>
                    </a:lnTo>
                    <a:lnTo>
                      <a:pt x="171" y="4079"/>
                    </a:lnTo>
                    <a:lnTo>
                      <a:pt x="168" y="4079"/>
                    </a:lnTo>
                    <a:lnTo>
                      <a:pt x="164" y="4080"/>
                    </a:lnTo>
                    <a:lnTo>
                      <a:pt x="162" y="4083"/>
                    </a:lnTo>
                    <a:lnTo>
                      <a:pt x="159" y="4085"/>
                    </a:lnTo>
                    <a:lnTo>
                      <a:pt x="158" y="4088"/>
                    </a:lnTo>
                    <a:lnTo>
                      <a:pt x="159" y="4093"/>
                    </a:lnTo>
                    <a:lnTo>
                      <a:pt x="160" y="4101"/>
                    </a:lnTo>
                    <a:lnTo>
                      <a:pt x="162" y="4110"/>
                    </a:lnTo>
                    <a:lnTo>
                      <a:pt x="169" y="4132"/>
                    </a:lnTo>
                    <a:lnTo>
                      <a:pt x="177" y="4157"/>
                    </a:lnTo>
                    <a:lnTo>
                      <a:pt x="187" y="4181"/>
                    </a:lnTo>
                    <a:lnTo>
                      <a:pt x="198" y="4204"/>
                    </a:lnTo>
                    <a:lnTo>
                      <a:pt x="206" y="4223"/>
                    </a:lnTo>
                    <a:lnTo>
                      <a:pt x="212" y="4234"/>
                    </a:lnTo>
                    <a:lnTo>
                      <a:pt x="213" y="4237"/>
                    </a:lnTo>
                    <a:lnTo>
                      <a:pt x="215" y="4239"/>
                    </a:lnTo>
                    <a:lnTo>
                      <a:pt x="213" y="4243"/>
                    </a:lnTo>
                    <a:lnTo>
                      <a:pt x="213" y="4246"/>
                    </a:lnTo>
                    <a:lnTo>
                      <a:pt x="211" y="4252"/>
                    </a:lnTo>
                    <a:lnTo>
                      <a:pt x="207" y="4260"/>
                    </a:lnTo>
                    <a:lnTo>
                      <a:pt x="203" y="4267"/>
                    </a:lnTo>
                    <a:lnTo>
                      <a:pt x="200" y="4276"/>
                    </a:lnTo>
                    <a:lnTo>
                      <a:pt x="199" y="4280"/>
                    </a:lnTo>
                    <a:lnTo>
                      <a:pt x="200" y="4285"/>
                    </a:lnTo>
                    <a:lnTo>
                      <a:pt x="200" y="4289"/>
                    </a:lnTo>
                    <a:lnTo>
                      <a:pt x="203" y="4294"/>
                    </a:lnTo>
                    <a:lnTo>
                      <a:pt x="213" y="4318"/>
                    </a:lnTo>
                    <a:lnTo>
                      <a:pt x="222" y="4342"/>
                    </a:lnTo>
                    <a:lnTo>
                      <a:pt x="229" y="4366"/>
                    </a:lnTo>
                    <a:lnTo>
                      <a:pt x="237" y="4392"/>
                    </a:lnTo>
                    <a:lnTo>
                      <a:pt x="242" y="4399"/>
                    </a:lnTo>
                    <a:lnTo>
                      <a:pt x="246" y="4403"/>
                    </a:lnTo>
                    <a:lnTo>
                      <a:pt x="250" y="4405"/>
                    </a:lnTo>
                    <a:lnTo>
                      <a:pt x="255" y="4405"/>
                    </a:lnTo>
                    <a:lnTo>
                      <a:pt x="259" y="4404"/>
                    </a:lnTo>
                    <a:lnTo>
                      <a:pt x="263" y="4401"/>
                    </a:lnTo>
                    <a:lnTo>
                      <a:pt x="268" y="4399"/>
                    </a:lnTo>
                    <a:lnTo>
                      <a:pt x="272" y="4395"/>
                    </a:lnTo>
                    <a:lnTo>
                      <a:pt x="282" y="4386"/>
                    </a:lnTo>
                    <a:lnTo>
                      <a:pt x="292" y="4378"/>
                    </a:lnTo>
                    <a:lnTo>
                      <a:pt x="299" y="4374"/>
                    </a:lnTo>
                    <a:lnTo>
                      <a:pt x="304" y="4373"/>
                    </a:lnTo>
                    <a:lnTo>
                      <a:pt x="311" y="4370"/>
                    </a:lnTo>
                    <a:lnTo>
                      <a:pt x="317" y="4372"/>
                    </a:lnTo>
                    <a:lnTo>
                      <a:pt x="316" y="4387"/>
                    </a:lnTo>
                    <a:lnTo>
                      <a:pt x="311" y="4412"/>
                    </a:lnTo>
                    <a:lnTo>
                      <a:pt x="309" y="4423"/>
                    </a:lnTo>
                    <a:lnTo>
                      <a:pt x="311" y="4434"/>
                    </a:lnTo>
                    <a:lnTo>
                      <a:pt x="312" y="4438"/>
                    </a:lnTo>
                    <a:lnTo>
                      <a:pt x="314" y="4441"/>
                    </a:lnTo>
                    <a:lnTo>
                      <a:pt x="317" y="4443"/>
                    </a:lnTo>
                    <a:lnTo>
                      <a:pt x="321" y="4444"/>
                    </a:lnTo>
                    <a:lnTo>
                      <a:pt x="335" y="4444"/>
                    </a:lnTo>
                    <a:lnTo>
                      <a:pt x="345" y="4447"/>
                    </a:lnTo>
                    <a:lnTo>
                      <a:pt x="356" y="4451"/>
                    </a:lnTo>
                    <a:lnTo>
                      <a:pt x="364" y="4454"/>
                    </a:lnTo>
                    <a:lnTo>
                      <a:pt x="377" y="4465"/>
                    </a:lnTo>
                    <a:lnTo>
                      <a:pt x="388" y="4475"/>
                    </a:lnTo>
                    <a:lnTo>
                      <a:pt x="393" y="4480"/>
                    </a:lnTo>
                    <a:lnTo>
                      <a:pt x="400" y="4483"/>
                    </a:lnTo>
                    <a:lnTo>
                      <a:pt x="408" y="4486"/>
                    </a:lnTo>
                    <a:lnTo>
                      <a:pt x="415" y="4487"/>
                    </a:lnTo>
                    <a:lnTo>
                      <a:pt x="426" y="4486"/>
                    </a:lnTo>
                    <a:lnTo>
                      <a:pt x="439" y="4483"/>
                    </a:lnTo>
                    <a:lnTo>
                      <a:pt x="453" y="4478"/>
                    </a:lnTo>
                    <a:lnTo>
                      <a:pt x="470" y="4470"/>
                    </a:lnTo>
                    <a:lnTo>
                      <a:pt x="476" y="4467"/>
                    </a:lnTo>
                    <a:lnTo>
                      <a:pt x="485" y="4466"/>
                    </a:lnTo>
                    <a:lnTo>
                      <a:pt x="493" y="4466"/>
                    </a:lnTo>
                    <a:lnTo>
                      <a:pt x="500" y="4467"/>
                    </a:lnTo>
                    <a:lnTo>
                      <a:pt x="502" y="4469"/>
                    </a:lnTo>
                    <a:lnTo>
                      <a:pt x="505" y="4470"/>
                    </a:lnTo>
                    <a:lnTo>
                      <a:pt x="506" y="4471"/>
                    </a:lnTo>
                    <a:lnTo>
                      <a:pt x="506" y="4474"/>
                    </a:lnTo>
                    <a:lnTo>
                      <a:pt x="506" y="4476"/>
                    </a:lnTo>
                    <a:lnTo>
                      <a:pt x="505" y="4480"/>
                    </a:lnTo>
                    <a:lnTo>
                      <a:pt x="502" y="4484"/>
                    </a:lnTo>
                    <a:lnTo>
                      <a:pt x="497" y="4488"/>
                    </a:lnTo>
                    <a:lnTo>
                      <a:pt x="485" y="4496"/>
                    </a:lnTo>
                    <a:lnTo>
                      <a:pt x="472" y="4504"/>
                    </a:lnTo>
                    <a:lnTo>
                      <a:pt x="471" y="4506"/>
                    </a:lnTo>
                    <a:lnTo>
                      <a:pt x="469" y="4508"/>
                    </a:lnTo>
                    <a:lnTo>
                      <a:pt x="469" y="4510"/>
                    </a:lnTo>
                    <a:lnTo>
                      <a:pt x="469" y="4513"/>
                    </a:lnTo>
                    <a:lnTo>
                      <a:pt x="470" y="4514"/>
                    </a:lnTo>
                    <a:lnTo>
                      <a:pt x="471" y="4517"/>
                    </a:lnTo>
                    <a:lnTo>
                      <a:pt x="475" y="4519"/>
                    </a:lnTo>
                    <a:lnTo>
                      <a:pt x="480" y="4522"/>
                    </a:lnTo>
                    <a:lnTo>
                      <a:pt x="489" y="4526"/>
                    </a:lnTo>
                    <a:lnTo>
                      <a:pt x="497" y="4531"/>
                    </a:lnTo>
                    <a:lnTo>
                      <a:pt x="504" y="4536"/>
                    </a:lnTo>
                    <a:lnTo>
                      <a:pt x="507" y="4541"/>
                    </a:lnTo>
                    <a:lnTo>
                      <a:pt x="510" y="4546"/>
                    </a:lnTo>
                    <a:lnTo>
                      <a:pt x="511" y="4552"/>
                    </a:lnTo>
                    <a:lnTo>
                      <a:pt x="511" y="4557"/>
                    </a:lnTo>
                    <a:lnTo>
                      <a:pt x="510" y="4562"/>
                    </a:lnTo>
                    <a:lnTo>
                      <a:pt x="506" y="4572"/>
                    </a:lnTo>
                    <a:lnTo>
                      <a:pt x="498" y="4584"/>
                    </a:lnTo>
                    <a:lnTo>
                      <a:pt x="489" y="4596"/>
                    </a:lnTo>
                    <a:lnTo>
                      <a:pt x="479" y="4606"/>
                    </a:lnTo>
                    <a:lnTo>
                      <a:pt x="470" y="4618"/>
                    </a:lnTo>
                    <a:lnTo>
                      <a:pt x="461" y="4628"/>
                    </a:lnTo>
                    <a:lnTo>
                      <a:pt x="458" y="4633"/>
                    </a:lnTo>
                    <a:lnTo>
                      <a:pt x="456" y="4638"/>
                    </a:lnTo>
                    <a:lnTo>
                      <a:pt x="454" y="4644"/>
                    </a:lnTo>
                    <a:lnTo>
                      <a:pt x="453" y="4649"/>
                    </a:lnTo>
                    <a:lnTo>
                      <a:pt x="454" y="4654"/>
                    </a:lnTo>
                    <a:lnTo>
                      <a:pt x="456" y="4658"/>
                    </a:lnTo>
                    <a:lnTo>
                      <a:pt x="459" y="4663"/>
                    </a:lnTo>
                    <a:lnTo>
                      <a:pt x="463" y="4667"/>
                    </a:lnTo>
                    <a:lnTo>
                      <a:pt x="470" y="4671"/>
                    </a:lnTo>
                    <a:lnTo>
                      <a:pt x="479" y="4675"/>
                    </a:lnTo>
                    <a:lnTo>
                      <a:pt x="489" y="4679"/>
                    </a:lnTo>
                    <a:lnTo>
                      <a:pt x="501" y="4682"/>
                    </a:lnTo>
                    <a:lnTo>
                      <a:pt x="515" y="4686"/>
                    </a:lnTo>
                    <a:lnTo>
                      <a:pt x="526" y="4690"/>
                    </a:lnTo>
                    <a:lnTo>
                      <a:pt x="535" y="4693"/>
                    </a:lnTo>
                    <a:lnTo>
                      <a:pt x="542" y="4693"/>
                    </a:lnTo>
                    <a:lnTo>
                      <a:pt x="546" y="4692"/>
                    </a:lnTo>
                    <a:lnTo>
                      <a:pt x="549" y="4690"/>
                    </a:lnTo>
                    <a:lnTo>
                      <a:pt x="553" y="4688"/>
                    </a:lnTo>
                    <a:lnTo>
                      <a:pt x="557" y="4684"/>
                    </a:lnTo>
                    <a:lnTo>
                      <a:pt x="563" y="4673"/>
                    </a:lnTo>
                    <a:lnTo>
                      <a:pt x="573" y="4659"/>
                    </a:lnTo>
                    <a:lnTo>
                      <a:pt x="579" y="4647"/>
                    </a:lnTo>
                    <a:lnTo>
                      <a:pt x="589" y="4627"/>
                    </a:lnTo>
                    <a:lnTo>
                      <a:pt x="603" y="4600"/>
                    </a:lnTo>
                    <a:lnTo>
                      <a:pt x="618" y="4571"/>
                    </a:lnTo>
                    <a:lnTo>
                      <a:pt x="633" y="4545"/>
                    </a:lnTo>
                    <a:lnTo>
                      <a:pt x="646" y="4527"/>
                    </a:lnTo>
                    <a:lnTo>
                      <a:pt x="651" y="4522"/>
                    </a:lnTo>
                    <a:lnTo>
                      <a:pt x="655" y="4519"/>
                    </a:lnTo>
                    <a:lnTo>
                      <a:pt x="656" y="4521"/>
                    </a:lnTo>
                    <a:lnTo>
                      <a:pt x="658" y="4522"/>
                    </a:lnTo>
                    <a:lnTo>
                      <a:pt x="658" y="4526"/>
                    </a:lnTo>
                    <a:lnTo>
                      <a:pt x="658" y="4530"/>
                    </a:lnTo>
                    <a:lnTo>
                      <a:pt x="656" y="4559"/>
                    </a:lnTo>
                    <a:lnTo>
                      <a:pt x="654" y="4584"/>
                    </a:lnTo>
                    <a:lnTo>
                      <a:pt x="654" y="4596"/>
                    </a:lnTo>
                    <a:lnTo>
                      <a:pt x="658" y="4607"/>
                    </a:lnTo>
                    <a:lnTo>
                      <a:pt x="664" y="4620"/>
                    </a:lnTo>
                    <a:lnTo>
                      <a:pt x="675" y="4636"/>
                    </a:lnTo>
                    <a:lnTo>
                      <a:pt x="681" y="4645"/>
                    </a:lnTo>
                    <a:lnTo>
                      <a:pt x="684" y="4654"/>
                    </a:lnTo>
                    <a:lnTo>
                      <a:pt x="685" y="4664"/>
                    </a:lnTo>
                    <a:lnTo>
                      <a:pt x="684" y="4673"/>
                    </a:lnTo>
                    <a:lnTo>
                      <a:pt x="681" y="4682"/>
                    </a:lnTo>
                    <a:lnTo>
                      <a:pt x="677" y="4692"/>
                    </a:lnTo>
                    <a:lnTo>
                      <a:pt x="672" y="4699"/>
                    </a:lnTo>
                    <a:lnTo>
                      <a:pt x="668" y="4707"/>
                    </a:lnTo>
                    <a:lnTo>
                      <a:pt x="659" y="4719"/>
                    </a:lnTo>
                    <a:lnTo>
                      <a:pt x="655" y="4726"/>
                    </a:lnTo>
                    <a:lnTo>
                      <a:pt x="656" y="4729"/>
                    </a:lnTo>
                    <a:lnTo>
                      <a:pt x="659" y="4729"/>
                    </a:lnTo>
                    <a:lnTo>
                      <a:pt x="665" y="4726"/>
                    </a:lnTo>
                    <a:lnTo>
                      <a:pt x="673" y="4723"/>
                    </a:lnTo>
                    <a:lnTo>
                      <a:pt x="685" y="4719"/>
                    </a:lnTo>
                    <a:lnTo>
                      <a:pt x="694" y="4717"/>
                    </a:lnTo>
                    <a:lnTo>
                      <a:pt x="702" y="4716"/>
                    </a:lnTo>
                    <a:lnTo>
                      <a:pt x="707" y="4717"/>
                    </a:lnTo>
                    <a:lnTo>
                      <a:pt x="710" y="4719"/>
                    </a:lnTo>
                    <a:lnTo>
                      <a:pt x="711" y="4720"/>
                    </a:lnTo>
                    <a:lnTo>
                      <a:pt x="712" y="4723"/>
                    </a:lnTo>
                    <a:lnTo>
                      <a:pt x="712" y="4725"/>
                    </a:lnTo>
                    <a:lnTo>
                      <a:pt x="711" y="4732"/>
                    </a:lnTo>
                    <a:lnTo>
                      <a:pt x="706" y="4741"/>
                    </a:lnTo>
                    <a:lnTo>
                      <a:pt x="695" y="4752"/>
                    </a:lnTo>
                    <a:lnTo>
                      <a:pt x="682" y="4764"/>
                    </a:lnTo>
                    <a:lnTo>
                      <a:pt x="677" y="4769"/>
                    </a:lnTo>
                    <a:lnTo>
                      <a:pt x="672" y="4774"/>
                    </a:lnTo>
                    <a:lnTo>
                      <a:pt x="671" y="4778"/>
                    </a:lnTo>
                    <a:lnTo>
                      <a:pt x="671" y="4781"/>
                    </a:lnTo>
                    <a:lnTo>
                      <a:pt x="671" y="4785"/>
                    </a:lnTo>
                    <a:lnTo>
                      <a:pt x="672" y="4789"/>
                    </a:lnTo>
                    <a:lnTo>
                      <a:pt x="691" y="4787"/>
                    </a:lnTo>
                    <a:lnTo>
                      <a:pt x="707" y="4785"/>
                    </a:lnTo>
                    <a:lnTo>
                      <a:pt x="712" y="4783"/>
                    </a:lnTo>
                    <a:lnTo>
                      <a:pt x="717" y="4781"/>
                    </a:lnTo>
                    <a:lnTo>
                      <a:pt x="721" y="4777"/>
                    </a:lnTo>
                    <a:lnTo>
                      <a:pt x="725" y="4774"/>
                    </a:lnTo>
                    <a:lnTo>
                      <a:pt x="732" y="4767"/>
                    </a:lnTo>
                    <a:lnTo>
                      <a:pt x="739" y="4756"/>
                    </a:lnTo>
                    <a:lnTo>
                      <a:pt x="751" y="4745"/>
                    </a:lnTo>
                    <a:lnTo>
                      <a:pt x="767" y="4732"/>
                    </a:lnTo>
                    <a:lnTo>
                      <a:pt x="773" y="4728"/>
                    </a:lnTo>
                    <a:lnTo>
                      <a:pt x="779" y="4724"/>
                    </a:lnTo>
                    <a:lnTo>
                      <a:pt x="786" y="4721"/>
                    </a:lnTo>
                    <a:lnTo>
                      <a:pt x="792" y="4719"/>
                    </a:lnTo>
                    <a:lnTo>
                      <a:pt x="805" y="4716"/>
                    </a:lnTo>
                    <a:lnTo>
                      <a:pt x="818" y="4714"/>
                    </a:lnTo>
                    <a:lnTo>
                      <a:pt x="833" y="4712"/>
                    </a:lnTo>
                    <a:lnTo>
                      <a:pt x="844" y="4710"/>
                    </a:lnTo>
                    <a:lnTo>
                      <a:pt x="857" y="4706"/>
                    </a:lnTo>
                    <a:lnTo>
                      <a:pt x="869" y="4701"/>
                    </a:lnTo>
                    <a:lnTo>
                      <a:pt x="887" y="4689"/>
                    </a:lnTo>
                    <a:lnTo>
                      <a:pt x="905" y="4681"/>
                    </a:lnTo>
                    <a:lnTo>
                      <a:pt x="923" y="4673"/>
                    </a:lnTo>
                    <a:lnTo>
                      <a:pt x="941" y="4667"/>
                    </a:lnTo>
                    <a:lnTo>
                      <a:pt x="957" y="4660"/>
                    </a:lnTo>
                    <a:lnTo>
                      <a:pt x="971" y="4653"/>
                    </a:lnTo>
                    <a:lnTo>
                      <a:pt x="978" y="4649"/>
                    </a:lnTo>
                    <a:lnTo>
                      <a:pt x="984" y="4644"/>
                    </a:lnTo>
                    <a:lnTo>
                      <a:pt x="989" y="4637"/>
                    </a:lnTo>
                    <a:lnTo>
                      <a:pt x="995" y="4631"/>
                    </a:lnTo>
                    <a:lnTo>
                      <a:pt x="1000" y="4627"/>
                    </a:lnTo>
                    <a:lnTo>
                      <a:pt x="1006" y="4622"/>
                    </a:lnTo>
                    <a:lnTo>
                      <a:pt x="1015" y="4616"/>
                    </a:lnTo>
                    <a:lnTo>
                      <a:pt x="1024" y="4611"/>
                    </a:lnTo>
                    <a:lnTo>
                      <a:pt x="1048" y="4602"/>
                    </a:lnTo>
                    <a:lnTo>
                      <a:pt x="1074" y="4593"/>
                    </a:lnTo>
                    <a:lnTo>
                      <a:pt x="1127" y="4576"/>
                    </a:lnTo>
                    <a:lnTo>
                      <a:pt x="1167" y="4562"/>
                    </a:lnTo>
                    <a:lnTo>
                      <a:pt x="1182" y="4557"/>
                    </a:lnTo>
                    <a:lnTo>
                      <a:pt x="1197" y="4550"/>
                    </a:lnTo>
                    <a:lnTo>
                      <a:pt x="1210" y="4543"/>
                    </a:lnTo>
                    <a:lnTo>
                      <a:pt x="1223" y="4533"/>
                    </a:lnTo>
                    <a:lnTo>
                      <a:pt x="1245" y="4514"/>
                    </a:lnTo>
                    <a:lnTo>
                      <a:pt x="1269" y="4493"/>
                    </a:lnTo>
                    <a:lnTo>
                      <a:pt x="1274" y="4489"/>
                    </a:lnTo>
                    <a:lnTo>
                      <a:pt x="1278" y="4484"/>
                    </a:lnTo>
                    <a:lnTo>
                      <a:pt x="1282" y="4480"/>
                    </a:lnTo>
                    <a:lnTo>
                      <a:pt x="1285" y="4475"/>
                    </a:lnTo>
                    <a:lnTo>
                      <a:pt x="1289" y="4465"/>
                    </a:lnTo>
                    <a:lnTo>
                      <a:pt x="1290" y="4454"/>
                    </a:lnTo>
                    <a:lnTo>
                      <a:pt x="1291" y="4444"/>
                    </a:lnTo>
                    <a:lnTo>
                      <a:pt x="1294" y="4434"/>
                    </a:lnTo>
                    <a:lnTo>
                      <a:pt x="1296" y="4423"/>
                    </a:lnTo>
                    <a:lnTo>
                      <a:pt x="1300" y="4413"/>
                    </a:lnTo>
                    <a:lnTo>
                      <a:pt x="1312" y="4418"/>
                    </a:lnTo>
                    <a:lnTo>
                      <a:pt x="1329" y="4430"/>
                    </a:lnTo>
                    <a:lnTo>
                      <a:pt x="1339" y="4436"/>
                    </a:lnTo>
                    <a:lnTo>
                      <a:pt x="1350" y="4441"/>
                    </a:lnTo>
                    <a:lnTo>
                      <a:pt x="1360" y="4445"/>
                    </a:lnTo>
                    <a:lnTo>
                      <a:pt x="1372" y="4447"/>
                    </a:lnTo>
                    <a:lnTo>
                      <a:pt x="1383" y="4447"/>
                    </a:lnTo>
                    <a:lnTo>
                      <a:pt x="1394" y="4447"/>
                    </a:lnTo>
                    <a:lnTo>
                      <a:pt x="1404" y="4444"/>
                    </a:lnTo>
                    <a:lnTo>
                      <a:pt x="1414" y="4443"/>
                    </a:lnTo>
                    <a:lnTo>
                      <a:pt x="1435" y="4436"/>
                    </a:lnTo>
                    <a:lnTo>
                      <a:pt x="1454" y="4430"/>
                    </a:lnTo>
                    <a:lnTo>
                      <a:pt x="1474" y="4422"/>
                    </a:lnTo>
                    <a:lnTo>
                      <a:pt x="1493" y="4416"/>
                    </a:lnTo>
                    <a:lnTo>
                      <a:pt x="1513" y="4409"/>
                    </a:lnTo>
                    <a:lnTo>
                      <a:pt x="1533" y="4404"/>
                    </a:lnTo>
                    <a:lnTo>
                      <a:pt x="1565" y="4400"/>
                    </a:lnTo>
                    <a:lnTo>
                      <a:pt x="1597" y="4399"/>
                    </a:lnTo>
                    <a:lnTo>
                      <a:pt x="1612" y="4396"/>
                    </a:lnTo>
                    <a:lnTo>
                      <a:pt x="1628" y="4392"/>
                    </a:lnTo>
                    <a:lnTo>
                      <a:pt x="1636" y="4390"/>
                    </a:lnTo>
                    <a:lnTo>
                      <a:pt x="1644" y="4387"/>
                    </a:lnTo>
                    <a:lnTo>
                      <a:pt x="1650" y="4383"/>
                    </a:lnTo>
                    <a:lnTo>
                      <a:pt x="1657" y="4379"/>
                    </a:lnTo>
                    <a:lnTo>
                      <a:pt x="1659" y="4364"/>
                    </a:lnTo>
                    <a:lnTo>
                      <a:pt x="1663" y="4352"/>
                    </a:lnTo>
                    <a:lnTo>
                      <a:pt x="1664" y="4348"/>
                    </a:lnTo>
                    <a:lnTo>
                      <a:pt x="1667" y="4346"/>
                    </a:lnTo>
                    <a:lnTo>
                      <a:pt x="1669" y="4343"/>
                    </a:lnTo>
                    <a:lnTo>
                      <a:pt x="1672" y="4342"/>
                    </a:lnTo>
                    <a:lnTo>
                      <a:pt x="1672" y="4342"/>
                    </a:lnTo>
                    <a:lnTo>
                      <a:pt x="1669" y="4334"/>
                    </a:lnTo>
                    <a:lnTo>
                      <a:pt x="1668" y="4324"/>
                    </a:lnTo>
                    <a:lnTo>
                      <a:pt x="1667" y="4315"/>
                    </a:lnTo>
                    <a:lnTo>
                      <a:pt x="1667" y="4304"/>
                    </a:lnTo>
                    <a:lnTo>
                      <a:pt x="1668" y="4293"/>
                    </a:lnTo>
                    <a:lnTo>
                      <a:pt x="1669" y="4281"/>
                    </a:lnTo>
                    <a:lnTo>
                      <a:pt x="1672" y="4269"/>
                    </a:lnTo>
                    <a:lnTo>
                      <a:pt x="1675" y="4256"/>
                    </a:lnTo>
                    <a:lnTo>
                      <a:pt x="1684" y="4230"/>
                    </a:lnTo>
                    <a:lnTo>
                      <a:pt x="1694" y="4203"/>
                    </a:lnTo>
                    <a:lnTo>
                      <a:pt x="1706" y="4175"/>
                    </a:lnTo>
                    <a:lnTo>
                      <a:pt x="1720" y="4147"/>
                    </a:lnTo>
                    <a:lnTo>
                      <a:pt x="1734" y="4120"/>
                    </a:lnTo>
                    <a:lnTo>
                      <a:pt x="1750" y="4093"/>
                    </a:lnTo>
                    <a:lnTo>
                      <a:pt x="1765" y="4067"/>
                    </a:lnTo>
                    <a:lnTo>
                      <a:pt x="1780" y="4044"/>
                    </a:lnTo>
                    <a:lnTo>
                      <a:pt x="1808" y="4002"/>
                    </a:lnTo>
                    <a:lnTo>
                      <a:pt x="1831" y="3973"/>
                    </a:lnTo>
                    <a:lnTo>
                      <a:pt x="1844" y="3956"/>
                    </a:lnTo>
                    <a:lnTo>
                      <a:pt x="1859" y="3938"/>
                    </a:lnTo>
                    <a:lnTo>
                      <a:pt x="1870" y="3921"/>
                    </a:lnTo>
                    <a:lnTo>
                      <a:pt x="1883" y="3903"/>
                    </a:lnTo>
                    <a:lnTo>
                      <a:pt x="1908" y="3866"/>
                    </a:lnTo>
                    <a:lnTo>
                      <a:pt x="1934" y="3833"/>
                    </a:lnTo>
                    <a:lnTo>
                      <a:pt x="1944" y="3812"/>
                    </a:lnTo>
                    <a:lnTo>
                      <a:pt x="1957" y="3792"/>
                    </a:lnTo>
                    <a:lnTo>
                      <a:pt x="1970" y="3774"/>
                    </a:lnTo>
                    <a:lnTo>
                      <a:pt x="1983" y="3755"/>
                    </a:lnTo>
                    <a:lnTo>
                      <a:pt x="2012" y="3717"/>
                    </a:lnTo>
                    <a:lnTo>
                      <a:pt x="2041" y="3681"/>
                    </a:lnTo>
                    <a:lnTo>
                      <a:pt x="2072" y="3645"/>
                    </a:lnTo>
                    <a:lnTo>
                      <a:pt x="2102" y="3609"/>
                    </a:lnTo>
                    <a:lnTo>
                      <a:pt x="2131" y="3571"/>
                    </a:lnTo>
                    <a:lnTo>
                      <a:pt x="2158" y="3533"/>
                    </a:lnTo>
                    <a:lnTo>
                      <a:pt x="2170" y="3517"/>
                    </a:lnTo>
                    <a:lnTo>
                      <a:pt x="2180" y="3498"/>
                    </a:lnTo>
                    <a:lnTo>
                      <a:pt x="2189" y="3480"/>
                    </a:lnTo>
                    <a:lnTo>
                      <a:pt x="2198" y="3461"/>
                    </a:lnTo>
                    <a:lnTo>
                      <a:pt x="2216" y="3423"/>
                    </a:lnTo>
                    <a:lnTo>
                      <a:pt x="2233" y="3386"/>
                    </a:lnTo>
                    <a:lnTo>
                      <a:pt x="2250" y="3348"/>
                    </a:lnTo>
                    <a:lnTo>
                      <a:pt x="2267" y="3311"/>
                    </a:lnTo>
                    <a:lnTo>
                      <a:pt x="2276" y="3292"/>
                    </a:lnTo>
                    <a:lnTo>
                      <a:pt x="2285" y="3274"/>
                    </a:lnTo>
                    <a:lnTo>
                      <a:pt x="2295" y="3257"/>
                    </a:lnTo>
                    <a:lnTo>
                      <a:pt x="2307" y="3239"/>
                    </a:lnTo>
                    <a:lnTo>
                      <a:pt x="2316" y="3215"/>
                    </a:lnTo>
                    <a:lnTo>
                      <a:pt x="2324" y="3193"/>
                    </a:lnTo>
                    <a:lnTo>
                      <a:pt x="2328" y="3173"/>
                    </a:lnTo>
                    <a:lnTo>
                      <a:pt x="2330" y="3155"/>
                    </a:lnTo>
                    <a:lnTo>
                      <a:pt x="2329" y="3138"/>
                    </a:lnTo>
                    <a:lnTo>
                      <a:pt x="2326" y="3124"/>
                    </a:lnTo>
                    <a:lnTo>
                      <a:pt x="2322" y="3110"/>
                    </a:lnTo>
                    <a:lnTo>
                      <a:pt x="2316" y="3097"/>
                    </a:lnTo>
                    <a:lnTo>
                      <a:pt x="2308" y="3084"/>
                    </a:lnTo>
                    <a:lnTo>
                      <a:pt x="2299" y="3072"/>
                    </a:lnTo>
                    <a:lnTo>
                      <a:pt x="2289" y="3059"/>
                    </a:lnTo>
                    <a:lnTo>
                      <a:pt x="2277" y="3046"/>
                    </a:lnTo>
                    <a:lnTo>
                      <a:pt x="2251" y="3018"/>
                    </a:lnTo>
                    <a:lnTo>
                      <a:pt x="2224" y="2984"/>
                    </a:lnTo>
                    <a:lnTo>
                      <a:pt x="2166" y="2908"/>
                    </a:lnTo>
                    <a:lnTo>
                      <a:pt x="2160" y="2903"/>
                    </a:lnTo>
                    <a:lnTo>
                      <a:pt x="2155" y="2897"/>
                    </a:lnTo>
                    <a:lnTo>
                      <a:pt x="2150" y="2895"/>
                    </a:lnTo>
                    <a:lnTo>
                      <a:pt x="2144" y="2891"/>
                    </a:lnTo>
                    <a:lnTo>
                      <a:pt x="2129" y="2886"/>
                    </a:lnTo>
                    <a:lnTo>
                      <a:pt x="2115" y="2882"/>
                    </a:lnTo>
                    <a:lnTo>
                      <a:pt x="2101" y="2878"/>
                    </a:lnTo>
                    <a:lnTo>
                      <a:pt x="2088" y="2873"/>
                    </a:lnTo>
                    <a:lnTo>
                      <a:pt x="2081" y="2870"/>
                    </a:lnTo>
                    <a:lnTo>
                      <a:pt x="2076" y="2866"/>
                    </a:lnTo>
                    <a:lnTo>
                      <a:pt x="2071" y="2862"/>
                    </a:lnTo>
                    <a:lnTo>
                      <a:pt x="2067" y="2859"/>
                    </a:lnTo>
                    <a:lnTo>
                      <a:pt x="2058" y="2844"/>
                    </a:lnTo>
                    <a:lnTo>
                      <a:pt x="2049" y="2829"/>
                    </a:lnTo>
                    <a:lnTo>
                      <a:pt x="2040" y="2814"/>
                    </a:lnTo>
                    <a:lnTo>
                      <a:pt x="2031" y="2802"/>
                    </a:lnTo>
                    <a:lnTo>
                      <a:pt x="2001" y="2769"/>
                    </a:lnTo>
                    <a:lnTo>
                      <a:pt x="1977" y="2741"/>
                    </a:lnTo>
                    <a:lnTo>
                      <a:pt x="1973" y="2734"/>
                    </a:lnTo>
                    <a:lnTo>
                      <a:pt x="1970" y="2726"/>
                    </a:lnTo>
                    <a:lnTo>
                      <a:pt x="1967" y="2717"/>
                    </a:lnTo>
                    <a:lnTo>
                      <a:pt x="1967" y="2708"/>
                    </a:lnTo>
                    <a:lnTo>
                      <a:pt x="1967" y="2698"/>
                    </a:lnTo>
                    <a:lnTo>
                      <a:pt x="1970" y="2686"/>
                    </a:lnTo>
                    <a:lnTo>
                      <a:pt x="1973" y="2675"/>
                    </a:lnTo>
                    <a:lnTo>
                      <a:pt x="1978" y="2660"/>
                    </a:lnTo>
                    <a:lnTo>
                      <a:pt x="1982" y="2638"/>
                    </a:lnTo>
                    <a:lnTo>
                      <a:pt x="1986" y="2615"/>
                    </a:lnTo>
                    <a:lnTo>
                      <a:pt x="1988" y="2592"/>
                    </a:lnTo>
                    <a:lnTo>
                      <a:pt x="1989" y="2567"/>
                    </a:lnTo>
                    <a:lnTo>
                      <a:pt x="1988" y="2542"/>
                    </a:lnTo>
                    <a:lnTo>
                      <a:pt x="1987" y="2519"/>
                    </a:lnTo>
                    <a:lnTo>
                      <a:pt x="1984" y="2507"/>
                    </a:lnTo>
                    <a:lnTo>
                      <a:pt x="1982" y="2497"/>
                    </a:lnTo>
                    <a:lnTo>
                      <a:pt x="1979" y="2487"/>
                    </a:lnTo>
                    <a:lnTo>
                      <a:pt x="1975" y="2476"/>
                    </a:lnTo>
                    <a:lnTo>
                      <a:pt x="1966" y="2458"/>
                    </a:lnTo>
                    <a:lnTo>
                      <a:pt x="1956" y="2441"/>
                    </a:lnTo>
                    <a:lnTo>
                      <a:pt x="1944" y="2425"/>
                    </a:lnTo>
                    <a:lnTo>
                      <a:pt x="1934" y="2409"/>
                    </a:lnTo>
                    <a:lnTo>
                      <a:pt x="1925" y="2392"/>
                    </a:lnTo>
                    <a:lnTo>
                      <a:pt x="1917" y="2374"/>
                    </a:lnTo>
                    <a:lnTo>
                      <a:pt x="1913" y="2365"/>
                    </a:lnTo>
                    <a:lnTo>
                      <a:pt x="1910" y="2356"/>
                    </a:lnTo>
                    <a:lnTo>
                      <a:pt x="1909" y="2346"/>
                    </a:lnTo>
                    <a:lnTo>
                      <a:pt x="1909" y="2334"/>
                    </a:lnTo>
                    <a:lnTo>
                      <a:pt x="1907" y="2300"/>
                    </a:lnTo>
                    <a:lnTo>
                      <a:pt x="1905" y="2292"/>
                    </a:lnTo>
                    <a:lnTo>
                      <a:pt x="1903" y="2286"/>
                    </a:lnTo>
                    <a:lnTo>
                      <a:pt x="1900" y="2279"/>
                    </a:lnTo>
                    <a:lnTo>
                      <a:pt x="1895" y="2273"/>
                    </a:lnTo>
                    <a:lnTo>
                      <a:pt x="1885" y="2261"/>
                    </a:lnTo>
                    <a:lnTo>
                      <a:pt x="1873" y="2251"/>
                    </a:lnTo>
                    <a:lnTo>
                      <a:pt x="1860" y="2241"/>
                    </a:lnTo>
                    <a:lnTo>
                      <a:pt x="1848" y="2229"/>
                    </a:lnTo>
                    <a:lnTo>
                      <a:pt x="1842" y="2224"/>
                    </a:lnTo>
                    <a:lnTo>
                      <a:pt x="1837" y="2217"/>
                    </a:lnTo>
                    <a:lnTo>
                      <a:pt x="1833" y="2212"/>
                    </a:lnTo>
                    <a:lnTo>
                      <a:pt x="1829" y="2206"/>
                    </a:lnTo>
                    <a:lnTo>
                      <a:pt x="1818" y="2180"/>
                    </a:lnTo>
                    <a:lnTo>
                      <a:pt x="1809" y="2155"/>
                    </a:lnTo>
                    <a:lnTo>
                      <a:pt x="1804" y="2129"/>
                    </a:lnTo>
                    <a:lnTo>
                      <a:pt x="1799" y="2102"/>
                    </a:lnTo>
                    <a:lnTo>
                      <a:pt x="1796" y="2083"/>
                    </a:lnTo>
                    <a:lnTo>
                      <a:pt x="1793" y="2064"/>
                    </a:lnTo>
                    <a:lnTo>
                      <a:pt x="1789" y="2046"/>
                    </a:lnTo>
                    <a:lnTo>
                      <a:pt x="1785" y="2026"/>
                    </a:lnTo>
                    <a:lnTo>
                      <a:pt x="1776" y="2010"/>
                    </a:lnTo>
                    <a:lnTo>
                      <a:pt x="1768" y="1997"/>
                    </a:lnTo>
                    <a:lnTo>
                      <a:pt x="1763" y="1985"/>
                    </a:lnTo>
                    <a:lnTo>
                      <a:pt x="1759" y="1974"/>
                    </a:lnTo>
                    <a:lnTo>
                      <a:pt x="1758" y="1961"/>
                    </a:lnTo>
                    <a:lnTo>
                      <a:pt x="1758" y="1948"/>
                    </a:lnTo>
                    <a:lnTo>
                      <a:pt x="1760" y="1932"/>
                    </a:lnTo>
                    <a:lnTo>
                      <a:pt x="1764" y="1914"/>
                    </a:lnTo>
                    <a:lnTo>
                      <a:pt x="1769" y="1897"/>
                    </a:lnTo>
                    <a:lnTo>
                      <a:pt x="1773" y="1880"/>
                    </a:lnTo>
                    <a:lnTo>
                      <a:pt x="1776" y="1864"/>
                    </a:lnTo>
                    <a:lnTo>
                      <a:pt x="1778" y="1847"/>
                    </a:lnTo>
                    <a:lnTo>
                      <a:pt x="1780" y="1830"/>
                    </a:lnTo>
                    <a:lnTo>
                      <a:pt x="1780" y="1813"/>
                    </a:lnTo>
                    <a:lnTo>
                      <a:pt x="1780" y="1795"/>
                    </a:lnTo>
                    <a:lnTo>
                      <a:pt x="1778" y="1778"/>
                    </a:lnTo>
                    <a:lnTo>
                      <a:pt x="1774" y="1759"/>
                    </a:lnTo>
                    <a:lnTo>
                      <a:pt x="1769" y="1742"/>
                    </a:lnTo>
                    <a:lnTo>
                      <a:pt x="1763" y="1724"/>
                    </a:lnTo>
                    <a:lnTo>
                      <a:pt x="1754" y="1707"/>
                    </a:lnTo>
                    <a:lnTo>
                      <a:pt x="1745" y="1690"/>
                    </a:lnTo>
                    <a:lnTo>
                      <a:pt x="1734" y="1673"/>
                    </a:lnTo>
                    <a:lnTo>
                      <a:pt x="1723" y="1658"/>
                    </a:lnTo>
                    <a:lnTo>
                      <a:pt x="1711" y="1642"/>
                    </a:lnTo>
                    <a:lnTo>
                      <a:pt x="1686" y="1610"/>
                    </a:lnTo>
                    <a:lnTo>
                      <a:pt x="1663" y="1579"/>
                    </a:lnTo>
                    <a:lnTo>
                      <a:pt x="1651" y="1562"/>
                    </a:lnTo>
                    <a:lnTo>
                      <a:pt x="1641" y="1546"/>
                    </a:lnTo>
                    <a:lnTo>
                      <a:pt x="1632" y="1529"/>
                    </a:lnTo>
                    <a:lnTo>
                      <a:pt x="1624" y="1513"/>
                    </a:lnTo>
                    <a:lnTo>
                      <a:pt x="1612" y="1494"/>
                    </a:lnTo>
                    <a:lnTo>
                      <a:pt x="1597" y="1478"/>
                    </a:lnTo>
                    <a:lnTo>
                      <a:pt x="1583" y="1461"/>
                    </a:lnTo>
                    <a:lnTo>
                      <a:pt x="1567" y="1444"/>
                    </a:lnTo>
                    <a:lnTo>
                      <a:pt x="1554" y="1427"/>
                    </a:lnTo>
                    <a:lnTo>
                      <a:pt x="1541" y="1409"/>
                    </a:lnTo>
                    <a:lnTo>
                      <a:pt x="1536" y="1399"/>
                    </a:lnTo>
                    <a:lnTo>
                      <a:pt x="1532" y="1388"/>
                    </a:lnTo>
                    <a:lnTo>
                      <a:pt x="1528" y="1378"/>
                    </a:lnTo>
                    <a:lnTo>
                      <a:pt x="1526" y="1366"/>
                    </a:lnTo>
                    <a:lnTo>
                      <a:pt x="1524" y="1357"/>
                    </a:lnTo>
                    <a:lnTo>
                      <a:pt x="1524" y="1348"/>
                    </a:lnTo>
                    <a:lnTo>
                      <a:pt x="1524" y="1340"/>
                    </a:lnTo>
                    <a:lnTo>
                      <a:pt x="1526" y="1331"/>
                    </a:lnTo>
                    <a:lnTo>
                      <a:pt x="1530" y="1314"/>
                    </a:lnTo>
                    <a:lnTo>
                      <a:pt x="1536" y="1298"/>
                    </a:lnTo>
                    <a:lnTo>
                      <a:pt x="1550" y="1265"/>
                    </a:lnTo>
                    <a:lnTo>
                      <a:pt x="1565" y="1233"/>
                    </a:lnTo>
                    <a:lnTo>
                      <a:pt x="1576" y="1203"/>
                    </a:lnTo>
                    <a:lnTo>
                      <a:pt x="1588" y="1172"/>
                    </a:lnTo>
                    <a:lnTo>
                      <a:pt x="1601" y="1137"/>
                    </a:lnTo>
                    <a:lnTo>
                      <a:pt x="1610" y="1103"/>
                    </a:lnTo>
                    <a:lnTo>
                      <a:pt x="1614" y="1085"/>
                    </a:lnTo>
                    <a:lnTo>
                      <a:pt x="1616" y="1068"/>
                    </a:lnTo>
                    <a:lnTo>
                      <a:pt x="1616" y="1051"/>
                    </a:lnTo>
                    <a:lnTo>
                      <a:pt x="1615" y="1036"/>
                    </a:lnTo>
                    <a:lnTo>
                      <a:pt x="1612" y="1020"/>
                    </a:lnTo>
                    <a:lnTo>
                      <a:pt x="1607" y="1006"/>
                    </a:lnTo>
                    <a:lnTo>
                      <a:pt x="1603" y="998"/>
                    </a:lnTo>
                    <a:lnTo>
                      <a:pt x="1600" y="992"/>
                    </a:lnTo>
                    <a:lnTo>
                      <a:pt x="1594" y="985"/>
                    </a:lnTo>
                    <a:lnTo>
                      <a:pt x="1589" y="979"/>
                    </a:lnTo>
                    <a:lnTo>
                      <a:pt x="1576" y="963"/>
                    </a:lnTo>
                    <a:lnTo>
                      <a:pt x="1562" y="946"/>
                    </a:lnTo>
                    <a:lnTo>
                      <a:pt x="1548" y="928"/>
                    </a:lnTo>
                    <a:lnTo>
                      <a:pt x="1533" y="908"/>
                    </a:lnTo>
                    <a:lnTo>
                      <a:pt x="1521" y="887"/>
                    </a:lnTo>
                    <a:lnTo>
                      <a:pt x="1509" y="866"/>
                    </a:lnTo>
                    <a:lnTo>
                      <a:pt x="1501" y="847"/>
                    </a:lnTo>
                    <a:lnTo>
                      <a:pt x="1495" y="827"/>
                    </a:lnTo>
                    <a:lnTo>
                      <a:pt x="1454" y="791"/>
                    </a:lnTo>
                    <a:lnTo>
                      <a:pt x="1414" y="755"/>
                    </a:lnTo>
                    <a:lnTo>
                      <a:pt x="1394" y="735"/>
                    </a:lnTo>
                    <a:lnTo>
                      <a:pt x="1375" y="716"/>
                    </a:lnTo>
                    <a:lnTo>
                      <a:pt x="1357" y="695"/>
                    </a:lnTo>
                    <a:lnTo>
                      <a:pt x="1342" y="673"/>
                    </a:lnTo>
                    <a:lnTo>
                      <a:pt x="1337" y="664"/>
                    </a:lnTo>
                    <a:lnTo>
                      <a:pt x="1333" y="654"/>
                    </a:lnTo>
                    <a:lnTo>
                      <a:pt x="1329" y="645"/>
                    </a:lnTo>
                    <a:lnTo>
                      <a:pt x="1327" y="636"/>
                    </a:lnTo>
                    <a:lnTo>
                      <a:pt x="1325" y="616"/>
                    </a:lnTo>
                    <a:lnTo>
                      <a:pt x="1325" y="597"/>
                    </a:lnTo>
                    <a:lnTo>
                      <a:pt x="1326" y="579"/>
                    </a:lnTo>
                    <a:lnTo>
                      <a:pt x="1326" y="559"/>
                    </a:lnTo>
                    <a:lnTo>
                      <a:pt x="1327" y="540"/>
                    </a:lnTo>
                    <a:lnTo>
                      <a:pt x="1326" y="520"/>
                    </a:lnTo>
                    <a:lnTo>
                      <a:pt x="1313" y="514"/>
                    </a:lnTo>
                    <a:lnTo>
                      <a:pt x="1298" y="506"/>
                    </a:lnTo>
                    <a:lnTo>
                      <a:pt x="1291" y="503"/>
                    </a:lnTo>
                    <a:lnTo>
                      <a:pt x="1285" y="498"/>
                    </a:lnTo>
                    <a:lnTo>
                      <a:pt x="1281" y="494"/>
                    </a:lnTo>
                    <a:lnTo>
                      <a:pt x="1278" y="489"/>
                    </a:lnTo>
                    <a:lnTo>
                      <a:pt x="1278" y="489"/>
                    </a:lnTo>
                    <a:lnTo>
                      <a:pt x="1280" y="474"/>
                    </a:lnTo>
                    <a:lnTo>
                      <a:pt x="1281" y="459"/>
                    </a:lnTo>
                    <a:lnTo>
                      <a:pt x="1282" y="444"/>
                    </a:lnTo>
                    <a:lnTo>
                      <a:pt x="1286" y="430"/>
                    </a:lnTo>
                    <a:lnTo>
                      <a:pt x="1287" y="418"/>
                    </a:lnTo>
                    <a:lnTo>
                      <a:pt x="1289" y="406"/>
                    </a:lnTo>
                    <a:lnTo>
                      <a:pt x="1290" y="395"/>
                    </a:lnTo>
                    <a:lnTo>
                      <a:pt x="1290" y="383"/>
                    </a:lnTo>
                    <a:lnTo>
                      <a:pt x="1292" y="373"/>
                    </a:lnTo>
                    <a:lnTo>
                      <a:pt x="1295" y="364"/>
                    </a:lnTo>
                    <a:lnTo>
                      <a:pt x="1296" y="353"/>
                    </a:lnTo>
                    <a:lnTo>
                      <a:pt x="1298" y="342"/>
                    </a:lnTo>
                    <a:lnTo>
                      <a:pt x="1296" y="326"/>
                    </a:lnTo>
                    <a:lnTo>
                      <a:pt x="1295" y="310"/>
                    </a:lnTo>
                    <a:lnTo>
                      <a:pt x="1294" y="295"/>
                    </a:lnTo>
                    <a:lnTo>
                      <a:pt x="1292" y="279"/>
                    </a:lnTo>
                    <a:lnTo>
                      <a:pt x="1292" y="239"/>
                    </a:lnTo>
                    <a:lnTo>
                      <a:pt x="1290" y="195"/>
                    </a:lnTo>
                    <a:lnTo>
                      <a:pt x="1287" y="173"/>
                    </a:lnTo>
                    <a:lnTo>
                      <a:pt x="1285" y="152"/>
                    </a:lnTo>
                    <a:lnTo>
                      <a:pt x="1280" y="132"/>
                    </a:lnTo>
                    <a:lnTo>
                      <a:pt x="1273" y="114"/>
                    </a:lnTo>
                    <a:lnTo>
                      <a:pt x="1268" y="106"/>
                    </a:lnTo>
                    <a:lnTo>
                      <a:pt x="1263" y="98"/>
                    </a:lnTo>
                    <a:lnTo>
                      <a:pt x="1255" y="91"/>
                    </a:lnTo>
                    <a:lnTo>
                      <a:pt x="1247" y="85"/>
                    </a:lnTo>
                    <a:lnTo>
                      <a:pt x="1229" y="76"/>
                    </a:lnTo>
                    <a:lnTo>
                      <a:pt x="1208" y="67"/>
                    </a:lnTo>
                    <a:lnTo>
                      <a:pt x="1186" y="60"/>
                    </a:lnTo>
                    <a:lnTo>
                      <a:pt x="1164" y="54"/>
                    </a:lnTo>
                    <a:lnTo>
                      <a:pt x="1145" y="46"/>
                    </a:lnTo>
                    <a:lnTo>
                      <a:pt x="1127" y="38"/>
                    </a:lnTo>
                    <a:lnTo>
                      <a:pt x="1112" y="28"/>
                    </a:lnTo>
                    <a:lnTo>
                      <a:pt x="1096" y="15"/>
                    </a:lnTo>
                    <a:lnTo>
                      <a:pt x="1088" y="9"/>
                    </a:lnTo>
                    <a:lnTo>
                      <a:pt x="1079" y="5"/>
                    </a:lnTo>
                    <a:lnTo>
                      <a:pt x="1072" y="1"/>
                    </a:lnTo>
                    <a:lnTo>
                      <a:pt x="1066" y="0"/>
                    </a:lnTo>
                    <a:lnTo>
                      <a:pt x="1058" y="1"/>
                    </a:lnTo>
                    <a:lnTo>
                      <a:pt x="1053" y="2"/>
                    </a:lnTo>
                    <a:lnTo>
                      <a:pt x="1048" y="5"/>
                    </a:lnTo>
                    <a:lnTo>
                      <a:pt x="1044" y="9"/>
                    </a:lnTo>
                    <a:lnTo>
                      <a:pt x="1040" y="16"/>
                    </a:lnTo>
                    <a:lnTo>
                      <a:pt x="1037" y="27"/>
                    </a:lnTo>
                    <a:lnTo>
                      <a:pt x="1036" y="37"/>
                    </a:lnTo>
                    <a:lnTo>
                      <a:pt x="1033" y="47"/>
                    </a:lnTo>
                    <a:lnTo>
                      <a:pt x="1032" y="51"/>
                    </a:lnTo>
                    <a:lnTo>
                      <a:pt x="1030" y="57"/>
                    </a:lnTo>
                    <a:lnTo>
                      <a:pt x="1027" y="59"/>
                    </a:lnTo>
                    <a:lnTo>
                      <a:pt x="1022" y="63"/>
                    </a:lnTo>
                    <a:lnTo>
                      <a:pt x="1017" y="66"/>
                    </a:lnTo>
                    <a:lnTo>
                      <a:pt x="1010" y="67"/>
                    </a:lnTo>
                    <a:lnTo>
                      <a:pt x="1005" y="67"/>
                    </a:lnTo>
                    <a:lnTo>
                      <a:pt x="998" y="67"/>
                    </a:lnTo>
                    <a:lnTo>
                      <a:pt x="985" y="67"/>
                    </a:lnTo>
                    <a:lnTo>
                      <a:pt x="974" y="68"/>
                    </a:lnTo>
                    <a:lnTo>
                      <a:pt x="963" y="73"/>
                    </a:lnTo>
                    <a:lnTo>
                      <a:pt x="956" y="80"/>
                    </a:lnTo>
                    <a:lnTo>
                      <a:pt x="949" y="86"/>
                    </a:lnTo>
                    <a:lnTo>
                      <a:pt x="943" y="94"/>
                    </a:lnTo>
                    <a:lnTo>
                      <a:pt x="934" y="112"/>
                    </a:lnTo>
                    <a:lnTo>
                      <a:pt x="922" y="130"/>
                    </a:lnTo>
                    <a:lnTo>
                      <a:pt x="918" y="141"/>
                    </a:lnTo>
                    <a:lnTo>
                      <a:pt x="910" y="154"/>
                    </a:lnTo>
                    <a:lnTo>
                      <a:pt x="903" y="165"/>
                    </a:lnTo>
                    <a:lnTo>
                      <a:pt x="895" y="178"/>
                    </a:lnTo>
                    <a:lnTo>
                      <a:pt x="887" y="190"/>
                    </a:lnTo>
                    <a:lnTo>
                      <a:pt x="882" y="202"/>
                    </a:lnTo>
                    <a:lnTo>
                      <a:pt x="881" y="208"/>
                    </a:lnTo>
                    <a:lnTo>
                      <a:pt x="879" y="213"/>
                    </a:lnTo>
                    <a:lnTo>
                      <a:pt x="881" y="218"/>
                    </a:lnTo>
                    <a:lnTo>
                      <a:pt x="882" y="225"/>
                    </a:lnTo>
                    <a:lnTo>
                      <a:pt x="887" y="233"/>
                    </a:lnTo>
                    <a:lnTo>
                      <a:pt x="890" y="242"/>
                    </a:lnTo>
                    <a:lnTo>
                      <a:pt x="891" y="250"/>
                    </a:lnTo>
                    <a:lnTo>
                      <a:pt x="892" y="257"/>
                    </a:lnTo>
                    <a:lnTo>
                      <a:pt x="893" y="273"/>
                    </a:lnTo>
                    <a:lnTo>
                      <a:pt x="893" y="292"/>
                    </a:lnTo>
                    <a:lnTo>
                      <a:pt x="895" y="316"/>
                    </a:lnTo>
                    <a:lnTo>
                      <a:pt x="897" y="342"/>
                    </a:lnTo>
                    <a:lnTo>
                      <a:pt x="899" y="367"/>
                    </a:lnTo>
                    <a:lnTo>
                      <a:pt x="900" y="395"/>
                    </a:lnTo>
                    <a:lnTo>
                      <a:pt x="899" y="422"/>
                    </a:lnTo>
                    <a:lnTo>
                      <a:pt x="897" y="448"/>
                    </a:lnTo>
                    <a:lnTo>
                      <a:pt x="896" y="459"/>
                    </a:lnTo>
                    <a:lnTo>
                      <a:pt x="895" y="472"/>
                    </a:lnTo>
                    <a:lnTo>
                      <a:pt x="891" y="484"/>
                    </a:lnTo>
                    <a:lnTo>
                      <a:pt x="888" y="496"/>
                    </a:lnTo>
                    <a:lnTo>
                      <a:pt x="886" y="502"/>
                    </a:lnTo>
                    <a:lnTo>
                      <a:pt x="882" y="509"/>
                    </a:lnTo>
                    <a:lnTo>
                      <a:pt x="878" y="514"/>
                    </a:lnTo>
                    <a:lnTo>
                      <a:pt x="873" y="519"/>
                    </a:lnTo>
                    <a:lnTo>
                      <a:pt x="862" y="528"/>
                    </a:lnTo>
                    <a:lnTo>
                      <a:pt x="851" y="537"/>
                    </a:lnTo>
                    <a:lnTo>
                      <a:pt x="840" y="546"/>
                    </a:lnTo>
                    <a:lnTo>
                      <a:pt x="831" y="557"/>
                    </a:lnTo>
                    <a:lnTo>
                      <a:pt x="827" y="562"/>
                    </a:lnTo>
                    <a:lnTo>
                      <a:pt x="825" y="568"/>
                    </a:lnTo>
                    <a:lnTo>
                      <a:pt x="822" y="575"/>
                    </a:lnTo>
                    <a:lnTo>
                      <a:pt x="821" y="584"/>
                    </a:lnTo>
                    <a:lnTo>
                      <a:pt x="820" y="595"/>
                    </a:lnTo>
                    <a:lnTo>
                      <a:pt x="817" y="607"/>
                    </a:lnTo>
                    <a:lnTo>
                      <a:pt x="813" y="616"/>
                    </a:lnTo>
                    <a:lnTo>
                      <a:pt x="809" y="625"/>
                    </a:lnTo>
                    <a:lnTo>
                      <a:pt x="804" y="634"/>
                    </a:lnTo>
                    <a:lnTo>
                      <a:pt x="798" y="641"/>
                    </a:lnTo>
                    <a:lnTo>
                      <a:pt x="791" y="647"/>
                    </a:lnTo>
                    <a:lnTo>
                      <a:pt x="783" y="654"/>
                    </a:lnTo>
                    <a:lnTo>
                      <a:pt x="765" y="663"/>
                    </a:lnTo>
                    <a:lnTo>
                      <a:pt x="747" y="671"/>
                    </a:lnTo>
                    <a:lnTo>
                      <a:pt x="726" y="677"/>
                    </a:lnTo>
                    <a:lnTo>
                      <a:pt x="706" y="682"/>
                    </a:lnTo>
                    <a:lnTo>
                      <a:pt x="685" y="677"/>
                    </a:lnTo>
                    <a:lnTo>
                      <a:pt x="667" y="672"/>
                    </a:lnTo>
                    <a:lnTo>
                      <a:pt x="651" y="665"/>
                    </a:lnTo>
                    <a:lnTo>
                      <a:pt x="638" y="659"/>
                    </a:lnTo>
                    <a:lnTo>
                      <a:pt x="625" y="650"/>
                    </a:lnTo>
                    <a:lnTo>
                      <a:pt x="614" y="638"/>
                    </a:lnTo>
                    <a:lnTo>
                      <a:pt x="602" y="625"/>
                    </a:lnTo>
                    <a:lnTo>
                      <a:pt x="589" y="608"/>
                    </a:lnTo>
                    <a:lnTo>
                      <a:pt x="585" y="603"/>
                    </a:lnTo>
                    <a:lnTo>
                      <a:pt x="580" y="601"/>
                    </a:lnTo>
                    <a:lnTo>
                      <a:pt x="573" y="599"/>
                    </a:lnTo>
                    <a:lnTo>
                      <a:pt x="567" y="599"/>
                    </a:lnTo>
                    <a:lnTo>
                      <a:pt x="561" y="602"/>
                    </a:lnTo>
                    <a:lnTo>
                      <a:pt x="553" y="604"/>
                    </a:lnTo>
                    <a:lnTo>
                      <a:pt x="545" y="608"/>
                    </a:lnTo>
                    <a:lnTo>
                      <a:pt x="539" y="614"/>
                    </a:lnTo>
                    <a:lnTo>
                      <a:pt x="509" y="634"/>
                    </a:lnTo>
                    <a:lnTo>
                      <a:pt x="485" y="650"/>
                    </a:lnTo>
                    <a:lnTo>
                      <a:pt x="475" y="655"/>
                    </a:lnTo>
                    <a:lnTo>
                      <a:pt x="465" y="658"/>
                    </a:lnTo>
                    <a:lnTo>
                      <a:pt x="454" y="660"/>
                    </a:lnTo>
                    <a:lnTo>
                      <a:pt x="444" y="660"/>
                    </a:lnTo>
                    <a:lnTo>
                      <a:pt x="434" y="660"/>
                    </a:lnTo>
                    <a:lnTo>
                      <a:pt x="423" y="660"/>
                    </a:lnTo>
                    <a:lnTo>
                      <a:pt x="414" y="658"/>
                    </a:lnTo>
                    <a:lnTo>
                      <a:pt x="404" y="655"/>
                    </a:lnTo>
                    <a:lnTo>
                      <a:pt x="395" y="652"/>
                    </a:lnTo>
                    <a:lnTo>
                      <a:pt x="386" y="647"/>
                    </a:lnTo>
                    <a:lnTo>
                      <a:pt x="377" y="642"/>
                    </a:lnTo>
                    <a:lnTo>
                      <a:pt x="369" y="637"/>
                    </a:lnTo>
                    <a:lnTo>
                      <a:pt x="352" y="624"/>
                    </a:lnTo>
                    <a:lnTo>
                      <a:pt x="335" y="610"/>
                    </a:lnTo>
                    <a:lnTo>
                      <a:pt x="320" y="594"/>
                    </a:lnTo>
                    <a:lnTo>
                      <a:pt x="305" y="577"/>
                    </a:lnTo>
                    <a:lnTo>
                      <a:pt x="291" y="559"/>
                    </a:lnTo>
                    <a:lnTo>
                      <a:pt x="277" y="541"/>
                    </a:lnTo>
                    <a:lnTo>
                      <a:pt x="252" y="507"/>
                    </a:lnTo>
                    <a:lnTo>
                      <a:pt x="229" y="478"/>
                    </a:lnTo>
                    <a:lnTo>
                      <a:pt x="204" y="446"/>
                    </a:lnTo>
                    <a:lnTo>
                      <a:pt x="164" y="400"/>
                    </a:lnTo>
                    <a:lnTo>
                      <a:pt x="145" y="378"/>
                    </a:lnTo>
                    <a:lnTo>
                      <a:pt x="125" y="362"/>
                    </a:lnTo>
                    <a:lnTo>
                      <a:pt x="117" y="357"/>
                    </a:lnTo>
                    <a:lnTo>
                      <a:pt x="111" y="354"/>
                    </a:lnTo>
                    <a:lnTo>
                      <a:pt x="108" y="354"/>
                    </a:lnTo>
                    <a:lnTo>
                      <a:pt x="106" y="354"/>
                    </a:lnTo>
                    <a:lnTo>
                      <a:pt x="103" y="356"/>
                    </a:lnTo>
                    <a:lnTo>
                      <a:pt x="102" y="358"/>
                    </a:lnTo>
                    <a:lnTo>
                      <a:pt x="94" y="379"/>
                    </a:lnTo>
                    <a:lnTo>
                      <a:pt x="86" y="406"/>
                    </a:lnTo>
                    <a:lnTo>
                      <a:pt x="79" y="435"/>
                    </a:lnTo>
                    <a:lnTo>
                      <a:pt x="75" y="458"/>
                    </a:lnTo>
                    <a:lnTo>
                      <a:pt x="0" y="478"/>
                    </a:lnTo>
                    <a:lnTo>
                      <a:pt x="0" y="47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6" name="Freeform 47">
                <a:extLst>
                  <a:ext uri="{FF2B5EF4-FFF2-40B4-BE49-F238E27FC236}">
                    <a16:creationId xmlns:a16="http://schemas.microsoft.com/office/drawing/2014/main" id="{E76296C2-7FAF-8B47-BAAD-A13C03C6E97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094820" y="2360971"/>
                <a:ext cx="843443" cy="688203"/>
              </a:xfrm>
              <a:custGeom>
                <a:avLst/>
                <a:gdLst/>
                <a:ahLst/>
                <a:cxnLst>
                  <a:cxn ang="0">
                    <a:pos x="475" y="1099"/>
                  </a:cxn>
                  <a:cxn ang="0">
                    <a:pos x="601" y="1024"/>
                  </a:cxn>
                  <a:cxn ang="0">
                    <a:pos x="664" y="1068"/>
                  </a:cxn>
                  <a:cxn ang="0">
                    <a:pos x="697" y="1150"/>
                  </a:cxn>
                  <a:cxn ang="0">
                    <a:pos x="1079" y="1316"/>
                  </a:cxn>
                  <a:cxn ang="0">
                    <a:pos x="1101" y="1247"/>
                  </a:cxn>
                  <a:cxn ang="0">
                    <a:pos x="1115" y="1144"/>
                  </a:cxn>
                  <a:cxn ang="0">
                    <a:pos x="1190" y="1005"/>
                  </a:cxn>
                  <a:cxn ang="0">
                    <a:pos x="1182" y="859"/>
                  </a:cxn>
                  <a:cxn ang="0">
                    <a:pos x="1024" y="873"/>
                  </a:cxn>
                  <a:cxn ang="0">
                    <a:pos x="1049" y="985"/>
                  </a:cxn>
                  <a:cxn ang="0">
                    <a:pos x="976" y="1009"/>
                  </a:cxn>
                  <a:cxn ang="0">
                    <a:pos x="973" y="918"/>
                  </a:cxn>
                  <a:cxn ang="0">
                    <a:pos x="877" y="870"/>
                  </a:cxn>
                  <a:cxn ang="0">
                    <a:pos x="901" y="954"/>
                  </a:cxn>
                  <a:cxn ang="0">
                    <a:pos x="781" y="998"/>
                  </a:cxn>
                  <a:cxn ang="0">
                    <a:pos x="805" y="1162"/>
                  </a:cxn>
                  <a:cxn ang="0">
                    <a:pos x="956" y="1245"/>
                  </a:cxn>
                  <a:cxn ang="0">
                    <a:pos x="962" y="1330"/>
                  </a:cxn>
                  <a:cxn ang="0">
                    <a:pos x="1077" y="1331"/>
                  </a:cxn>
                  <a:cxn ang="0">
                    <a:pos x="726" y="884"/>
                  </a:cxn>
                  <a:cxn ang="0">
                    <a:pos x="436" y="1281"/>
                  </a:cxn>
                  <a:cxn ang="0">
                    <a:pos x="497" y="1309"/>
                  </a:cxn>
                  <a:cxn ang="0">
                    <a:pos x="668" y="1383"/>
                  </a:cxn>
                  <a:cxn ang="0">
                    <a:pos x="750" y="1267"/>
                  </a:cxn>
                  <a:cxn ang="0">
                    <a:pos x="855" y="1394"/>
                  </a:cxn>
                  <a:cxn ang="0">
                    <a:pos x="774" y="1399"/>
                  </a:cxn>
                  <a:cxn ang="0">
                    <a:pos x="830" y="1480"/>
                  </a:cxn>
                  <a:cxn ang="0">
                    <a:pos x="938" y="1501"/>
                  </a:cxn>
                  <a:cxn ang="0">
                    <a:pos x="887" y="1425"/>
                  </a:cxn>
                  <a:cxn ang="0">
                    <a:pos x="995" y="1388"/>
                  </a:cxn>
                  <a:cxn ang="0">
                    <a:pos x="1133" y="1364"/>
                  </a:cxn>
                  <a:cxn ang="0">
                    <a:pos x="1133" y="1410"/>
                  </a:cxn>
                  <a:cxn ang="0">
                    <a:pos x="1014" y="1502"/>
                  </a:cxn>
                  <a:cxn ang="0">
                    <a:pos x="912" y="235"/>
                  </a:cxn>
                  <a:cxn ang="0">
                    <a:pos x="890" y="296"/>
                  </a:cxn>
                  <a:cxn ang="0">
                    <a:pos x="1767" y="1404"/>
                  </a:cxn>
                  <a:cxn ang="0">
                    <a:pos x="1799" y="1344"/>
                  </a:cxn>
                  <a:cxn ang="0">
                    <a:pos x="208" y="1278"/>
                  </a:cxn>
                  <a:cxn ang="0">
                    <a:pos x="403" y="1346"/>
                  </a:cxn>
                  <a:cxn ang="0">
                    <a:pos x="344" y="1243"/>
                  </a:cxn>
                  <a:cxn ang="0">
                    <a:pos x="415" y="1146"/>
                  </a:cxn>
                  <a:cxn ang="0">
                    <a:pos x="453" y="967"/>
                  </a:cxn>
                  <a:cxn ang="0">
                    <a:pos x="518" y="906"/>
                  </a:cxn>
                  <a:cxn ang="0">
                    <a:pos x="610" y="870"/>
                  </a:cxn>
                  <a:cxn ang="0">
                    <a:pos x="678" y="725"/>
                  </a:cxn>
                  <a:cxn ang="0">
                    <a:pos x="769" y="802"/>
                  </a:cxn>
                  <a:cxn ang="0">
                    <a:pos x="831" y="733"/>
                  </a:cxn>
                  <a:cxn ang="0">
                    <a:pos x="838" y="633"/>
                  </a:cxn>
                  <a:cxn ang="0">
                    <a:pos x="719" y="586"/>
                  </a:cxn>
                  <a:cxn ang="0">
                    <a:pos x="690" y="423"/>
                  </a:cxn>
                  <a:cxn ang="0">
                    <a:pos x="795" y="169"/>
                  </a:cxn>
                  <a:cxn ang="0">
                    <a:pos x="835" y="6"/>
                  </a:cxn>
                  <a:cxn ang="0">
                    <a:pos x="627" y="59"/>
                  </a:cxn>
                  <a:cxn ang="0">
                    <a:pos x="487" y="259"/>
                  </a:cxn>
                  <a:cxn ang="0">
                    <a:pos x="232" y="299"/>
                  </a:cxn>
                  <a:cxn ang="0">
                    <a:pos x="159" y="440"/>
                  </a:cxn>
                  <a:cxn ang="0">
                    <a:pos x="159" y="510"/>
                  </a:cxn>
                  <a:cxn ang="0">
                    <a:pos x="116" y="579"/>
                  </a:cxn>
                  <a:cxn ang="0">
                    <a:pos x="15" y="839"/>
                  </a:cxn>
                  <a:cxn ang="0">
                    <a:pos x="66" y="971"/>
                  </a:cxn>
                  <a:cxn ang="0">
                    <a:pos x="128" y="1215"/>
                  </a:cxn>
                </a:cxnLst>
                <a:rect l="0" t="0" r="r" b="b"/>
                <a:pathLst>
                  <a:path w="1850" h="1527">
                    <a:moveTo>
                      <a:pt x="554" y="1259"/>
                    </a:moveTo>
                    <a:lnTo>
                      <a:pt x="549" y="1256"/>
                    </a:lnTo>
                    <a:lnTo>
                      <a:pt x="542" y="1251"/>
                    </a:lnTo>
                    <a:lnTo>
                      <a:pt x="536" y="1246"/>
                    </a:lnTo>
                    <a:lnTo>
                      <a:pt x="529" y="1239"/>
                    </a:lnTo>
                    <a:lnTo>
                      <a:pt x="515" y="1225"/>
                    </a:lnTo>
                    <a:lnTo>
                      <a:pt x="505" y="1215"/>
                    </a:lnTo>
                    <a:lnTo>
                      <a:pt x="501" y="1211"/>
                    </a:lnTo>
                    <a:lnTo>
                      <a:pt x="498" y="1207"/>
                    </a:lnTo>
                    <a:lnTo>
                      <a:pt x="494" y="1201"/>
                    </a:lnTo>
                    <a:lnTo>
                      <a:pt x="492" y="1194"/>
                    </a:lnTo>
                    <a:lnTo>
                      <a:pt x="487" y="1178"/>
                    </a:lnTo>
                    <a:lnTo>
                      <a:pt x="482" y="1160"/>
                    </a:lnTo>
                    <a:lnTo>
                      <a:pt x="479" y="1144"/>
                    </a:lnTo>
                    <a:lnTo>
                      <a:pt x="476" y="1127"/>
                    </a:lnTo>
                    <a:lnTo>
                      <a:pt x="475" y="1111"/>
                    </a:lnTo>
                    <a:lnTo>
                      <a:pt x="475" y="1099"/>
                    </a:lnTo>
                    <a:lnTo>
                      <a:pt x="476" y="1093"/>
                    </a:lnTo>
                    <a:lnTo>
                      <a:pt x="479" y="1089"/>
                    </a:lnTo>
                    <a:lnTo>
                      <a:pt x="483" y="1085"/>
                    </a:lnTo>
                    <a:lnTo>
                      <a:pt x="487" y="1083"/>
                    </a:lnTo>
                    <a:lnTo>
                      <a:pt x="494" y="1079"/>
                    </a:lnTo>
                    <a:lnTo>
                      <a:pt x="502" y="1074"/>
                    </a:lnTo>
                    <a:lnTo>
                      <a:pt x="519" y="1057"/>
                    </a:lnTo>
                    <a:lnTo>
                      <a:pt x="533" y="1039"/>
                    </a:lnTo>
                    <a:lnTo>
                      <a:pt x="541" y="1031"/>
                    </a:lnTo>
                    <a:lnTo>
                      <a:pt x="549" y="1024"/>
                    </a:lnTo>
                    <a:lnTo>
                      <a:pt x="561" y="1018"/>
                    </a:lnTo>
                    <a:lnTo>
                      <a:pt x="572" y="1014"/>
                    </a:lnTo>
                    <a:lnTo>
                      <a:pt x="581" y="1014"/>
                    </a:lnTo>
                    <a:lnTo>
                      <a:pt x="588" y="1014"/>
                    </a:lnTo>
                    <a:lnTo>
                      <a:pt x="593" y="1017"/>
                    </a:lnTo>
                    <a:lnTo>
                      <a:pt x="597" y="1020"/>
                    </a:lnTo>
                    <a:lnTo>
                      <a:pt x="601" y="1024"/>
                    </a:lnTo>
                    <a:lnTo>
                      <a:pt x="603" y="1030"/>
                    </a:lnTo>
                    <a:lnTo>
                      <a:pt x="605" y="1036"/>
                    </a:lnTo>
                    <a:lnTo>
                      <a:pt x="606" y="1042"/>
                    </a:lnTo>
                    <a:lnTo>
                      <a:pt x="610" y="1057"/>
                    </a:lnTo>
                    <a:lnTo>
                      <a:pt x="612" y="1071"/>
                    </a:lnTo>
                    <a:lnTo>
                      <a:pt x="615" y="1077"/>
                    </a:lnTo>
                    <a:lnTo>
                      <a:pt x="619" y="1083"/>
                    </a:lnTo>
                    <a:lnTo>
                      <a:pt x="623" y="1088"/>
                    </a:lnTo>
                    <a:lnTo>
                      <a:pt x="627" y="1093"/>
                    </a:lnTo>
                    <a:lnTo>
                      <a:pt x="632" y="1096"/>
                    </a:lnTo>
                    <a:lnTo>
                      <a:pt x="636" y="1097"/>
                    </a:lnTo>
                    <a:lnTo>
                      <a:pt x="638" y="1097"/>
                    </a:lnTo>
                    <a:lnTo>
                      <a:pt x="642" y="1097"/>
                    </a:lnTo>
                    <a:lnTo>
                      <a:pt x="647" y="1096"/>
                    </a:lnTo>
                    <a:lnTo>
                      <a:pt x="651" y="1092"/>
                    </a:lnTo>
                    <a:lnTo>
                      <a:pt x="658" y="1080"/>
                    </a:lnTo>
                    <a:lnTo>
                      <a:pt x="664" y="1068"/>
                    </a:lnTo>
                    <a:lnTo>
                      <a:pt x="673" y="1058"/>
                    </a:lnTo>
                    <a:lnTo>
                      <a:pt x="686" y="1045"/>
                    </a:lnTo>
                    <a:lnTo>
                      <a:pt x="694" y="1040"/>
                    </a:lnTo>
                    <a:lnTo>
                      <a:pt x="700" y="1035"/>
                    </a:lnTo>
                    <a:lnTo>
                      <a:pt x="704" y="1033"/>
                    </a:lnTo>
                    <a:lnTo>
                      <a:pt x="707" y="1032"/>
                    </a:lnTo>
                    <a:lnTo>
                      <a:pt x="708" y="1032"/>
                    </a:lnTo>
                    <a:lnTo>
                      <a:pt x="711" y="1033"/>
                    </a:lnTo>
                    <a:lnTo>
                      <a:pt x="710" y="1044"/>
                    </a:lnTo>
                    <a:lnTo>
                      <a:pt x="708" y="1054"/>
                    </a:lnTo>
                    <a:lnTo>
                      <a:pt x="706" y="1063"/>
                    </a:lnTo>
                    <a:lnTo>
                      <a:pt x="703" y="1074"/>
                    </a:lnTo>
                    <a:lnTo>
                      <a:pt x="700" y="1084"/>
                    </a:lnTo>
                    <a:lnTo>
                      <a:pt x="698" y="1094"/>
                    </a:lnTo>
                    <a:lnTo>
                      <a:pt x="695" y="1105"/>
                    </a:lnTo>
                    <a:lnTo>
                      <a:pt x="695" y="1115"/>
                    </a:lnTo>
                    <a:lnTo>
                      <a:pt x="697" y="1150"/>
                    </a:lnTo>
                    <a:lnTo>
                      <a:pt x="699" y="1181"/>
                    </a:lnTo>
                    <a:lnTo>
                      <a:pt x="699" y="1197"/>
                    </a:lnTo>
                    <a:lnTo>
                      <a:pt x="698" y="1213"/>
                    </a:lnTo>
                    <a:lnTo>
                      <a:pt x="695" y="1230"/>
                    </a:lnTo>
                    <a:lnTo>
                      <a:pt x="690" y="1248"/>
                    </a:lnTo>
                    <a:lnTo>
                      <a:pt x="686" y="1256"/>
                    </a:lnTo>
                    <a:lnTo>
                      <a:pt x="682" y="1263"/>
                    </a:lnTo>
                    <a:lnTo>
                      <a:pt x="677" y="1267"/>
                    </a:lnTo>
                    <a:lnTo>
                      <a:pt x="671" y="1270"/>
                    </a:lnTo>
                    <a:lnTo>
                      <a:pt x="665" y="1274"/>
                    </a:lnTo>
                    <a:lnTo>
                      <a:pt x="659" y="1276"/>
                    </a:lnTo>
                    <a:lnTo>
                      <a:pt x="653" y="1277"/>
                    </a:lnTo>
                    <a:lnTo>
                      <a:pt x="645" y="1277"/>
                    </a:lnTo>
                    <a:lnTo>
                      <a:pt x="615" y="1273"/>
                    </a:lnTo>
                    <a:lnTo>
                      <a:pt x="586" y="1267"/>
                    </a:lnTo>
                    <a:lnTo>
                      <a:pt x="554" y="1259"/>
                    </a:lnTo>
                    <a:close/>
                    <a:moveTo>
                      <a:pt x="1079" y="1316"/>
                    </a:moveTo>
                    <a:lnTo>
                      <a:pt x="1080" y="1309"/>
                    </a:lnTo>
                    <a:lnTo>
                      <a:pt x="1080" y="1304"/>
                    </a:lnTo>
                    <a:lnTo>
                      <a:pt x="1079" y="1300"/>
                    </a:lnTo>
                    <a:lnTo>
                      <a:pt x="1076" y="1296"/>
                    </a:lnTo>
                    <a:lnTo>
                      <a:pt x="1071" y="1290"/>
                    </a:lnTo>
                    <a:lnTo>
                      <a:pt x="1063" y="1286"/>
                    </a:lnTo>
                    <a:lnTo>
                      <a:pt x="1061" y="1283"/>
                    </a:lnTo>
                    <a:lnTo>
                      <a:pt x="1058" y="1281"/>
                    </a:lnTo>
                    <a:lnTo>
                      <a:pt x="1057" y="1278"/>
                    </a:lnTo>
                    <a:lnTo>
                      <a:pt x="1055" y="1276"/>
                    </a:lnTo>
                    <a:lnTo>
                      <a:pt x="1055" y="1273"/>
                    </a:lnTo>
                    <a:lnTo>
                      <a:pt x="1058" y="1269"/>
                    </a:lnTo>
                    <a:lnTo>
                      <a:pt x="1062" y="1264"/>
                    </a:lnTo>
                    <a:lnTo>
                      <a:pt x="1068" y="1259"/>
                    </a:lnTo>
                    <a:lnTo>
                      <a:pt x="1077" y="1254"/>
                    </a:lnTo>
                    <a:lnTo>
                      <a:pt x="1089" y="1250"/>
                    </a:lnTo>
                    <a:lnTo>
                      <a:pt x="1101" y="1247"/>
                    </a:lnTo>
                    <a:lnTo>
                      <a:pt x="1112" y="1246"/>
                    </a:lnTo>
                    <a:lnTo>
                      <a:pt x="1125" y="1245"/>
                    </a:lnTo>
                    <a:lnTo>
                      <a:pt x="1138" y="1242"/>
                    </a:lnTo>
                    <a:lnTo>
                      <a:pt x="1150" y="1239"/>
                    </a:lnTo>
                    <a:lnTo>
                      <a:pt x="1162" y="1234"/>
                    </a:lnTo>
                    <a:lnTo>
                      <a:pt x="1167" y="1230"/>
                    </a:lnTo>
                    <a:lnTo>
                      <a:pt x="1171" y="1225"/>
                    </a:lnTo>
                    <a:lnTo>
                      <a:pt x="1173" y="1219"/>
                    </a:lnTo>
                    <a:lnTo>
                      <a:pt x="1175" y="1212"/>
                    </a:lnTo>
                    <a:lnTo>
                      <a:pt x="1175" y="1206"/>
                    </a:lnTo>
                    <a:lnTo>
                      <a:pt x="1173" y="1199"/>
                    </a:lnTo>
                    <a:lnTo>
                      <a:pt x="1171" y="1194"/>
                    </a:lnTo>
                    <a:lnTo>
                      <a:pt x="1166" y="1189"/>
                    </a:lnTo>
                    <a:lnTo>
                      <a:pt x="1147" y="1177"/>
                    </a:lnTo>
                    <a:lnTo>
                      <a:pt x="1129" y="1162"/>
                    </a:lnTo>
                    <a:lnTo>
                      <a:pt x="1122" y="1153"/>
                    </a:lnTo>
                    <a:lnTo>
                      <a:pt x="1115" y="1144"/>
                    </a:lnTo>
                    <a:lnTo>
                      <a:pt x="1112" y="1138"/>
                    </a:lnTo>
                    <a:lnTo>
                      <a:pt x="1110" y="1134"/>
                    </a:lnTo>
                    <a:lnTo>
                      <a:pt x="1109" y="1129"/>
                    </a:lnTo>
                    <a:lnTo>
                      <a:pt x="1109" y="1124"/>
                    </a:lnTo>
                    <a:lnTo>
                      <a:pt x="1110" y="1116"/>
                    </a:lnTo>
                    <a:lnTo>
                      <a:pt x="1111" y="1111"/>
                    </a:lnTo>
                    <a:lnTo>
                      <a:pt x="1112" y="1106"/>
                    </a:lnTo>
                    <a:lnTo>
                      <a:pt x="1116" y="1101"/>
                    </a:lnTo>
                    <a:lnTo>
                      <a:pt x="1123" y="1092"/>
                    </a:lnTo>
                    <a:lnTo>
                      <a:pt x="1133" y="1083"/>
                    </a:lnTo>
                    <a:lnTo>
                      <a:pt x="1142" y="1076"/>
                    </a:lnTo>
                    <a:lnTo>
                      <a:pt x="1153" y="1068"/>
                    </a:lnTo>
                    <a:lnTo>
                      <a:pt x="1162" y="1061"/>
                    </a:lnTo>
                    <a:lnTo>
                      <a:pt x="1169" y="1052"/>
                    </a:lnTo>
                    <a:lnTo>
                      <a:pt x="1179" y="1033"/>
                    </a:lnTo>
                    <a:lnTo>
                      <a:pt x="1188" y="1014"/>
                    </a:lnTo>
                    <a:lnTo>
                      <a:pt x="1190" y="1005"/>
                    </a:lnTo>
                    <a:lnTo>
                      <a:pt x="1193" y="995"/>
                    </a:lnTo>
                    <a:lnTo>
                      <a:pt x="1194" y="985"/>
                    </a:lnTo>
                    <a:lnTo>
                      <a:pt x="1194" y="975"/>
                    </a:lnTo>
                    <a:lnTo>
                      <a:pt x="1190" y="961"/>
                    </a:lnTo>
                    <a:lnTo>
                      <a:pt x="1188" y="945"/>
                    </a:lnTo>
                    <a:lnTo>
                      <a:pt x="1186" y="938"/>
                    </a:lnTo>
                    <a:lnTo>
                      <a:pt x="1185" y="930"/>
                    </a:lnTo>
                    <a:lnTo>
                      <a:pt x="1186" y="922"/>
                    </a:lnTo>
                    <a:lnTo>
                      <a:pt x="1189" y="916"/>
                    </a:lnTo>
                    <a:lnTo>
                      <a:pt x="1193" y="908"/>
                    </a:lnTo>
                    <a:lnTo>
                      <a:pt x="1195" y="900"/>
                    </a:lnTo>
                    <a:lnTo>
                      <a:pt x="1195" y="892"/>
                    </a:lnTo>
                    <a:lnTo>
                      <a:pt x="1195" y="886"/>
                    </a:lnTo>
                    <a:lnTo>
                      <a:pt x="1193" y="878"/>
                    </a:lnTo>
                    <a:lnTo>
                      <a:pt x="1190" y="871"/>
                    </a:lnTo>
                    <a:lnTo>
                      <a:pt x="1186" y="865"/>
                    </a:lnTo>
                    <a:lnTo>
                      <a:pt x="1182" y="859"/>
                    </a:lnTo>
                    <a:lnTo>
                      <a:pt x="1177" y="853"/>
                    </a:lnTo>
                    <a:lnTo>
                      <a:pt x="1171" y="848"/>
                    </a:lnTo>
                    <a:lnTo>
                      <a:pt x="1164" y="843"/>
                    </a:lnTo>
                    <a:lnTo>
                      <a:pt x="1158" y="839"/>
                    </a:lnTo>
                    <a:lnTo>
                      <a:pt x="1144" y="831"/>
                    </a:lnTo>
                    <a:lnTo>
                      <a:pt x="1129" y="827"/>
                    </a:lnTo>
                    <a:lnTo>
                      <a:pt x="1123" y="826"/>
                    </a:lnTo>
                    <a:lnTo>
                      <a:pt x="1116" y="826"/>
                    </a:lnTo>
                    <a:lnTo>
                      <a:pt x="1111" y="826"/>
                    </a:lnTo>
                    <a:lnTo>
                      <a:pt x="1105" y="827"/>
                    </a:lnTo>
                    <a:lnTo>
                      <a:pt x="1094" y="830"/>
                    </a:lnTo>
                    <a:lnTo>
                      <a:pt x="1085" y="835"/>
                    </a:lnTo>
                    <a:lnTo>
                      <a:pt x="1067" y="848"/>
                    </a:lnTo>
                    <a:lnTo>
                      <a:pt x="1048" y="860"/>
                    </a:lnTo>
                    <a:lnTo>
                      <a:pt x="1036" y="865"/>
                    </a:lnTo>
                    <a:lnTo>
                      <a:pt x="1027" y="869"/>
                    </a:lnTo>
                    <a:lnTo>
                      <a:pt x="1024" y="873"/>
                    </a:lnTo>
                    <a:lnTo>
                      <a:pt x="1024" y="875"/>
                    </a:lnTo>
                    <a:lnTo>
                      <a:pt x="1028" y="879"/>
                    </a:lnTo>
                    <a:lnTo>
                      <a:pt x="1035" y="883"/>
                    </a:lnTo>
                    <a:lnTo>
                      <a:pt x="1045" y="887"/>
                    </a:lnTo>
                    <a:lnTo>
                      <a:pt x="1059" y="892"/>
                    </a:lnTo>
                    <a:lnTo>
                      <a:pt x="1066" y="896"/>
                    </a:lnTo>
                    <a:lnTo>
                      <a:pt x="1071" y="900"/>
                    </a:lnTo>
                    <a:lnTo>
                      <a:pt x="1074" y="904"/>
                    </a:lnTo>
                    <a:lnTo>
                      <a:pt x="1075" y="908"/>
                    </a:lnTo>
                    <a:lnTo>
                      <a:pt x="1059" y="974"/>
                    </a:lnTo>
                    <a:lnTo>
                      <a:pt x="1058" y="979"/>
                    </a:lnTo>
                    <a:lnTo>
                      <a:pt x="1057" y="984"/>
                    </a:lnTo>
                    <a:lnTo>
                      <a:pt x="1055" y="987"/>
                    </a:lnTo>
                    <a:lnTo>
                      <a:pt x="1053" y="988"/>
                    </a:lnTo>
                    <a:lnTo>
                      <a:pt x="1052" y="988"/>
                    </a:lnTo>
                    <a:lnTo>
                      <a:pt x="1050" y="987"/>
                    </a:lnTo>
                    <a:lnTo>
                      <a:pt x="1049" y="985"/>
                    </a:lnTo>
                    <a:lnTo>
                      <a:pt x="1046" y="983"/>
                    </a:lnTo>
                    <a:lnTo>
                      <a:pt x="1041" y="967"/>
                    </a:lnTo>
                    <a:lnTo>
                      <a:pt x="1039" y="953"/>
                    </a:lnTo>
                    <a:lnTo>
                      <a:pt x="1037" y="938"/>
                    </a:lnTo>
                    <a:lnTo>
                      <a:pt x="1033" y="925"/>
                    </a:lnTo>
                    <a:lnTo>
                      <a:pt x="1022" y="939"/>
                    </a:lnTo>
                    <a:lnTo>
                      <a:pt x="1008" y="954"/>
                    </a:lnTo>
                    <a:lnTo>
                      <a:pt x="1008" y="970"/>
                    </a:lnTo>
                    <a:lnTo>
                      <a:pt x="1009" y="987"/>
                    </a:lnTo>
                    <a:lnTo>
                      <a:pt x="1006" y="993"/>
                    </a:lnTo>
                    <a:lnTo>
                      <a:pt x="1004" y="998"/>
                    </a:lnTo>
                    <a:lnTo>
                      <a:pt x="1000" y="1002"/>
                    </a:lnTo>
                    <a:lnTo>
                      <a:pt x="996" y="1006"/>
                    </a:lnTo>
                    <a:lnTo>
                      <a:pt x="991" y="1008"/>
                    </a:lnTo>
                    <a:lnTo>
                      <a:pt x="987" y="1009"/>
                    </a:lnTo>
                    <a:lnTo>
                      <a:pt x="982" y="1009"/>
                    </a:lnTo>
                    <a:lnTo>
                      <a:pt x="976" y="1009"/>
                    </a:lnTo>
                    <a:lnTo>
                      <a:pt x="967" y="1008"/>
                    </a:lnTo>
                    <a:lnTo>
                      <a:pt x="960" y="1004"/>
                    </a:lnTo>
                    <a:lnTo>
                      <a:pt x="957" y="1001"/>
                    </a:lnTo>
                    <a:lnTo>
                      <a:pt x="954" y="998"/>
                    </a:lnTo>
                    <a:lnTo>
                      <a:pt x="953" y="996"/>
                    </a:lnTo>
                    <a:lnTo>
                      <a:pt x="953" y="995"/>
                    </a:lnTo>
                    <a:lnTo>
                      <a:pt x="958" y="983"/>
                    </a:lnTo>
                    <a:lnTo>
                      <a:pt x="962" y="970"/>
                    </a:lnTo>
                    <a:lnTo>
                      <a:pt x="965" y="963"/>
                    </a:lnTo>
                    <a:lnTo>
                      <a:pt x="966" y="958"/>
                    </a:lnTo>
                    <a:lnTo>
                      <a:pt x="967" y="952"/>
                    </a:lnTo>
                    <a:lnTo>
                      <a:pt x="966" y="945"/>
                    </a:lnTo>
                    <a:lnTo>
                      <a:pt x="966" y="939"/>
                    </a:lnTo>
                    <a:lnTo>
                      <a:pt x="966" y="934"/>
                    </a:lnTo>
                    <a:lnTo>
                      <a:pt x="966" y="928"/>
                    </a:lnTo>
                    <a:lnTo>
                      <a:pt x="969" y="925"/>
                    </a:lnTo>
                    <a:lnTo>
                      <a:pt x="973" y="918"/>
                    </a:lnTo>
                    <a:lnTo>
                      <a:pt x="978" y="912"/>
                    </a:lnTo>
                    <a:lnTo>
                      <a:pt x="983" y="906"/>
                    </a:lnTo>
                    <a:lnTo>
                      <a:pt x="988" y="901"/>
                    </a:lnTo>
                    <a:lnTo>
                      <a:pt x="991" y="896"/>
                    </a:lnTo>
                    <a:lnTo>
                      <a:pt x="992" y="888"/>
                    </a:lnTo>
                    <a:lnTo>
                      <a:pt x="991" y="886"/>
                    </a:lnTo>
                    <a:lnTo>
                      <a:pt x="987" y="883"/>
                    </a:lnTo>
                    <a:lnTo>
                      <a:pt x="982" y="883"/>
                    </a:lnTo>
                    <a:lnTo>
                      <a:pt x="975" y="883"/>
                    </a:lnTo>
                    <a:lnTo>
                      <a:pt x="963" y="883"/>
                    </a:lnTo>
                    <a:lnTo>
                      <a:pt x="954" y="884"/>
                    </a:lnTo>
                    <a:lnTo>
                      <a:pt x="940" y="883"/>
                    </a:lnTo>
                    <a:lnTo>
                      <a:pt x="925" y="879"/>
                    </a:lnTo>
                    <a:lnTo>
                      <a:pt x="906" y="875"/>
                    </a:lnTo>
                    <a:lnTo>
                      <a:pt x="890" y="871"/>
                    </a:lnTo>
                    <a:lnTo>
                      <a:pt x="883" y="870"/>
                    </a:lnTo>
                    <a:lnTo>
                      <a:pt x="877" y="870"/>
                    </a:lnTo>
                    <a:lnTo>
                      <a:pt x="871" y="871"/>
                    </a:lnTo>
                    <a:lnTo>
                      <a:pt x="868" y="874"/>
                    </a:lnTo>
                    <a:lnTo>
                      <a:pt x="866" y="879"/>
                    </a:lnTo>
                    <a:lnTo>
                      <a:pt x="866" y="886"/>
                    </a:lnTo>
                    <a:lnTo>
                      <a:pt x="869" y="894"/>
                    </a:lnTo>
                    <a:lnTo>
                      <a:pt x="874" y="905"/>
                    </a:lnTo>
                    <a:lnTo>
                      <a:pt x="892" y="913"/>
                    </a:lnTo>
                    <a:lnTo>
                      <a:pt x="909" y="921"/>
                    </a:lnTo>
                    <a:lnTo>
                      <a:pt x="912" y="922"/>
                    </a:lnTo>
                    <a:lnTo>
                      <a:pt x="914" y="925"/>
                    </a:lnTo>
                    <a:lnTo>
                      <a:pt x="917" y="927"/>
                    </a:lnTo>
                    <a:lnTo>
                      <a:pt x="918" y="931"/>
                    </a:lnTo>
                    <a:lnTo>
                      <a:pt x="918" y="934"/>
                    </a:lnTo>
                    <a:lnTo>
                      <a:pt x="917" y="938"/>
                    </a:lnTo>
                    <a:lnTo>
                      <a:pt x="914" y="941"/>
                    </a:lnTo>
                    <a:lnTo>
                      <a:pt x="912" y="945"/>
                    </a:lnTo>
                    <a:lnTo>
                      <a:pt x="901" y="954"/>
                    </a:lnTo>
                    <a:lnTo>
                      <a:pt x="891" y="962"/>
                    </a:lnTo>
                    <a:lnTo>
                      <a:pt x="879" y="967"/>
                    </a:lnTo>
                    <a:lnTo>
                      <a:pt x="866" y="971"/>
                    </a:lnTo>
                    <a:lnTo>
                      <a:pt x="853" y="974"/>
                    </a:lnTo>
                    <a:lnTo>
                      <a:pt x="840" y="975"/>
                    </a:lnTo>
                    <a:lnTo>
                      <a:pt x="827" y="974"/>
                    </a:lnTo>
                    <a:lnTo>
                      <a:pt x="814" y="973"/>
                    </a:lnTo>
                    <a:lnTo>
                      <a:pt x="800" y="969"/>
                    </a:lnTo>
                    <a:lnTo>
                      <a:pt x="787" y="965"/>
                    </a:lnTo>
                    <a:lnTo>
                      <a:pt x="782" y="965"/>
                    </a:lnTo>
                    <a:lnTo>
                      <a:pt x="778" y="967"/>
                    </a:lnTo>
                    <a:lnTo>
                      <a:pt x="777" y="969"/>
                    </a:lnTo>
                    <a:lnTo>
                      <a:pt x="777" y="973"/>
                    </a:lnTo>
                    <a:lnTo>
                      <a:pt x="776" y="976"/>
                    </a:lnTo>
                    <a:lnTo>
                      <a:pt x="777" y="980"/>
                    </a:lnTo>
                    <a:lnTo>
                      <a:pt x="778" y="991"/>
                    </a:lnTo>
                    <a:lnTo>
                      <a:pt x="781" y="998"/>
                    </a:lnTo>
                    <a:lnTo>
                      <a:pt x="786" y="1002"/>
                    </a:lnTo>
                    <a:lnTo>
                      <a:pt x="790" y="1006"/>
                    </a:lnTo>
                    <a:lnTo>
                      <a:pt x="795" y="1009"/>
                    </a:lnTo>
                    <a:lnTo>
                      <a:pt x="800" y="1011"/>
                    </a:lnTo>
                    <a:lnTo>
                      <a:pt x="807" y="1014"/>
                    </a:lnTo>
                    <a:lnTo>
                      <a:pt x="812" y="1019"/>
                    </a:lnTo>
                    <a:lnTo>
                      <a:pt x="814" y="1023"/>
                    </a:lnTo>
                    <a:lnTo>
                      <a:pt x="816" y="1028"/>
                    </a:lnTo>
                    <a:lnTo>
                      <a:pt x="817" y="1033"/>
                    </a:lnTo>
                    <a:lnTo>
                      <a:pt x="817" y="1040"/>
                    </a:lnTo>
                    <a:lnTo>
                      <a:pt x="814" y="1052"/>
                    </a:lnTo>
                    <a:lnTo>
                      <a:pt x="812" y="1066"/>
                    </a:lnTo>
                    <a:lnTo>
                      <a:pt x="804" y="1093"/>
                    </a:lnTo>
                    <a:lnTo>
                      <a:pt x="800" y="1115"/>
                    </a:lnTo>
                    <a:lnTo>
                      <a:pt x="800" y="1128"/>
                    </a:lnTo>
                    <a:lnTo>
                      <a:pt x="803" y="1144"/>
                    </a:lnTo>
                    <a:lnTo>
                      <a:pt x="805" y="1162"/>
                    </a:lnTo>
                    <a:lnTo>
                      <a:pt x="809" y="1180"/>
                    </a:lnTo>
                    <a:lnTo>
                      <a:pt x="814" y="1197"/>
                    </a:lnTo>
                    <a:lnTo>
                      <a:pt x="822" y="1212"/>
                    </a:lnTo>
                    <a:lnTo>
                      <a:pt x="826" y="1220"/>
                    </a:lnTo>
                    <a:lnTo>
                      <a:pt x="830" y="1225"/>
                    </a:lnTo>
                    <a:lnTo>
                      <a:pt x="835" y="1230"/>
                    </a:lnTo>
                    <a:lnTo>
                      <a:pt x="840" y="1233"/>
                    </a:lnTo>
                    <a:lnTo>
                      <a:pt x="847" y="1235"/>
                    </a:lnTo>
                    <a:lnTo>
                      <a:pt x="853" y="1238"/>
                    </a:lnTo>
                    <a:lnTo>
                      <a:pt x="861" y="1238"/>
                    </a:lnTo>
                    <a:lnTo>
                      <a:pt x="868" y="1238"/>
                    </a:lnTo>
                    <a:lnTo>
                      <a:pt x="882" y="1237"/>
                    </a:lnTo>
                    <a:lnTo>
                      <a:pt x="896" y="1238"/>
                    </a:lnTo>
                    <a:lnTo>
                      <a:pt x="912" y="1242"/>
                    </a:lnTo>
                    <a:lnTo>
                      <a:pt x="930" y="1247"/>
                    </a:lnTo>
                    <a:lnTo>
                      <a:pt x="941" y="1246"/>
                    </a:lnTo>
                    <a:lnTo>
                      <a:pt x="956" y="1245"/>
                    </a:lnTo>
                    <a:lnTo>
                      <a:pt x="962" y="1245"/>
                    </a:lnTo>
                    <a:lnTo>
                      <a:pt x="967" y="1246"/>
                    </a:lnTo>
                    <a:lnTo>
                      <a:pt x="970" y="1247"/>
                    </a:lnTo>
                    <a:lnTo>
                      <a:pt x="971" y="1248"/>
                    </a:lnTo>
                    <a:lnTo>
                      <a:pt x="973" y="1251"/>
                    </a:lnTo>
                    <a:lnTo>
                      <a:pt x="974" y="1254"/>
                    </a:lnTo>
                    <a:lnTo>
                      <a:pt x="973" y="1259"/>
                    </a:lnTo>
                    <a:lnTo>
                      <a:pt x="971" y="1264"/>
                    </a:lnTo>
                    <a:lnTo>
                      <a:pt x="967" y="1268"/>
                    </a:lnTo>
                    <a:lnTo>
                      <a:pt x="965" y="1274"/>
                    </a:lnTo>
                    <a:lnTo>
                      <a:pt x="961" y="1280"/>
                    </a:lnTo>
                    <a:lnTo>
                      <a:pt x="957" y="1285"/>
                    </a:lnTo>
                    <a:lnTo>
                      <a:pt x="956" y="1291"/>
                    </a:lnTo>
                    <a:lnTo>
                      <a:pt x="954" y="1298"/>
                    </a:lnTo>
                    <a:lnTo>
                      <a:pt x="954" y="1309"/>
                    </a:lnTo>
                    <a:lnTo>
                      <a:pt x="957" y="1320"/>
                    </a:lnTo>
                    <a:lnTo>
                      <a:pt x="962" y="1330"/>
                    </a:lnTo>
                    <a:lnTo>
                      <a:pt x="969" y="1339"/>
                    </a:lnTo>
                    <a:lnTo>
                      <a:pt x="973" y="1343"/>
                    </a:lnTo>
                    <a:lnTo>
                      <a:pt x="975" y="1346"/>
                    </a:lnTo>
                    <a:lnTo>
                      <a:pt x="979" y="1348"/>
                    </a:lnTo>
                    <a:lnTo>
                      <a:pt x="983" y="1349"/>
                    </a:lnTo>
                    <a:lnTo>
                      <a:pt x="992" y="1351"/>
                    </a:lnTo>
                    <a:lnTo>
                      <a:pt x="1001" y="1352"/>
                    </a:lnTo>
                    <a:lnTo>
                      <a:pt x="1014" y="1356"/>
                    </a:lnTo>
                    <a:lnTo>
                      <a:pt x="1026" y="1360"/>
                    </a:lnTo>
                    <a:lnTo>
                      <a:pt x="1039" y="1365"/>
                    </a:lnTo>
                    <a:lnTo>
                      <a:pt x="1052" y="1369"/>
                    </a:lnTo>
                    <a:lnTo>
                      <a:pt x="1057" y="1369"/>
                    </a:lnTo>
                    <a:lnTo>
                      <a:pt x="1062" y="1368"/>
                    </a:lnTo>
                    <a:lnTo>
                      <a:pt x="1066" y="1365"/>
                    </a:lnTo>
                    <a:lnTo>
                      <a:pt x="1068" y="1360"/>
                    </a:lnTo>
                    <a:lnTo>
                      <a:pt x="1074" y="1346"/>
                    </a:lnTo>
                    <a:lnTo>
                      <a:pt x="1077" y="1331"/>
                    </a:lnTo>
                    <a:lnTo>
                      <a:pt x="1079" y="1316"/>
                    </a:lnTo>
                    <a:close/>
                    <a:moveTo>
                      <a:pt x="693" y="940"/>
                    </a:moveTo>
                    <a:lnTo>
                      <a:pt x="691" y="940"/>
                    </a:lnTo>
                    <a:lnTo>
                      <a:pt x="691" y="938"/>
                    </a:lnTo>
                    <a:lnTo>
                      <a:pt x="691" y="936"/>
                    </a:lnTo>
                    <a:lnTo>
                      <a:pt x="691" y="934"/>
                    </a:lnTo>
                    <a:lnTo>
                      <a:pt x="694" y="914"/>
                    </a:lnTo>
                    <a:lnTo>
                      <a:pt x="699" y="896"/>
                    </a:lnTo>
                    <a:lnTo>
                      <a:pt x="700" y="890"/>
                    </a:lnTo>
                    <a:lnTo>
                      <a:pt x="703" y="883"/>
                    </a:lnTo>
                    <a:lnTo>
                      <a:pt x="704" y="882"/>
                    </a:lnTo>
                    <a:lnTo>
                      <a:pt x="707" y="879"/>
                    </a:lnTo>
                    <a:lnTo>
                      <a:pt x="710" y="879"/>
                    </a:lnTo>
                    <a:lnTo>
                      <a:pt x="713" y="878"/>
                    </a:lnTo>
                    <a:lnTo>
                      <a:pt x="719" y="879"/>
                    </a:lnTo>
                    <a:lnTo>
                      <a:pt x="723" y="882"/>
                    </a:lnTo>
                    <a:lnTo>
                      <a:pt x="726" y="884"/>
                    </a:lnTo>
                    <a:lnTo>
                      <a:pt x="729" y="888"/>
                    </a:lnTo>
                    <a:lnTo>
                      <a:pt x="730" y="894"/>
                    </a:lnTo>
                    <a:lnTo>
                      <a:pt x="730" y="897"/>
                    </a:lnTo>
                    <a:lnTo>
                      <a:pt x="730" y="901"/>
                    </a:lnTo>
                    <a:lnTo>
                      <a:pt x="729" y="906"/>
                    </a:lnTo>
                    <a:lnTo>
                      <a:pt x="728" y="918"/>
                    </a:lnTo>
                    <a:lnTo>
                      <a:pt x="729" y="930"/>
                    </a:lnTo>
                    <a:lnTo>
                      <a:pt x="728" y="934"/>
                    </a:lnTo>
                    <a:lnTo>
                      <a:pt x="726" y="936"/>
                    </a:lnTo>
                    <a:lnTo>
                      <a:pt x="725" y="939"/>
                    </a:lnTo>
                    <a:lnTo>
                      <a:pt x="721" y="941"/>
                    </a:lnTo>
                    <a:lnTo>
                      <a:pt x="715" y="944"/>
                    </a:lnTo>
                    <a:lnTo>
                      <a:pt x="708" y="947"/>
                    </a:lnTo>
                    <a:lnTo>
                      <a:pt x="693" y="940"/>
                    </a:lnTo>
                    <a:close/>
                    <a:moveTo>
                      <a:pt x="452" y="1309"/>
                    </a:moveTo>
                    <a:lnTo>
                      <a:pt x="443" y="1296"/>
                    </a:lnTo>
                    <a:lnTo>
                      <a:pt x="436" y="1281"/>
                    </a:lnTo>
                    <a:lnTo>
                      <a:pt x="428" y="1269"/>
                    </a:lnTo>
                    <a:lnTo>
                      <a:pt x="421" y="1255"/>
                    </a:lnTo>
                    <a:lnTo>
                      <a:pt x="421" y="1250"/>
                    </a:lnTo>
                    <a:lnTo>
                      <a:pt x="421" y="1247"/>
                    </a:lnTo>
                    <a:lnTo>
                      <a:pt x="421" y="1243"/>
                    </a:lnTo>
                    <a:lnTo>
                      <a:pt x="422" y="1242"/>
                    </a:lnTo>
                    <a:lnTo>
                      <a:pt x="426" y="1241"/>
                    </a:lnTo>
                    <a:lnTo>
                      <a:pt x="431" y="1241"/>
                    </a:lnTo>
                    <a:lnTo>
                      <a:pt x="441" y="1247"/>
                    </a:lnTo>
                    <a:lnTo>
                      <a:pt x="450" y="1255"/>
                    </a:lnTo>
                    <a:lnTo>
                      <a:pt x="465" y="1267"/>
                    </a:lnTo>
                    <a:lnTo>
                      <a:pt x="482" y="1281"/>
                    </a:lnTo>
                    <a:lnTo>
                      <a:pt x="489" y="1289"/>
                    </a:lnTo>
                    <a:lnTo>
                      <a:pt x="494" y="1296"/>
                    </a:lnTo>
                    <a:lnTo>
                      <a:pt x="496" y="1300"/>
                    </a:lnTo>
                    <a:lnTo>
                      <a:pt x="497" y="1304"/>
                    </a:lnTo>
                    <a:lnTo>
                      <a:pt x="497" y="1309"/>
                    </a:lnTo>
                    <a:lnTo>
                      <a:pt x="496" y="1313"/>
                    </a:lnTo>
                    <a:lnTo>
                      <a:pt x="493" y="1321"/>
                    </a:lnTo>
                    <a:lnTo>
                      <a:pt x="492" y="1329"/>
                    </a:lnTo>
                    <a:lnTo>
                      <a:pt x="492" y="1335"/>
                    </a:lnTo>
                    <a:lnTo>
                      <a:pt x="492" y="1344"/>
                    </a:lnTo>
                    <a:lnTo>
                      <a:pt x="491" y="1347"/>
                    </a:lnTo>
                    <a:lnTo>
                      <a:pt x="491" y="1349"/>
                    </a:lnTo>
                    <a:lnTo>
                      <a:pt x="489" y="1351"/>
                    </a:lnTo>
                    <a:lnTo>
                      <a:pt x="488" y="1351"/>
                    </a:lnTo>
                    <a:lnTo>
                      <a:pt x="483" y="1351"/>
                    </a:lnTo>
                    <a:lnTo>
                      <a:pt x="479" y="1348"/>
                    </a:lnTo>
                    <a:lnTo>
                      <a:pt x="469" y="1340"/>
                    </a:lnTo>
                    <a:lnTo>
                      <a:pt x="463" y="1333"/>
                    </a:lnTo>
                    <a:lnTo>
                      <a:pt x="452" y="1309"/>
                    </a:lnTo>
                    <a:close/>
                    <a:moveTo>
                      <a:pt x="662" y="1399"/>
                    </a:moveTo>
                    <a:lnTo>
                      <a:pt x="664" y="1391"/>
                    </a:lnTo>
                    <a:lnTo>
                      <a:pt x="668" y="1383"/>
                    </a:lnTo>
                    <a:lnTo>
                      <a:pt x="673" y="1377"/>
                    </a:lnTo>
                    <a:lnTo>
                      <a:pt x="680" y="1372"/>
                    </a:lnTo>
                    <a:lnTo>
                      <a:pt x="686" y="1366"/>
                    </a:lnTo>
                    <a:lnTo>
                      <a:pt x="693" y="1361"/>
                    </a:lnTo>
                    <a:lnTo>
                      <a:pt x="698" y="1356"/>
                    </a:lnTo>
                    <a:lnTo>
                      <a:pt x="703" y="1349"/>
                    </a:lnTo>
                    <a:lnTo>
                      <a:pt x="708" y="1338"/>
                    </a:lnTo>
                    <a:lnTo>
                      <a:pt x="711" y="1326"/>
                    </a:lnTo>
                    <a:lnTo>
                      <a:pt x="715" y="1315"/>
                    </a:lnTo>
                    <a:lnTo>
                      <a:pt x="720" y="1303"/>
                    </a:lnTo>
                    <a:lnTo>
                      <a:pt x="725" y="1294"/>
                    </a:lnTo>
                    <a:lnTo>
                      <a:pt x="734" y="1281"/>
                    </a:lnTo>
                    <a:lnTo>
                      <a:pt x="739" y="1274"/>
                    </a:lnTo>
                    <a:lnTo>
                      <a:pt x="743" y="1269"/>
                    </a:lnTo>
                    <a:lnTo>
                      <a:pt x="746" y="1268"/>
                    </a:lnTo>
                    <a:lnTo>
                      <a:pt x="747" y="1267"/>
                    </a:lnTo>
                    <a:lnTo>
                      <a:pt x="750" y="1267"/>
                    </a:lnTo>
                    <a:lnTo>
                      <a:pt x="751" y="1268"/>
                    </a:lnTo>
                    <a:lnTo>
                      <a:pt x="750" y="1281"/>
                    </a:lnTo>
                    <a:lnTo>
                      <a:pt x="747" y="1295"/>
                    </a:lnTo>
                    <a:lnTo>
                      <a:pt x="743" y="1309"/>
                    </a:lnTo>
                    <a:lnTo>
                      <a:pt x="738" y="1324"/>
                    </a:lnTo>
                    <a:lnTo>
                      <a:pt x="725" y="1351"/>
                    </a:lnTo>
                    <a:lnTo>
                      <a:pt x="712" y="1377"/>
                    </a:lnTo>
                    <a:lnTo>
                      <a:pt x="703" y="1392"/>
                    </a:lnTo>
                    <a:lnTo>
                      <a:pt x="686" y="1416"/>
                    </a:lnTo>
                    <a:lnTo>
                      <a:pt x="678" y="1425"/>
                    </a:lnTo>
                    <a:lnTo>
                      <a:pt x="669" y="1430"/>
                    </a:lnTo>
                    <a:lnTo>
                      <a:pt x="667" y="1431"/>
                    </a:lnTo>
                    <a:lnTo>
                      <a:pt x="663" y="1430"/>
                    </a:lnTo>
                    <a:lnTo>
                      <a:pt x="660" y="1426"/>
                    </a:lnTo>
                    <a:lnTo>
                      <a:pt x="659" y="1422"/>
                    </a:lnTo>
                    <a:lnTo>
                      <a:pt x="662" y="1399"/>
                    </a:lnTo>
                    <a:close/>
                    <a:moveTo>
                      <a:pt x="855" y="1394"/>
                    </a:moveTo>
                    <a:lnTo>
                      <a:pt x="846" y="1392"/>
                    </a:lnTo>
                    <a:lnTo>
                      <a:pt x="837" y="1388"/>
                    </a:lnTo>
                    <a:lnTo>
                      <a:pt x="827" y="1384"/>
                    </a:lnTo>
                    <a:lnTo>
                      <a:pt x="820" y="1379"/>
                    </a:lnTo>
                    <a:lnTo>
                      <a:pt x="812" y="1374"/>
                    </a:lnTo>
                    <a:lnTo>
                      <a:pt x="803" y="1370"/>
                    </a:lnTo>
                    <a:lnTo>
                      <a:pt x="794" y="1368"/>
                    </a:lnTo>
                    <a:lnTo>
                      <a:pt x="783" y="1366"/>
                    </a:lnTo>
                    <a:lnTo>
                      <a:pt x="778" y="1368"/>
                    </a:lnTo>
                    <a:lnTo>
                      <a:pt x="774" y="1368"/>
                    </a:lnTo>
                    <a:lnTo>
                      <a:pt x="772" y="1369"/>
                    </a:lnTo>
                    <a:lnTo>
                      <a:pt x="770" y="1372"/>
                    </a:lnTo>
                    <a:lnTo>
                      <a:pt x="769" y="1375"/>
                    </a:lnTo>
                    <a:lnTo>
                      <a:pt x="769" y="1381"/>
                    </a:lnTo>
                    <a:lnTo>
                      <a:pt x="772" y="1387"/>
                    </a:lnTo>
                    <a:lnTo>
                      <a:pt x="773" y="1394"/>
                    </a:lnTo>
                    <a:lnTo>
                      <a:pt x="774" y="1399"/>
                    </a:lnTo>
                    <a:lnTo>
                      <a:pt x="773" y="1404"/>
                    </a:lnTo>
                    <a:lnTo>
                      <a:pt x="767" y="1412"/>
                    </a:lnTo>
                    <a:lnTo>
                      <a:pt x="757" y="1423"/>
                    </a:lnTo>
                    <a:lnTo>
                      <a:pt x="754" y="1429"/>
                    </a:lnTo>
                    <a:lnTo>
                      <a:pt x="751" y="1434"/>
                    </a:lnTo>
                    <a:lnTo>
                      <a:pt x="751" y="1436"/>
                    </a:lnTo>
                    <a:lnTo>
                      <a:pt x="751" y="1439"/>
                    </a:lnTo>
                    <a:lnTo>
                      <a:pt x="752" y="1441"/>
                    </a:lnTo>
                    <a:lnTo>
                      <a:pt x="755" y="1444"/>
                    </a:lnTo>
                    <a:lnTo>
                      <a:pt x="761" y="1448"/>
                    </a:lnTo>
                    <a:lnTo>
                      <a:pt x="769" y="1452"/>
                    </a:lnTo>
                    <a:lnTo>
                      <a:pt x="776" y="1454"/>
                    </a:lnTo>
                    <a:lnTo>
                      <a:pt x="783" y="1457"/>
                    </a:lnTo>
                    <a:lnTo>
                      <a:pt x="799" y="1461"/>
                    </a:lnTo>
                    <a:lnTo>
                      <a:pt x="814" y="1467"/>
                    </a:lnTo>
                    <a:lnTo>
                      <a:pt x="824" y="1473"/>
                    </a:lnTo>
                    <a:lnTo>
                      <a:pt x="830" y="1480"/>
                    </a:lnTo>
                    <a:lnTo>
                      <a:pt x="837" y="1487"/>
                    </a:lnTo>
                    <a:lnTo>
                      <a:pt x="840" y="1493"/>
                    </a:lnTo>
                    <a:lnTo>
                      <a:pt x="847" y="1498"/>
                    </a:lnTo>
                    <a:lnTo>
                      <a:pt x="853" y="1502"/>
                    </a:lnTo>
                    <a:lnTo>
                      <a:pt x="859" y="1505"/>
                    </a:lnTo>
                    <a:lnTo>
                      <a:pt x="864" y="1505"/>
                    </a:lnTo>
                    <a:lnTo>
                      <a:pt x="870" y="1505"/>
                    </a:lnTo>
                    <a:lnTo>
                      <a:pt x="878" y="1505"/>
                    </a:lnTo>
                    <a:lnTo>
                      <a:pt x="886" y="1504"/>
                    </a:lnTo>
                    <a:lnTo>
                      <a:pt x="895" y="1502"/>
                    </a:lnTo>
                    <a:lnTo>
                      <a:pt x="903" y="1501"/>
                    </a:lnTo>
                    <a:lnTo>
                      <a:pt x="910" y="1504"/>
                    </a:lnTo>
                    <a:lnTo>
                      <a:pt x="916" y="1505"/>
                    </a:lnTo>
                    <a:lnTo>
                      <a:pt x="922" y="1505"/>
                    </a:lnTo>
                    <a:lnTo>
                      <a:pt x="927" y="1505"/>
                    </a:lnTo>
                    <a:lnTo>
                      <a:pt x="932" y="1504"/>
                    </a:lnTo>
                    <a:lnTo>
                      <a:pt x="938" y="1501"/>
                    </a:lnTo>
                    <a:lnTo>
                      <a:pt x="941" y="1498"/>
                    </a:lnTo>
                    <a:lnTo>
                      <a:pt x="945" y="1495"/>
                    </a:lnTo>
                    <a:lnTo>
                      <a:pt x="948" y="1489"/>
                    </a:lnTo>
                    <a:lnTo>
                      <a:pt x="951" y="1482"/>
                    </a:lnTo>
                    <a:lnTo>
                      <a:pt x="953" y="1473"/>
                    </a:lnTo>
                    <a:lnTo>
                      <a:pt x="956" y="1463"/>
                    </a:lnTo>
                    <a:lnTo>
                      <a:pt x="957" y="1454"/>
                    </a:lnTo>
                    <a:lnTo>
                      <a:pt x="957" y="1445"/>
                    </a:lnTo>
                    <a:lnTo>
                      <a:pt x="954" y="1438"/>
                    </a:lnTo>
                    <a:lnTo>
                      <a:pt x="952" y="1435"/>
                    </a:lnTo>
                    <a:lnTo>
                      <a:pt x="949" y="1434"/>
                    </a:lnTo>
                    <a:lnTo>
                      <a:pt x="945" y="1432"/>
                    </a:lnTo>
                    <a:lnTo>
                      <a:pt x="941" y="1432"/>
                    </a:lnTo>
                    <a:lnTo>
                      <a:pt x="922" y="1432"/>
                    </a:lnTo>
                    <a:lnTo>
                      <a:pt x="904" y="1431"/>
                    </a:lnTo>
                    <a:lnTo>
                      <a:pt x="895" y="1429"/>
                    </a:lnTo>
                    <a:lnTo>
                      <a:pt x="887" y="1425"/>
                    </a:lnTo>
                    <a:lnTo>
                      <a:pt x="881" y="1419"/>
                    </a:lnTo>
                    <a:lnTo>
                      <a:pt x="874" y="1413"/>
                    </a:lnTo>
                    <a:lnTo>
                      <a:pt x="855" y="1394"/>
                    </a:lnTo>
                    <a:close/>
                    <a:moveTo>
                      <a:pt x="991" y="1475"/>
                    </a:moveTo>
                    <a:lnTo>
                      <a:pt x="989" y="1462"/>
                    </a:lnTo>
                    <a:lnTo>
                      <a:pt x="989" y="1451"/>
                    </a:lnTo>
                    <a:lnTo>
                      <a:pt x="987" y="1440"/>
                    </a:lnTo>
                    <a:lnTo>
                      <a:pt x="983" y="1427"/>
                    </a:lnTo>
                    <a:lnTo>
                      <a:pt x="980" y="1418"/>
                    </a:lnTo>
                    <a:lnTo>
                      <a:pt x="979" y="1409"/>
                    </a:lnTo>
                    <a:lnTo>
                      <a:pt x="980" y="1400"/>
                    </a:lnTo>
                    <a:lnTo>
                      <a:pt x="982" y="1394"/>
                    </a:lnTo>
                    <a:lnTo>
                      <a:pt x="983" y="1391"/>
                    </a:lnTo>
                    <a:lnTo>
                      <a:pt x="985" y="1388"/>
                    </a:lnTo>
                    <a:lnTo>
                      <a:pt x="988" y="1388"/>
                    </a:lnTo>
                    <a:lnTo>
                      <a:pt x="991" y="1387"/>
                    </a:lnTo>
                    <a:lnTo>
                      <a:pt x="995" y="1388"/>
                    </a:lnTo>
                    <a:lnTo>
                      <a:pt x="998" y="1390"/>
                    </a:lnTo>
                    <a:lnTo>
                      <a:pt x="1004" y="1394"/>
                    </a:lnTo>
                    <a:lnTo>
                      <a:pt x="1009" y="1397"/>
                    </a:lnTo>
                    <a:lnTo>
                      <a:pt x="1017" y="1404"/>
                    </a:lnTo>
                    <a:lnTo>
                      <a:pt x="1026" y="1408"/>
                    </a:lnTo>
                    <a:lnTo>
                      <a:pt x="1035" y="1410"/>
                    </a:lnTo>
                    <a:lnTo>
                      <a:pt x="1045" y="1413"/>
                    </a:lnTo>
                    <a:lnTo>
                      <a:pt x="1054" y="1413"/>
                    </a:lnTo>
                    <a:lnTo>
                      <a:pt x="1065" y="1410"/>
                    </a:lnTo>
                    <a:lnTo>
                      <a:pt x="1074" y="1406"/>
                    </a:lnTo>
                    <a:lnTo>
                      <a:pt x="1081" y="1401"/>
                    </a:lnTo>
                    <a:lnTo>
                      <a:pt x="1093" y="1391"/>
                    </a:lnTo>
                    <a:lnTo>
                      <a:pt x="1102" y="1382"/>
                    </a:lnTo>
                    <a:lnTo>
                      <a:pt x="1112" y="1374"/>
                    </a:lnTo>
                    <a:lnTo>
                      <a:pt x="1123" y="1368"/>
                    </a:lnTo>
                    <a:lnTo>
                      <a:pt x="1128" y="1365"/>
                    </a:lnTo>
                    <a:lnTo>
                      <a:pt x="1133" y="1364"/>
                    </a:lnTo>
                    <a:lnTo>
                      <a:pt x="1140" y="1362"/>
                    </a:lnTo>
                    <a:lnTo>
                      <a:pt x="1146" y="1362"/>
                    </a:lnTo>
                    <a:lnTo>
                      <a:pt x="1153" y="1362"/>
                    </a:lnTo>
                    <a:lnTo>
                      <a:pt x="1159" y="1364"/>
                    </a:lnTo>
                    <a:lnTo>
                      <a:pt x="1167" y="1365"/>
                    </a:lnTo>
                    <a:lnTo>
                      <a:pt x="1175" y="1369"/>
                    </a:lnTo>
                    <a:lnTo>
                      <a:pt x="1184" y="1373"/>
                    </a:lnTo>
                    <a:lnTo>
                      <a:pt x="1190" y="1377"/>
                    </a:lnTo>
                    <a:lnTo>
                      <a:pt x="1194" y="1379"/>
                    </a:lnTo>
                    <a:lnTo>
                      <a:pt x="1197" y="1382"/>
                    </a:lnTo>
                    <a:lnTo>
                      <a:pt x="1197" y="1386"/>
                    </a:lnTo>
                    <a:lnTo>
                      <a:pt x="1195" y="1387"/>
                    </a:lnTo>
                    <a:lnTo>
                      <a:pt x="1193" y="1390"/>
                    </a:lnTo>
                    <a:lnTo>
                      <a:pt x="1189" y="1392"/>
                    </a:lnTo>
                    <a:lnTo>
                      <a:pt x="1166" y="1397"/>
                    </a:lnTo>
                    <a:lnTo>
                      <a:pt x="1146" y="1403"/>
                    </a:lnTo>
                    <a:lnTo>
                      <a:pt x="1133" y="1410"/>
                    </a:lnTo>
                    <a:lnTo>
                      <a:pt x="1120" y="1419"/>
                    </a:lnTo>
                    <a:lnTo>
                      <a:pt x="1114" y="1422"/>
                    </a:lnTo>
                    <a:lnTo>
                      <a:pt x="1109" y="1422"/>
                    </a:lnTo>
                    <a:lnTo>
                      <a:pt x="1103" y="1421"/>
                    </a:lnTo>
                    <a:lnTo>
                      <a:pt x="1097" y="1421"/>
                    </a:lnTo>
                    <a:lnTo>
                      <a:pt x="1092" y="1419"/>
                    </a:lnTo>
                    <a:lnTo>
                      <a:pt x="1087" y="1419"/>
                    </a:lnTo>
                    <a:lnTo>
                      <a:pt x="1080" y="1422"/>
                    </a:lnTo>
                    <a:lnTo>
                      <a:pt x="1074" y="1425"/>
                    </a:lnTo>
                    <a:lnTo>
                      <a:pt x="1065" y="1438"/>
                    </a:lnTo>
                    <a:lnTo>
                      <a:pt x="1058" y="1449"/>
                    </a:lnTo>
                    <a:lnTo>
                      <a:pt x="1045" y="1462"/>
                    </a:lnTo>
                    <a:lnTo>
                      <a:pt x="1033" y="1474"/>
                    </a:lnTo>
                    <a:lnTo>
                      <a:pt x="1028" y="1480"/>
                    </a:lnTo>
                    <a:lnTo>
                      <a:pt x="1022" y="1487"/>
                    </a:lnTo>
                    <a:lnTo>
                      <a:pt x="1018" y="1495"/>
                    </a:lnTo>
                    <a:lnTo>
                      <a:pt x="1014" y="1502"/>
                    </a:lnTo>
                    <a:lnTo>
                      <a:pt x="1009" y="1514"/>
                    </a:lnTo>
                    <a:lnTo>
                      <a:pt x="1002" y="1524"/>
                    </a:lnTo>
                    <a:lnTo>
                      <a:pt x="998" y="1527"/>
                    </a:lnTo>
                    <a:lnTo>
                      <a:pt x="996" y="1527"/>
                    </a:lnTo>
                    <a:lnTo>
                      <a:pt x="992" y="1524"/>
                    </a:lnTo>
                    <a:lnTo>
                      <a:pt x="989" y="1522"/>
                    </a:lnTo>
                    <a:lnTo>
                      <a:pt x="985" y="1515"/>
                    </a:lnTo>
                    <a:lnTo>
                      <a:pt x="984" y="1508"/>
                    </a:lnTo>
                    <a:lnTo>
                      <a:pt x="991" y="1475"/>
                    </a:lnTo>
                    <a:close/>
                    <a:moveTo>
                      <a:pt x="856" y="272"/>
                    </a:moveTo>
                    <a:lnTo>
                      <a:pt x="857" y="268"/>
                    </a:lnTo>
                    <a:lnTo>
                      <a:pt x="862" y="264"/>
                    </a:lnTo>
                    <a:lnTo>
                      <a:pt x="868" y="259"/>
                    </a:lnTo>
                    <a:lnTo>
                      <a:pt x="875" y="252"/>
                    </a:lnTo>
                    <a:lnTo>
                      <a:pt x="891" y="243"/>
                    </a:lnTo>
                    <a:lnTo>
                      <a:pt x="901" y="238"/>
                    </a:lnTo>
                    <a:lnTo>
                      <a:pt x="912" y="235"/>
                    </a:lnTo>
                    <a:lnTo>
                      <a:pt x="923" y="235"/>
                    </a:lnTo>
                    <a:lnTo>
                      <a:pt x="936" y="235"/>
                    </a:lnTo>
                    <a:lnTo>
                      <a:pt x="945" y="238"/>
                    </a:lnTo>
                    <a:lnTo>
                      <a:pt x="941" y="245"/>
                    </a:lnTo>
                    <a:lnTo>
                      <a:pt x="936" y="251"/>
                    </a:lnTo>
                    <a:lnTo>
                      <a:pt x="930" y="267"/>
                    </a:lnTo>
                    <a:lnTo>
                      <a:pt x="926" y="282"/>
                    </a:lnTo>
                    <a:lnTo>
                      <a:pt x="923" y="289"/>
                    </a:lnTo>
                    <a:lnTo>
                      <a:pt x="919" y="294"/>
                    </a:lnTo>
                    <a:lnTo>
                      <a:pt x="916" y="296"/>
                    </a:lnTo>
                    <a:lnTo>
                      <a:pt x="912" y="299"/>
                    </a:lnTo>
                    <a:lnTo>
                      <a:pt x="908" y="300"/>
                    </a:lnTo>
                    <a:lnTo>
                      <a:pt x="903" y="300"/>
                    </a:lnTo>
                    <a:lnTo>
                      <a:pt x="899" y="300"/>
                    </a:lnTo>
                    <a:lnTo>
                      <a:pt x="895" y="300"/>
                    </a:lnTo>
                    <a:lnTo>
                      <a:pt x="892" y="298"/>
                    </a:lnTo>
                    <a:lnTo>
                      <a:pt x="890" y="296"/>
                    </a:lnTo>
                    <a:lnTo>
                      <a:pt x="887" y="294"/>
                    </a:lnTo>
                    <a:lnTo>
                      <a:pt x="883" y="292"/>
                    </a:lnTo>
                    <a:lnTo>
                      <a:pt x="879" y="292"/>
                    </a:lnTo>
                    <a:lnTo>
                      <a:pt x="874" y="294"/>
                    </a:lnTo>
                    <a:lnTo>
                      <a:pt x="869" y="295"/>
                    </a:lnTo>
                    <a:lnTo>
                      <a:pt x="864" y="296"/>
                    </a:lnTo>
                    <a:lnTo>
                      <a:pt x="860" y="296"/>
                    </a:lnTo>
                    <a:lnTo>
                      <a:pt x="855" y="295"/>
                    </a:lnTo>
                    <a:lnTo>
                      <a:pt x="851" y="294"/>
                    </a:lnTo>
                    <a:lnTo>
                      <a:pt x="847" y="290"/>
                    </a:lnTo>
                    <a:lnTo>
                      <a:pt x="843" y="286"/>
                    </a:lnTo>
                    <a:lnTo>
                      <a:pt x="840" y="281"/>
                    </a:lnTo>
                    <a:lnTo>
                      <a:pt x="856" y="272"/>
                    </a:lnTo>
                    <a:close/>
                    <a:moveTo>
                      <a:pt x="1785" y="1416"/>
                    </a:moveTo>
                    <a:lnTo>
                      <a:pt x="1780" y="1413"/>
                    </a:lnTo>
                    <a:lnTo>
                      <a:pt x="1773" y="1409"/>
                    </a:lnTo>
                    <a:lnTo>
                      <a:pt x="1767" y="1404"/>
                    </a:lnTo>
                    <a:lnTo>
                      <a:pt x="1760" y="1397"/>
                    </a:lnTo>
                    <a:lnTo>
                      <a:pt x="1754" y="1390"/>
                    </a:lnTo>
                    <a:lnTo>
                      <a:pt x="1750" y="1382"/>
                    </a:lnTo>
                    <a:lnTo>
                      <a:pt x="1747" y="1375"/>
                    </a:lnTo>
                    <a:lnTo>
                      <a:pt x="1746" y="1369"/>
                    </a:lnTo>
                    <a:lnTo>
                      <a:pt x="1747" y="1357"/>
                    </a:lnTo>
                    <a:lnTo>
                      <a:pt x="1752" y="1340"/>
                    </a:lnTo>
                    <a:lnTo>
                      <a:pt x="1755" y="1331"/>
                    </a:lnTo>
                    <a:lnTo>
                      <a:pt x="1758" y="1325"/>
                    </a:lnTo>
                    <a:lnTo>
                      <a:pt x="1760" y="1318"/>
                    </a:lnTo>
                    <a:lnTo>
                      <a:pt x="1763" y="1317"/>
                    </a:lnTo>
                    <a:lnTo>
                      <a:pt x="1767" y="1317"/>
                    </a:lnTo>
                    <a:lnTo>
                      <a:pt x="1771" y="1318"/>
                    </a:lnTo>
                    <a:lnTo>
                      <a:pt x="1776" y="1322"/>
                    </a:lnTo>
                    <a:lnTo>
                      <a:pt x="1782" y="1327"/>
                    </a:lnTo>
                    <a:lnTo>
                      <a:pt x="1793" y="1337"/>
                    </a:lnTo>
                    <a:lnTo>
                      <a:pt x="1799" y="1344"/>
                    </a:lnTo>
                    <a:lnTo>
                      <a:pt x="1812" y="1356"/>
                    </a:lnTo>
                    <a:lnTo>
                      <a:pt x="1828" y="1366"/>
                    </a:lnTo>
                    <a:lnTo>
                      <a:pt x="1834" y="1372"/>
                    </a:lnTo>
                    <a:lnTo>
                      <a:pt x="1841" y="1377"/>
                    </a:lnTo>
                    <a:lnTo>
                      <a:pt x="1846" y="1383"/>
                    </a:lnTo>
                    <a:lnTo>
                      <a:pt x="1848" y="1391"/>
                    </a:lnTo>
                    <a:lnTo>
                      <a:pt x="1850" y="1400"/>
                    </a:lnTo>
                    <a:lnTo>
                      <a:pt x="1850" y="1408"/>
                    </a:lnTo>
                    <a:lnTo>
                      <a:pt x="1848" y="1416"/>
                    </a:lnTo>
                    <a:lnTo>
                      <a:pt x="1846" y="1422"/>
                    </a:lnTo>
                    <a:lnTo>
                      <a:pt x="1841" y="1427"/>
                    </a:lnTo>
                    <a:lnTo>
                      <a:pt x="1834" y="1430"/>
                    </a:lnTo>
                    <a:lnTo>
                      <a:pt x="1826" y="1432"/>
                    </a:lnTo>
                    <a:lnTo>
                      <a:pt x="1816" y="1432"/>
                    </a:lnTo>
                    <a:lnTo>
                      <a:pt x="1785" y="1416"/>
                    </a:lnTo>
                    <a:close/>
                    <a:moveTo>
                      <a:pt x="127" y="1267"/>
                    </a:moveTo>
                    <a:lnTo>
                      <a:pt x="208" y="1278"/>
                    </a:lnTo>
                    <a:lnTo>
                      <a:pt x="225" y="1304"/>
                    </a:lnTo>
                    <a:lnTo>
                      <a:pt x="244" y="1331"/>
                    </a:lnTo>
                    <a:lnTo>
                      <a:pt x="255" y="1344"/>
                    </a:lnTo>
                    <a:lnTo>
                      <a:pt x="266" y="1356"/>
                    </a:lnTo>
                    <a:lnTo>
                      <a:pt x="278" y="1365"/>
                    </a:lnTo>
                    <a:lnTo>
                      <a:pt x="291" y="1373"/>
                    </a:lnTo>
                    <a:lnTo>
                      <a:pt x="301" y="1377"/>
                    </a:lnTo>
                    <a:lnTo>
                      <a:pt x="311" y="1378"/>
                    </a:lnTo>
                    <a:lnTo>
                      <a:pt x="321" y="1378"/>
                    </a:lnTo>
                    <a:lnTo>
                      <a:pt x="329" y="1378"/>
                    </a:lnTo>
                    <a:lnTo>
                      <a:pt x="338" y="1375"/>
                    </a:lnTo>
                    <a:lnTo>
                      <a:pt x="347" y="1373"/>
                    </a:lnTo>
                    <a:lnTo>
                      <a:pt x="355" y="1369"/>
                    </a:lnTo>
                    <a:lnTo>
                      <a:pt x="362" y="1365"/>
                    </a:lnTo>
                    <a:lnTo>
                      <a:pt x="379" y="1357"/>
                    </a:lnTo>
                    <a:lnTo>
                      <a:pt x="395" y="1348"/>
                    </a:lnTo>
                    <a:lnTo>
                      <a:pt x="403" y="1346"/>
                    </a:lnTo>
                    <a:lnTo>
                      <a:pt x="412" y="1343"/>
                    </a:lnTo>
                    <a:lnTo>
                      <a:pt x="419" y="1342"/>
                    </a:lnTo>
                    <a:lnTo>
                      <a:pt x="428" y="1340"/>
                    </a:lnTo>
                    <a:lnTo>
                      <a:pt x="430" y="1334"/>
                    </a:lnTo>
                    <a:lnTo>
                      <a:pt x="431" y="1327"/>
                    </a:lnTo>
                    <a:lnTo>
                      <a:pt x="430" y="1320"/>
                    </a:lnTo>
                    <a:lnTo>
                      <a:pt x="427" y="1312"/>
                    </a:lnTo>
                    <a:lnTo>
                      <a:pt x="423" y="1303"/>
                    </a:lnTo>
                    <a:lnTo>
                      <a:pt x="418" y="1295"/>
                    </a:lnTo>
                    <a:lnTo>
                      <a:pt x="413" y="1287"/>
                    </a:lnTo>
                    <a:lnTo>
                      <a:pt x="406" y="1280"/>
                    </a:lnTo>
                    <a:lnTo>
                      <a:pt x="400" y="1274"/>
                    </a:lnTo>
                    <a:lnTo>
                      <a:pt x="395" y="1269"/>
                    </a:lnTo>
                    <a:lnTo>
                      <a:pt x="382" y="1261"/>
                    </a:lnTo>
                    <a:lnTo>
                      <a:pt x="369" y="1256"/>
                    </a:lnTo>
                    <a:lnTo>
                      <a:pt x="356" y="1250"/>
                    </a:lnTo>
                    <a:lnTo>
                      <a:pt x="344" y="1243"/>
                    </a:lnTo>
                    <a:lnTo>
                      <a:pt x="343" y="1239"/>
                    </a:lnTo>
                    <a:lnTo>
                      <a:pt x="344" y="1233"/>
                    </a:lnTo>
                    <a:lnTo>
                      <a:pt x="347" y="1225"/>
                    </a:lnTo>
                    <a:lnTo>
                      <a:pt x="351" y="1215"/>
                    </a:lnTo>
                    <a:lnTo>
                      <a:pt x="358" y="1195"/>
                    </a:lnTo>
                    <a:lnTo>
                      <a:pt x="365" y="1182"/>
                    </a:lnTo>
                    <a:lnTo>
                      <a:pt x="370" y="1182"/>
                    </a:lnTo>
                    <a:lnTo>
                      <a:pt x="382" y="1184"/>
                    </a:lnTo>
                    <a:lnTo>
                      <a:pt x="388" y="1185"/>
                    </a:lnTo>
                    <a:lnTo>
                      <a:pt x="395" y="1185"/>
                    </a:lnTo>
                    <a:lnTo>
                      <a:pt x="401" y="1185"/>
                    </a:lnTo>
                    <a:lnTo>
                      <a:pt x="405" y="1182"/>
                    </a:lnTo>
                    <a:lnTo>
                      <a:pt x="410" y="1177"/>
                    </a:lnTo>
                    <a:lnTo>
                      <a:pt x="413" y="1172"/>
                    </a:lnTo>
                    <a:lnTo>
                      <a:pt x="414" y="1166"/>
                    </a:lnTo>
                    <a:lnTo>
                      <a:pt x="415" y="1159"/>
                    </a:lnTo>
                    <a:lnTo>
                      <a:pt x="415" y="1146"/>
                    </a:lnTo>
                    <a:lnTo>
                      <a:pt x="415" y="1133"/>
                    </a:lnTo>
                    <a:lnTo>
                      <a:pt x="410" y="1107"/>
                    </a:lnTo>
                    <a:lnTo>
                      <a:pt x="408" y="1083"/>
                    </a:lnTo>
                    <a:lnTo>
                      <a:pt x="408" y="1058"/>
                    </a:lnTo>
                    <a:lnTo>
                      <a:pt x="408" y="1033"/>
                    </a:lnTo>
                    <a:lnTo>
                      <a:pt x="425" y="1030"/>
                    </a:lnTo>
                    <a:lnTo>
                      <a:pt x="441" y="1024"/>
                    </a:lnTo>
                    <a:lnTo>
                      <a:pt x="449" y="1019"/>
                    </a:lnTo>
                    <a:lnTo>
                      <a:pt x="456" y="1014"/>
                    </a:lnTo>
                    <a:lnTo>
                      <a:pt x="457" y="1010"/>
                    </a:lnTo>
                    <a:lnTo>
                      <a:pt x="460" y="1006"/>
                    </a:lnTo>
                    <a:lnTo>
                      <a:pt x="461" y="1001"/>
                    </a:lnTo>
                    <a:lnTo>
                      <a:pt x="461" y="996"/>
                    </a:lnTo>
                    <a:lnTo>
                      <a:pt x="461" y="988"/>
                    </a:lnTo>
                    <a:lnTo>
                      <a:pt x="460" y="980"/>
                    </a:lnTo>
                    <a:lnTo>
                      <a:pt x="457" y="974"/>
                    </a:lnTo>
                    <a:lnTo>
                      <a:pt x="453" y="967"/>
                    </a:lnTo>
                    <a:lnTo>
                      <a:pt x="450" y="962"/>
                    </a:lnTo>
                    <a:lnTo>
                      <a:pt x="448" y="956"/>
                    </a:lnTo>
                    <a:lnTo>
                      <a:pt x="445" y="949"/>
                    </a:lnTo>
                    <a:lnTo>
                      <a:pt x="445" y="943"/>
                    </a:lnTo>
                    <a:lnTo>
                      <a:pt x="447" y="941"/>
                    </a:lnTo>
                    <a:lnTo>
                      <a:pt x="452" y="941"/>
                    </a:lnTo>
                    <a:lnTo>
                      <a:pt x="458" y="944"/>
                    </a:lnTo>
                    <a:lnTo>
                      <a:pt x="467" y="945"/>
                    </a:lnTo>
                    <a:lnTo>
                      <a:pt x="485" y="951"/>
                    </a:lnTo>
                    <a:lnTo>
                      <a:pt x="500" y="953"/>
                    </a:lnTo>
                    <a:lnTo>
                      <a:pt x="506" y="952"/>
                    </a:lnTo>
                    <a:lnTo>
                      <a:pt x="511" y="951"/>
                    </a:lnTo>
                    <a:lnTo>
                      <a:pt x="514" y="947"/>
                    </a:lnTo>
                    <a:lnTo>
                      <a:pt x="517" y="943"/>
                    </a:lnTo>
                    <a:lnTo>
                      <a:pt x="519" y="931"/>
                    </a:lnTo>
                    <a:lnTo>
                      <a:pt x="519" y="919"/>
                    </a:lnTo>
                    <a:lnTo>
                      <a:pt x="518" y="906"/>
                    </a:lnTo>
                    <a:lnTo>
                      <a:pt x="518" y="896"/>
                    </a:lnTo>
                    <a:lnTo>
                      <a:pt x="519" y="891"/>
                    </a:lnTo>
                    <a:lnTo>
                      <a:pt x="520" y="888"/>
                    </a:lnTo>
                    <a:lnTo>
                      <a:pt x="522" y="884"/>
                    </a:lnTo>
                    <a:lnTo>
                      <a:pt x="526" y="883"/>
                    </a:lnTo>
                    <a:lnTo>
                      <a:pt x="536" y="883"/>
                    </a:lnTo>
                    <a:lnTo>
                      <a:pt x="545" y="884"/>
                    </a:lnTo>
                    <a:lnTo>
                      <a:pt x="554" y="887"/>
                    </a:lnTo>
                    <a:lnTo>
                      <a:pt x="563" y="891"/>
                    </a:lnTo>
                    <a:lnTo>
                      <a:pt x="572" y="892"/>
                    </a:lnTo>
                    <a:lnTo>
                      <a:pt x="581" y="892"/>
                    </a:lnTo>
                    <a:lnTo>
                      <a:pt x="585" y="891"/>
                    </a:lnTo>
                    <a:lnTo>
                      <a:pt x="590" y="890"/>
                    </a:lnTo>
                    <a:lnTo>
                      <a:pt x="596" y="886"/>
                    </a:lnTo>
                    <a:lnTo>
                      <a:pt x="601" y="882"/>
                    </a:lnTo>
                    <a:lnTo>
                      <a:pt x="606" y="877"/>
                    </a:lnTo>
                    <a:lnTo>
                      <a:pt x="610" y="870"/>
                    </a:lnTo>
                    <a:lnTo>
                      <a:pt x="614" y="865"/>
                    </a:lnTo>
                    <a:lnTo>
                      <a:pt x="618" y="859"/>
                    </a:lnTo>
                    <a:lnTo>
                      <a:pt x="623" y="846"/>
                    </a:lnTo>
                    <a:lnTo>
                      <a:pt x="625" y="833"/>
                    </a:lnTo>
                    <a:lnTo>
                      <a:pt x="628" y="807"/>
                    </a:lnTo>
                    <a:lnTo>
                      <a:pt x="628" y="782"/>
                    </a:lnTo>
                    <a:lnTo>
                      <a:pt x="629" y="770"/>
                    </a:lnTo>
                    <a:lnTo>
                      <a:pt x="631" y="759"/>
                    </a:lnTo>
                    <a:lnTo>
                      <a:pt x="634" y="750"/>
                    </a:lnTo>
                    <a:lnTo>
                      <a:pt x="640" y="742"/>
                    </a:lnTo>
                    <a:lnTo>
                      <a:pt x="642" y="738"/>
                    </a:lnTo>
                    <a:lnTo>
                      <a:pt x="647" y="734"/>
                    </a:lnTo>
                    <a:lnTo>
                      <a:pt x="651" y="732"/>
                    </a:lnTo>
                    <a:lnTo>
                      <a:pt x="656" y="729"/>
                    </a:lnTo>
                    <a:lnTo>
                      <a:pt x="663" y="728"/>
                    </a:lnTo>
                    <a:lnTo>
                      <a:pt x="671" y="726"/>
                    </a:lnTo>
                    <a:lnTo>
                      <a:pt x="678" y="725"/>
                    </a:lnTo>
                    <a:lnTo>
                      <a:pt x="688" y="725"/>
                    </a:lnTo>
                    <a:lnTo>
                      <a:pt x="680" y="747"/>
                    </a:lnTo>
                    <a:lnTo>
                      <a:pt x="675" y="764"/>
                    </a:lnTo>
                    <a:lnTo>
                      <a:pt x="703" y="800"/>
                    </a:lnTo>
                    <a:lnTo>
                      <a:pt x="712" y="790"/>
                    </a:lnTo>
                    <a:lnTo>
                      <a:pt x="730" y="768"/>
                    </a:lnTo>
                    <a:lnTo>
                      <a:pt x="735" y="763"/>
                    </a:lnTo>
                    <a:lnTo>
                      <a:pt x="741" y="759"/>
                    </a:lnTo>
                    <a:lnTo>
                      <a:pt x="745" y="755"/>
                    </a:lnTo>
                    <a:lnTo>
                      <a:pt x="750" y="754"/>
                    </a:lnTo>
                    <a:lnTo>
                      <a:pt x="754" y="754"/>
                    </a:lnTo>
                    <a:lnTo>
                      <a:pt x="757" y="756"/>
                    </a:lnTo>
                    <a:lnTo>
                      <a:pt x="760" y="760"/>
                    </a:lnTo>
                    <a:lnTo>
                      <a:pt x="763" y="768"/>
                    </a:lnTo>
                    <a:lnTo>
                      <a:pt x="764" y="783"/>
                    </a:lnTo>
                    <a:lnTo>
                      <a:pt x="765" y="798"/>
                    </a:lnTo>
                    <a:lnTo>
                      <a:pt x="769" y="802"/>
                    </a:lnTo>
                    <a:lnTo>
                      <a:pt x="773" y="804"/>
                    </a:lnTo>
                    <a:lnTo>
                      <a:pt x="776" y="805"/>
                    </a:lnTo>
                    <a:lnTo>
                      <a:pt x="778" y="804"/>
                    </a:lnTo>
                    <a:lnTo>
                      <a:pt x="781" y="803"/>
                    </a:lnTo>
                    <a:lnTo>
                      <a:pt x="782" y="800"/>
                    </a:lnTo>
                    <a:lnTo>
                      <a:pt x="785" y="796"/>
                    </a:lnTo>
                    <a:lnTo>
                      <a:pt x="786" y="792"/>
                    </a:lnTo>
                    <a:lnTo>
                      <a:pt x="789" y="773"/>
                    </a:lnTo>
                    <a:lnTo>
                      <a:pt x="789" y="761"/>
                    </a:lnTo>
                    <a:lnTo>
                      <a:pt x="790" y="757"/>
                    </a:lnTo>
                    <a:lnTo>
                      <a:pt x="794" y="756"/>
                    </a:lnTo>
                    <a:lnTo>
                      <a:pt x="799" y="754"/>
                    </a:lnTo>
                    <a:lnTo>
                      <a:pt x="805" y="752"/>
                    </a:lnTo>
                    <a:lnTo>
                      <a:pt x="818" y="751"/>
                    </a:lnTo>
                    <a:lnTo>
                      <a:pt x="827" y="747"/>
                    </a:lnTo>
                    <a:lnTo>
                      <a:pt x="830" y="741"/>
                    </a:lnTo>
                    <a:lnTo>
                      <a:pt x="831" y="733"/>
                    </a:lnTo>
                    <a:lnTo>
                      <a:pt x="831" y="725"/>
                    </a:lnTo>
                    <a:lnTo>
                      <a:pt x="831" y="717"/>
                    </a:lnTo>
                    <a:lnTo>
                      <a:pt x="833" y="711"/>
                    </a:lnTo>
                    <a:lnTo>
                      <a:pt x="835" y="704"/>
                    </a:lnTo>
                    <a:lnTo>
                      <a:pt x="839" y="700"/>
                    </a:lnTo>
                    <a:lnTo>
                      <a:pt x="843" y="695"/>
                    </a:lnTo>
                    <a:lnTo>
                      <a:pt x="848" y="691"/>
                    </a:lnTo>
                    <a:lnTo>
                      <a:pt x="852" y="686"/>
                    </a:lnTo>
                    <a:lnTo>
                      <a:pt x="856" y="681"/>
                    </a:lnTo>
                    <a:lnTo>
                      <a:pt x="859" y="675"/>
                    </a:lnTo>
                    <a:lnTo>
                      <a:pt x="860" y="669"/>
                    </a:lnTo>
                    <a:lnTo>
                      <a:pt x="859" y="664"/>
                    </a:lnTo>
                    <a:lnTo>
                      <a:pt x="859" y="660"/>
                    </a:lnTo>
                    <a:lnTo>
                      <a:pt x="856" y="655"/>
                    </a:lnTo>
                    <a:lnTo>
                      <a:pt x="852" y="647"/>
                    </a:lnTo>
                    <a:lnTo>
                      <a:pt x="846" y="640"/>
                    </a:lnTo>
                    <a:lnTo>
                      <a:pt x="838" y="633"/>
                    </a:lnTo>
                    <a:lnTo>
                      <a:pt x="833" y="627"/>
                    </a:lnTo>
                    <a:lnTo>
                      <a:pt x="827" y="620"/>
                    </a:lnTo>
                    <a:lnTo>
                      <a:pt x="825" y="615"/>
                    </a:lnTo>
                    <a:lnTo>
                      <a:pt x="824" y="610"/>
                    </a:lnTo>
                    <a:lnTo>
                      <a:pt x="821" y="605"/>
                    </a:lnTo>
                    <a:lnTo>
                      <a:pt x="818" y="601"/>
                    </a:lnTo>
                    <a:lnTo>
                      <a:pt x="814" y="598"/>
                    </a:lnTo>
                    <a:lnTo>
                      <a:pt x="805" y="593"/>
                    </a:lnTo>
                    <a:lnTo>
                      <a:pt x="794" y="592"/>
                    </a:lnTo>
                    <a:lnTo>
                      <a:pt x="782" y="590"/>
                    </a:lnTo>
                    <a:lnTo>
                      <a:pt x="770" y="590"/>
                    </a:lnTo>
                    <a:lnTo>
                      <a:pt x="759" y="592"/>
                    </a:lnTo>
                    <a:lnTo>
                      <a:pt x="750" y="593"/>
                    </a:lnTo>
                    <a:lnTo>
                      <a:pt x="739" y="593"/>
                    </a:lnTo>
                    <a:lnTo>
                      <a:pt x="732" y="592"/>
                    </a:lnTo>
                    <a:lnTo>
                      <a:pt x="725" y="590"/>
                    </a:lnTo>
                    <a:lnTo>
                      <a:pt x="719" y="586"/>
                    </a:lnTo>
                    <a:lnTo>
                      <a:pt x="707" y="580"/>
                    </a:lnTo>
                    <a:lnTo>
                      <a:pt x="693" y="574"/>
                    </a:lnTo>
                    <a:lnTo>
                      <a:pt x="680" y="571"/>
                    </a:lnTo>
                    <a:lnTo>
                      <a:pt x="671" y="567"/>
                    </a:lnTo>
                    <a:lnTo>
                      <a:pt x="668" y="563"/>
                    </a:lnTo>
                    <a:lnTo>
                      <a:pt x="667" y="559"/>
                    </a:lnTo>
                    <a:lnTo>
                      <a:pt x="668" y="553"/>
                    </a:lnTo>
                    <a:lnTo>
                      <a:pt x="672" y="545"/>
                    </a:lnTo>
                    <a:lnTo>
                      <a:pt x="676" y="535"/>
                    </a:lnTo>
                    <a:lnTo>
                      <a:pt x="680" y="527"/>
                    </a:lnTo>
                    <a:lnTo>
                      <a:pt x="682" y="518"/>
                    </a:lnTo>
                    <a:lnTo>
                      <a:pt x="684" y="509"/>
                    </a:lnTo>
                    <a:lnTo>
                      <a:pt x="686" y="492"/>
                    </a:lnTo>
                    <a:lnTo>
                      <a:pt x="688" y="475"/>
                    </a:lnTo>
                    <a:lnTo>
                      <a:pt x="688" y="458"/>
                    </a:lnTo>
                    <a:lnTo>
                      <a:pt x="689" y="441"/>
                    </a:lnTo>
                    <a:lnTo>
                      <a:pt x="690" y="423"/>
                    </a:lnTo>
                    <a:lnTo>
                      <a:pt x="694" y="404"/>
                    </a:lnTo>
                    <a:lnTo>
                      <a:pt x="699" y="387"/>
                    </a:lnTo>
                    <a:lnTo>
                      <a:pt x="706" y="369"/>
                    </a:lnTo>
                    <a:lnTo>
                      <a:pt x="713" y="351"/>
                    </a:lnTo>
                    <a:lnTo>
                      <a:pt x="724" y="334"/>
                    </a:lnTo>
                    <a:lnTo>
                      <a:pt x="734" y="317"/>
                    </a:lnTo>
                    <a:lnTo>
                      <a:pt x="746" y="300"/>
                    </a:lnTo>
                    <a:lnTo>
                      <a:pt x="759" y="286"/>
                    </a:lnTo>
                    <a:lnTo>
                      <a:pt x="772" y="273"/>
                    </a:lnTo>
                    <a:lnTo>
                      <a:pt x="777" y="265"/>
                    </a:lnTo>
                    <a:lnTo>
                      <a:pt x="781" y="255"/>
                    </a:lnTo>
                    <a:lnTo>
                      <a:pt x="785" y="243"/>
                    </a:lnTo>
                    <a:lnTo>
                      <a:pt x="787" y="230"/>
                    </a:lnTo>
                    <a:lnTo>
                      <a:pt x="790" y="203"/>
                    </a:lnTo>
                    <a:lnTo>
                      <a:pt x="794" y="181"/>
                    </a:lnTo>
                    <a:lnTo>
                      <a:pt x="795" y="176"/>
                    </a:lnTo>
                    <a:lnTo>
                      <a:pt x="795" y="169"/>
                    </a:lnTo>
                    <a:lnTo>
                      <a:pt x="794" y="163"/>
                    </a:lnTo>
                    <a:lnTo>
                      <a:pt x="792" y="158"/>
                    </a:lnTo>
                    <a:lnTo>
                      <a:pt x="789" y="146"/>
                    </a:lnTo>
                    <a:lnTo>
                      <a:pt x="785" y="134"/>
                    </a:lnTo>
                    <a:lnTo>
                      <a:pt x="780" y="121"/>
                    </a:lnTo>
                    <a:lnTo>
                      <a:pt x="776" y="110"/>
                    </a:lnTo>
                    <a:lnTo>
                      <a:pt x="774" y="102"/>
                    </a:lnTo>
                    <a:lnTo>
                      <a:pt x="774" y="96"/>
                    </a:lnTo>
                    <a:lnTo>
                      <a:pt x="774" y="89"/>
                    </a:lnTo>
                    <a:lnTo>
                      <a:pt x="776" y="81"/>
                    </a:lnTo>
                    <a:lnTo>
                      <a:pt x="789" y="70"/>
                    </a:lnTo>
                    <a:lnTo>
                      <a:pt x="809" y="48"/>
                    </a:lnTo>
                    <a:lnTo>
                      <a:pt x="818" y="36"/>
                    </a:lnTo>
                    <a:lnTo>
                      <a:pt x="826" y="24"/>
                    </a:lnTo>
                    <a:lnTo>
                      <a:pt x="833" y="15"/>
                    </a:lnTo>
                    <a:lnTo>
                      <a:pt x="834" y="9"/>
                    </a:lnTo>
                    <a:lnTo>
                      <a:pt x="835" y="6"/>
                    </a:lnTo>
                    <a:lnTo>
                      <a:pt x="835" y="2"/>
                    </a:lnTo>
                    <a:lnTo>
                      <a:pt x="825" y="1"/>
                    </a:lnTo>
                    <a:lnTo>
                      <a:pt x="814" y="0"/>
                    </a:lnTo>
                    <a:lnTo>
                      <a:pt x="804" y="1"/>
                    </a:lnTo>
                    <a:lnTo>
                      <a:pt x="795" y="4"/>
                    </a:lnTo>
                    <a:lnTo>
                      <a:pt x="777" y="10"/>
                    </a:lnTo>
                    <a:lnTo>
                      <a:pt x="759" y="19"/>
                    </a:lnTo>
                    <a:lnTo>
                      <a:pt x="742" y="29"/>
                    </a:lnTo>
                    <a:lnTo>
                      <a:pt x="724" y="39"/>
                    </a:lnTo>
                    <a:lnTo>
                      <a:pt x="715" y="44"/>
                    </a:lnTo>
                    <a:lnTo>
                      <a:pt x="706" y="46"/>
                    </a:lnTo>
                    <a:lnTo>
                      <a:pt x="695" y="49"/>
                    </a:lnTo>
                    <a:lnTo>
                      <a:pt x="685" y="50"/>
                    </a:lnTo>
                    <a:lnTo>
                      <a:pt x="659" y="53"/>
                    </a:lnTo>
                    <a:lnTo>
                      <a:pt x="640" y="55"/>
                    </a:lnTo>
                    <a:lnTo>
                      <a:pt x="633" y="57"/>
                    </a:lnTo>
                    <a:lnTo>
                      <a:pt x="627" y="59"/>
                    </a:lnTo>
                    <a:lnTo>
                      <a:pt x="621" y="62"/>
                    </a:lnTo>
                    <a:lnTo>
                      <a:pt x="618" y="64"/>
                    </a:lnTo>
                    <a:lnTo>
                      <a:pt x="615" y="68"/>
                    </a:lnTo>
                    <a:lnTo>
                      <a:pt x="611" y="74"/>
                    </a:lnTo>
                    <a:lnTo>
                      <a:pt x="608" y="80"/>
                    </a:lnTo>
                    <a:lnTo>
                      <a:pt x="606" y="86"/>
                    </a:lnTo>
                    <a:lnTo>
                      <a:pt x="598" y="106"/>
                    </a:lnTo>
                    <a:lnTo>
                      <a:pt x="589" y="131"/>
                    </a:lnTo>
                    <a:lnTo>
                      <a:pt x="577" y="154"/>
                    </a:lnTo>
                    <a:lnTo>
                      <a:pt x="562" y="178"/>
                    </a:lnTo>
                    <a:lnTo>
                      <a:pt x="553" y="191"/>
                    </a:lnTo>
                    <a:lnTo>
                      <a:pt x="544" y="204"/>
                    </a:lnTo>
                    <a:lnTo>
                      <a:pt x="533" y="217"/>
                    </a:lnTo>
                    <a:lnTo>
                      <a:pt x="522" y="229"/>
                    </a:lnTo>
                    <a:lnTo>
                      <a:pt x="510" y="239"/>
                    </a:lnTo>
                    <a:lnTo>
                      <a:pt x="498" y="250"/>
                    </a:lnTo>
                    <a:lnTo>
                      <a:pt x="487" y="259"/>
                    </a:lnTo>
                    <a:lnTo>
                      <a:pt x="474" y="265"/>
                    </a:lnTo>
                    <a:lnTo>
                      <a:pt x="461" y="270"/>
                    </a:lnTo>
                    <a:lnTo>
                      <a:pt x="448" y="274"/>
                    </a:lnTo>
                    <a:lnTo>
                      <a:pt x="435" y="277"/>
                    </a:lnTo>
                    <a:lnTo>
                      <a:pt x="422" y="276"/>
                    </a:lnTo>
                    <a:lnTo>
                      <a:pt x="406" y="276"/>
                    </a:lnTo>
                    <a:lnTo>
                      <a:pt x="391" y="276"/>
                    </a:lnTo>
                    <a:lnTo>
                      <a:pt x="375" y="277"/>
                    </a:lnTo>
                    <a:lnTo>
                      <a:pt x="360" y="279"/>
                    </a:lnTo>
                    <a:lnTo>
                      <a:pt x="344" y="282"/>
                    </a:lnTo>
                    <a:lnTo>
                      <a:pt x="329" y="285"/>
                    </a:lnTo>
                    <a:lnTo>
                      <a:pt x="313" y="287"/>
                    </a:lnTo>
                    <a:lnTo>
                      <a:pt x="298" y="287"/>
                    </a:lnTo>
                    <a:lnTo>
                      <a:pt x="277" y="289"/>
                    </a:lnTo>
                    <a:lnTo>
                      <a:pt x="260" y="290"/>
                    </a:lnTo>
                    <a:lnTo>
                      <a:pt x="244" y="294"/>
                    </a:lnTo>
                    <a:lnTo>
                      <a:pt x="232" y="299"/>
                    </a:lnTo>
                    <a:lnTo>
                      <a:pt x="225" y="303"/>
                    </a:lnTo>
                    <a:lnTo>
                      <a:pt x="219" y="307"/>
                    </a:lnTo>
                    <a:lnTo>
                      <a:pt x="213" y="312"/>
                    </a:lnTo>
                    <a:lnTo>
                      <a:pt x="207" y="317"/>
                    </a:lnTo>
                    <a:lnTo>
                      <a:pt x="197" y="330"/>
                    </a:lnTo>
                    <a:lnTo>
                      <a:pt x="185" y="347"/>
                    </a:lnTo>
                    <a:lnTo>
                      <a:pt x="182" y="358"/>
                    </a:lnTo>
                    <a:lnTo>
                      <a:pt x="178" y="369"/>
                    </a:lnTo>
                    <a:lnTo>
                      <a:pt x="173" y="379"/>
                    </a:lnTo>
                    <a:lnTo>
                      <a:pt x="167" y="388"/>
                    </a:lnTo>
                    <a:lnTo>
                      <a:pt x="160" y="399"/>
                    </a:lnTo>
                    <a:lnTo>
                      <a:pt x="155" y="408"/>
                    </a:lnTo>
                    <a:lnTo>
                      <a:pt x="152" y="417"/>
                    </a:lnTo>
                    <a:lnTo>
                      <a:pt x="151" y="425"/>
                    </a:lnTo>
                    <a:lnTo>
                      <a:pt x="151" y="430"/>
                    </a:lnTo>
                    <a:lnTo>
                      <a:pt x="155" y="435"/>
                    </a:lnTo>
                    <a:lnTo>
                      <a:pt x="159" y="440"/>
                    </a:lnTo>
                    <a:lnTo>
                      <a:pt x="164" y="445"/>
                    </a:lnTo>
                    <a:lnTo>
                      <a:pt x="176" y="456"/>
                    </a:lnTo>
                    <a:lnTo>
                      <a:pt x="189" y="466"/>
                    </a:lnTo>
                    <a:lnTo>
                      <a:pt x="195" y="471"/>
                    </a:lnTo>
                    <a:lnTo>
                      <a:pt x="200" y="476"/>
                    </a:lnTo>
                    <a:lnTo>
                      <a:pt x="206" y="482"/>
                    </a:lnTo>
                    <a:lnTo>
                      <a:pt x="208" y="487"/>
                    </a:lnTo>
                    <a:lnTo>
                      <a:pt x="209" y="493"/>
                    </a:lnTo>
                    <a:lnTo>
                      <a:pt x="208" y="500"/>
                    </a:lnTo>
                    <a:lnTo>
                      <a:pt x="206" y="506"/>
                    </a:lnTo>
                    <a:lnTo>
                      <a:pt x="200" y="513"/>
                    </a:lnTo>
                    <a:lnTo>
                      <a:pt x="195" y="517"/>
                    </a:lnTo>
                    <a:lnTo>
                      <a:pt x="190" y="518"/>
                    </a:lnTo>
                    <a:lnTo>
                      <a:pt x="185" y="519"/>
                    </a:lnTo>
                    <a:lnTo>
                      <a:pt x="180" y="518"/>
                    </a:lnTo>
                    <a:lnTo>
                      <a:pt x="169" y="515"/>
                    </a:lnTo>
                    <a:lnTo>
                      <a:pt x="159" y="510"/>
                    </a:lnTo>
                    <a:lnTo>
                      <a:pt x="152" y="509"/>
                    </a:lnTo>
                    <a:lnTo>
                      <a:pt x="147" y="506"/>
                    </a:lnTo>
                    <a:lnTo>
                      <a:pt x="141" y="506"/>
                    </a:lnTo>
                    <a:lnTo>
                      <a:pt x="136" y="507"/>
                    </a:lnTo>
                    <a:lnTo>
                      <a:pt x="129" y="510"/>
                    </a:lnTo>
                    <a:lnTo>
                      <a:pt x="124" y="514"/>
                    </a:lnTo>
                    <a:lnTo>
                      <a:pt x="118" y="520"/>
                    </a:lnTo>
                    <a:lnTo>
                      <a:pt x="112" y="529"/>
                    </a:lnTo>
                    <a:lnTo>
                      <a:pt x="107" y="536"/>
                    </a:lnTo>
                    <a:lnTo>
                      <a:pt x="102" y="541"/>
                    </a:lnTo>
                    <a:lnTo>
                      <a:pt x="101" y="545"/>
                    </a:lnTo>
                    <a:lnTo>
                      <a:pt x="99" y="548"/>
                    </a:lnTo>
                    <a:lnTo>
                      <a:pt x="99" y="552"/>
                    </a:lnTo>
                    <a:lnTo>
                      <a:pt x="101" y="554"/>
                    </a:lnTo>
                    <a:lnTo>
                      <a:pt x="111" y="567"/>
                    </a:lnTo>
                    <a:lnTo>
                      <a:pt x="115" y="576"/>
                    </a:lnTo>
                    <a:lnTo>
                      <a:pt x="116" y="579"/>
                    </a:lnTo>
                    <a:lnTo>
                      <a:pt x="116" y="581"/>
                    </a:lnTo>
                    <a:lnTo>
                      <a:pt x="115" y="584"/>
                    </a:lnTo>
                    <a:lnTo>
                      <a:pt x="114" y="585"/>
                    </a:lnTo>
                    <a:lnTo>
                      <a:pt x="102" y="589"/>
                    </a:lnTo>
                    <a:lnTo>
                      <a:pt x="88" y="590"/>
                    </a:lnTo>
                    <a:lnTo>
                      <a:pt x="84" y="592"/>
                    </a:lnTo>
                    <a:lnTo>
                      <a:pt x="80" y="594"/>
                    </a:lnTo>
                    <a:lnTo>
                      <a:pt x="75" y="599"/>
                    </a:lnTo>
                    <a:lnTo>
                      <a:pt x="71" y="605"/>
                    </a:lnTo>
                    <a:lnTo>
                      <a:pt x="64" y="619"/>
                    </a:lnTo>
                    <a:lnTo>
                      <a:pt x="57" y="637"/>
                    </a:lnTo>
                    <a:lnTo>
                      <a:pt x="50" y="658"/>
                    </a:lnTo>
                    <a:lnTo>
                      <a:pt x="44" y="682"/>
                    </a:lnTo>
                    <a:lnTo>
                      <a:pt x="38" y="707"/>
                    </a:lnTo>
                    <a:lnTo>
                      <a:pt x="33" y="734"/>
                    </a:lnTo>
                    <a:lnTo>
                      <a:pt x="23" y="789"/>
                    </a:lnTo>
                    <a:lnTo>
                      <a:pt x="15" y="839"/>
                    </a:lnTo>
                    <a:lnTo>
                      <a:pt x="10" y="881"/>
                    </a:lnTo>
                    <a:lnTo>
                      <a:pt x="5" y="908"/>
                    </a:lnTo>
                    <a:lnTo>
                      <a:pt x="1" y="922"/>
                    </a:lnTo>
                    <a:lnTo>
                      <a:pt x="0" y="934"/>
                    </a:lnTo>
                    <a:lnTo>
                      <a:pt x="1" y="944"/>
                    </a:lnTo>
                    <a:lnTo>
                      <a:pt x="3" y="953"/>
                    </a:lnTo>
                    <a:lnTo>
                      <a:pt x="13" y="970"/>
                    </a:lnTo>
                    <a:lnTo>
                      <a:pt x="20" y="989"/>
                    </a:lnTo>
                    <a:lnTo>
                      <a:pt x="23" y="996"/>
                    </a:lnTo>
                    <a:lnTo>
                      <a:pt x="27" y="1000"/>
                    </a:lnTo>
                    <a:lnTo>
                      <a:pt x="29" y="1001"/>
                    </a:lnTo>
                    <a:lnTo>
                      <a:pt x="33" y="1001"/>
                    </a:lnTo>
                    <a:lnTo>
                      <a:pt x="40" y="996"/>
                    </a:lnTo>
                    <a:lnTo>
                      <a:pt x="48" y="987"/>
                    </a:lnTo>
                    <a:lnTo>
                      <a:pt x="55" y="978"/>
                    </a:lnTo>
                    <a:lnTo>
                      <a:pt x="62" y="973"/>
                    </a:lnTo>
                    <a:lnTo>
                      <a:pt x="66" y="971"/>
                    </a:lnTo>
                    <a:lnTo>
                      <a:pt x="68" y="971"/>
                    </a:lnTo>
                    <a:lnTo>
                      <a:pt x="71" y="974"/>
                    </a:lnTo>
                    <a:lnTo>
                      <a:pt x="73" y="979"/>
                    </a:lnTo>
                    <a:lnTo>
                      <a:pt x="77" y="988"/>
                    </a:lnTo>
                    <a:lnTo>
                      <a:pt x="81" y="995"/>
                    </a:lnTo>
                    <a:lnTo>
                      <a:pt x="86" y="1001"/>
                    </a:lnTo>
                    <a:lnTo>
                      <a:pt x="93" y="1005"/>
                    </a:lnTo>
                    <a:lnTo>
                      <a:pt x="106" y="1013"/>
                    </a:lnTo>
                    <a:lnTo>
                      <a:pt x="119" y="1023"/>
                    </a:lnTo>
                    <a:lnTo>
                      <a:pt x="121" y="1031"/>
                    </a:lnTo>
                    <a:lnTo>
                      <a:pt x="124" y="1046"/>
                    </a:lnTo>
                    <a:lnTo>
                      <a:pt x="125" y="1066"/>
                    </a:lnTo>
                    <a:lnTo>
                      <a:pt x="127" y="1089"/>
                    </a:lnTo>
                    <a:lnTo>
                      <a:pt x="128" y="1133"/>
                    </a:lnTo>
                    <a:lnTo>
                      <a:pt x="128" y="1163"/>
                    </a:lnTo>
                    <a:lnTo>
                      <a:pt x="128" y="1189"/>
                    </a:lnTo>
                    <a:lnTo>
                      <a:pt x="128" y="1215"/>
                    </a:lnTo>
                    <a:lnTo>
                      <a:pt x="128" y="1241"/>
                    </a:lnTo>
                    <a:lnTo>
                      <a:pt x="127" y="1267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7" name="Freeform 48">
                <a:extLst>
                  <a:ext uri="{FF2B5EF4-FFF2-40B4-BE49-F238E27FC236}">
                    <a16:creationId xmlns:a16="http://schemas.microsoft.com/office/drawing/2014/main" id="{E011A882-5B44-614A-84E7-E65AC40C72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311600" y="2817966"/>
                <a:ext cx="107480" cy="119216"/>
              </a:xfrm>
              <a:custGeom>
                <a:avLst/>
                <a:gdLst/>
                <a:ahLst/>
                <a:cxnLst>
                  <a:cxn ang="0">
                    <a:pos x="74" y="242"/>
                  </a:cxn>
                  <a:cxn ang="0">
                    <a:pos x="61" y="232"/>
                  </a:cxn>
                  <a:cxn ang="0">
                    <a:pos x="40" y="211"/>
                  </a:cxn>
                  <a:cxn ang="0">
                    <a:pos x="26" y="197"/>
                  </a:cxn>
                  <a:cxn ang="0">
                    <a:pos x="19" y="187"/>
                  </a:cxn>
                  <a:cxn ang="0">
                    <a:pos x="12" y="164"/>
                  </a:cxn>
                  <a:cxn ang="0">
                    <a:pos x="4" y="130"/>
                  </a:cxn>
                  <a:cxn ang="0">
                    <a:pos x="0" y="97"/>
                  </a:cxn>
                  <a:cxn ang="0">
                    <a:pos x="1" y="79"/>
                  </a:cxn>
                  <a:cxn ang="0">
                    <a:pos x="8" y="71"/>
                  </a:cxn>
                  <a:cxn ang="0">
                    <a:pos x="19" y="65"/>
                  </a:cxn>
                  <a:cxn ang="0">
                    <a:pos x="44" y="43"/>
                  </a:cxn>
                  <a:cxn ang="0">
                    <a:pos x="66" y="17"/>
                  </a:cxn>
                  <a:cxn ang="0">
                    <a:pos x="86" y="4"/>
                  </a:cxn>
                  <a:cxn ang="0">
                    <a:pos x="106" y="0"/>
                  </a:cxn>
                  <a:cxn ang="0">
                    <a:pos x="118" y="3"/>
                  </a:cxn>
                  <a:cxn ang="0">
                    <a:pos x="126" y="10"/>
                  </a:cxn>
                  <a:cxn ang="0">
                    <a:pos x="130" y="22"/>
                  </a:cxn>
                  <a:cxn ang="0">
                    <a:pos x="135" y="43"/>
                  </a:cxn>
                  <a:cxn ang="0">
                    <a:pos x="140" y="63"/>
                  </a:cxn>
                  <a:cxn ang="0">
                    <a:pos x="148" y="74"/>
                  </a:cxn>
                  <a:cxn ang="0">
                    <a:pos x="157" y="82"/>
                  </a:cxn>
                  <a:cxn ang="0">
                    <a:pos x="163" y="83"/>
                  </a:cxn>
                  <a:cxn ang="0">
                    <a:pos x="172" y="82"/>
                  </a:cxn>
                  <a:cxn ang="0">
                    <a:pos x="183" y="66"/>
                  </a:cxn>
                  <a:cxn ang="0">
                    <a:pos x="198" y="44"/>
                  </a:cxn>
                  <a:cxn ang="0">
                    <a:pos x="219" y="26"/>
                  </a:cxn>
                  <a:cxn ang="0">
                    <a:pos x="229" y="19"/>
                  </a:cxn>
                  <a:cxn ang="0">
                    <a:pos x="233" y="18"/>
                  </a:cxn>
                  <a:cxn ang="0">
                    <a:pos x="235" y="30"/>
                  </a:cxn>
                  <a:cxn ang="0">
                    <a:pos x="231" y="49"/>
                  </a:cxn>
                  <a:cxn ang="0">
                    <a:pos x="225" y="70"/>
                  </a:cxn>
                  <a:cxn ang="0">
                    <a:pos x="220" y="91"/>
                  </a:cxn>
                  <a:cxn ang="0">
                    <a:pos x="222" y="136"/>
                  </a:cxn>
                  <a:cxn ang="0">
                    <a:pos x="224" y="183"/>
                  </a:cxn>
                  <a:cxn ang="0">
                    <a:pos x="220" y="216"/>
                  </a:cxn>
                  <a:cxn ang="0">
                    <a:pos x="211" y="242"/>
                  </a:cxn>
                  <a:cxn ang="0">
                    <a:pos x="202" y="253"/>
                  </a:cxn>
                  <a:cxn ang="0">
                    <a:pos x="190" y="260"/>
                  </a:cxn>
                  <a:cxn ang="0">
                    <a:pos x="178" y="263"/>
                  </a:cxn>
                  <a:cxn ang="0">
                    <a:pos x="140" y="259"/>
                  </a:cxn>
                  <a:cxn ang="0">
                    <a:pos x="79" y="245"/>
                  </a:cxn>
                </a:cxnLst>
                <a:rect l="0" t="0" r="r" b="b"/>
                <a:pathLst>
                  <a:path w="236" h="263">
                    <a:moveTo>
                      <a:pt x="79" y="245"/>
                    </a:moveTo>
                    <a:lnTo>
                      <a:pt x="74" y="242"/>
                    </a:lnTo>
                    <a:lnTo>
                      <a:pt x="67" y="237"/>
                    </a:lnTo>
                    <a:lnTo>
                      <a:pt x="61" y="232"/>
                    </a:lnTo>
                    <a:lnTo>
                      <a:pt x="54" y="225"/>
                    </a:lnTo>
                    <a:lnTo>
                      <a:pt x="40" y="211"/>
                    </a:lnTo>
                    <a:lnTo>
                      <a:pt x="30" y="201"/>
                    </a:lnTo>
                    <a:lnTo>
                      <a:pt x="26" y="197"/>
                    </a:lnTo>
                    <a:lnTo>
                      <a:pt x="23" y="193"/>
                    </a:lnTo>
                    <a:lnTo>
                      <a:pt x="19" y="187"/>
                    </a:lnTo>
                    <a:lnTo>
                      <a:pt x="17" y="180"/>
                    </a:lnTo>
                    <a:lnTo>
                      <a:pt x="12" y="164"/>
                    </a:lnTo>
                    <a:lnTo>
                      <a:pt x="7" y="146"/>
                    </a:lnTo>
                    <a:lnTo>
                      <a:pt x="4" y="130"/>
                    </a:lnTo>
                    <a:lnTo>
                      <a:pt x="1" y="113"/>
                    </a:lnTo>
                    <a:lnTo>
                      <a:pt x="0" y="97"/>
                    </a:lnTo>
                    <a:lnTo>
                      <a:pt x="0" y="85"/>
                    </a:lnTo>
                    <a:lnTo>
                      <a:pt x="1" y="79"/>
                    </a:lnTo>
                    <a:lnTo>
                      <a:pt x="4" y="75"/>
                    </a:lnTo>
                    <a:lnTo>
                      <a:pt x="8" y="71"/>
                    </a:lnTo>
                    <a:lnTo>
                      <a:pt x="12" y="69"/>
                    </a:lnTo>
                    <a:lnTo>
                      <a:pt x="19" y="65"/>
                    </a:lnTo>
                    <a:lnTo>
                      <a:pt x="27" y="60"/>
                    </a:lnTo>
                    <a:lnTo>
                      <a:pt x="44" y="43"/>
                    </a:lnTo>
                    <a:lnTo>
                      <a:pt x="58" y="25"/>
                    </a:lnTo>
                    <a:lnTo>
                      <a:pt x="66" y="17"/>
                    </a:lnTo>
                    <a:lnTo>
                      <a:pt x="74" y="10"/>
                    </a:lnTo>
                    <a:lnTo>
                      <a:pt x="86" y="4"/>
                    </a:lnTo>
                    <a:lnTo>
                      <a:pt x="97" y="0"/>
                    </a:lnTo>
                    <a:lnTo>
                      <a:pt x="106" y="0"/>
                    </a:lnTo>
                    <a:lnTo>
                      <a:pt x="113" y="0"/>
                    </a:lnTo>
                    <a:lnTo>
                      <a:pt x="118" y="3"/>
                    </a:lnTo>
                    <a:lnTo>
                      <a:pt x="122" y="6"/>
                    </a:lnTo>
                    <a:lnTo>
                      <a:pt x="126" y="10"/>
                    </a:lnTo>
                    <a:lnTo>
                      <a:pt x="128" y="16"/>
                    </a:lnTo>
                    <a:lnTo>
                      <a:pt x="130" y="22"/>
                    </a:lnTo>
                    <a:lnTo>
                      <a:pt x="131" y="28"/>
                    </a:lnTo>
                    <a:lnTo>
                      <a:pt x="135" y="43"/>
                    </a:lnTo>
                    <a:lnTo>
                      <a:pt x="137" y="57"/>
                    </a:lnTo>
                    <a:lnTo>
                      <a:pt x="140" y="63"/>
                    </a:lnTo>
                    <a:lnTo>
                      <a:pt x="144" y="69"/>
                    </a:lnTo>
                    <a:lnTo>
                      <a:pt x="148" y="74"/>
                    </a:lnTo>
                    <a:lnTo>
                      <a:pt x="152" y="79"/>
                    </a:lnTo>
                    <a:lnTo>
                      <a:pt x="157" y="82"/>
                    </a:lnTo>
                    <a:lnTo>
                      <a:pt x="161" y="83"/>
                    </a:lnTo>
                    <a:lnTo>
                      <a:pt x="163" y="83"/>
                    </a:lnTo>
                    <a:lnTo>
                      <a:pt x="167" y="83"/>
                    </a:lnTo>
                    <a:lnTo>
                      <a:pt x="172" y="82"/>
                    </a:lnTo>
                    <a:lnTo>
                      <a:pt x="176" y="78"/>
                    </a:lnTo>
                    <a:lnTo>
                      <a:pt x="183" y="66"/>
                    </a:lnTo>
                    <a:lnTo>
                      <a:pt x="189" y="54"/>
                    </a:lnTo>
                    <a:lnTo>
                      <a:pt x="198" y="44"/>
                    </a:lnTo>
                    <a:lnTo>
                      <a:pt x="211" y="31"/>
                    </a:lnTo>
                    <a:lnTo>
                      <a:pt x="219" y="26"/>
                    </a:lnTo>
                    <a:lnTo>
                      <a:pt x="225" y="21"/>
                    </a:lnTo>
                    <a:lnTo>
                      <a:pt x="229" y="19"/>
                    </a:lnTo>
                    <a:lnTo>
                      <a:pt x="232" y="18"/>
                    </a:lnTo>
                    <a:lnTo>
                      <a:pt x="233" y="18"/>
                    </a:lnTo>
                    <a:lnTo>
                      <a:pt x="236" y="19"/>
                    </a:lnTo>
                    <a:lnTo>
                      <a:pt x="235" y="30"/>
                    </a:lnTo>
                    <a:lnTo>
                      <a:pt x="233" y="40"/>
                    </a:lnTo>
                    <a:lnTo>
                      <a:pt x="231" y="49"/>
                    </a:lnTo>
                    <a:lnTo>
                      <a:pt x="228" y="60"/>
                    </a:lnTo>
                    <a:lnTo>
                      <a:pt x="225" y="70"/>
                    </a:lnTo>
                    <a:lnTo>
                      <a:pt x="223" y="80"/>
                    </a:lnTo>
                    <a:lnTo>
                      <a:pt x="220" y="91"/>
                    </a:lnTo>
                    <a:lnTo>
                      <a:pt x="220" y="101"/>
                    </a:lnTo>
                    <a:lnTo>
                      <a:pt x="222" y="136"/>
                    </a:lnTo>
                    <a:lnTo>
                      <a:pt x="224" y="167"/>
                    </a:lnTo>
                    <a:lnTo>
                      <a:pt x="224" y="183"/>
                    </a:lnTo>
                    <a:lnTo>
                      <a:pt x="223" y="199"/>
                    </a:lnTo>
                    <a:lnTo>
                      <a:pt x="220" y="216"/>
                    </a:lnTo>
                    <a:lnTo>
                      <a:pt x="215" y="234"/>
                    </a:lnTo>
                    <a:lnTo>
                      <a:pt x="211" y="242"/>
                    </a:lnTo>
                    <a:lnTo>
                      <a:pt x="207" y="249"/>
                    </a:lnTo>
                    <a:lnTo>
                      <a:pt x="202" y="253"/>
                    </a:lnTo>
                    <a:lnTo>
                      <a:pt x="196" y="256"/>
                    </a:lnTo>
                    <a:lnTo>
                      <a:pt x="190" y="260"/>
                    </a:lnTo>
                    <a:lnTo>
                      <a:pt x="184" y="262"/>
                    </a:lnTo>
                    <a:lnTo>
                      <a:pt x="178" y="263"/>
                    </a:lnTo>
                    <a:lnTo>
                      <a:pt x="170" y="263"/>
                    </a:lnTo>
                    <a:lnTo>
                      <a:pt x="140" y="259"/>
                    </a:lnTo>
                    <a:lnTo>
                      <a:pt x="111" y="253"/>
                    </a:lnTo>
                    <a:lnTo>
                      <a:pt x="79" y="24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8" name="Freeform 49">
                <a:extLst>
                  <a:ext uri="{FF2B5EF4-FFF2-40B4-BE49-F238E27FC236}">
                    <a16:creationId xmlns:a16="http://schemas.microsoft.com/office/drawing/2014/main" id="{4EC612E9-7577-7A42-8DB4-7904325ECB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48228" y="2733069"/>
                <a:ext cx="191278" cy="245657"/>
              </a:xfrm>
              <a:custGeom>
                <a:avLst/>
                <a:gdLst/>
                <a:ahLst/>
                <a:cxnLst>
                  <a:cxn ang="0">
                    <a:pos x="300" y="470"/>
                  </a:cxn>
                  <a:cxn ang="0">
                    <a:pos x="281" y="452"/>
                  </a:cxn>
                  <a:cxn ang="0">
                    <a:pos x="292" y="433"/>
                  </a:cxn>
                  <a:cxn ang="0">
                    <a:pos x="349" y="419"/>
                  </a:cxn>
                  <a:cxn ang="0">
                    <a:pos x="395" y="399"/>
                  </a:cxn>
                  <a:cxn ang="0">
                    <a:pos x="395" y="368"/>
                  </a:cxn>
                  <a:cxn ang="0">
                    <a:pos x="339" y="318"/>
                  </a:cxn>
                  <a:cxn ang="0">
                    <a:pos x="334" y="290"/>
                  </a:cxn>
                  <a:cxn ang="0">
                    <a:pos x="357" y="257"/>
                  </a:cxn>
                  <a:cxn ang="0">
                    <a:pos x="403" y="207"/>
                  </a:cxn>
                  <a:cxn ang="0">
                    <a:pos x="418" y="149"/>
                  </a:cxn>
                  <a:cxn ang="0">
                    <a:pos x="410" y="96"/>
                  </a:cxn>
                  <a:cxn ang="0">
                    <a:pos x="419" y="60"/>
                  </a:cxn>
                  <a:cxn ang="0">
                    <a:pos x="401" y="27"/>
                  </a:cxn>
                  <a:cxn ang="0">
                    <a:pos x="353" y="1"/>
                  </a:cxn>
                  <a:cxn ang="0">
                    <a:pos x="318" y="4"/>
                  </a:cxn>
                  <a:cxn ang="0">
                    <a:pos x="251" y="43"/>
                  </a:cxn>
                  <a:cxn ang="0">
                    <a:pos x="269" y="61"/>
                  </a:cxn>
                  <a:cxn ang="0">
                    <a:pos x="299" y="82"/>
                  </a:cxn>
                  <a:cxn ang="0">
                    <a:pos x="277" y="162"/>
                  </a:cxn>
                  <a:cxn ang="0">
                    <a:pos x="265" y="141"/>
                  </a:cxn>
                  <a:cxn ang="0">
                    <a:pos x="232" y="128"/>
                  </a:cxn>
                  <a:cxn ang="0">
                    <a:pos x="224" y="176"/>
                  </a:cxn>
                  <a:cxn ang="0">
                    <a:pos x="200" y="183"/>
                  </a:cxn>
                  <a:cxn ang="0">
                    <a:pos x="177" y="170"/>
                  </a:cxn>
                  <a:cxn ang="0">
                    <a:pos x="190" y="132"/>
                  </a:cxn>
                  <a:cxn ang="0">
                    <a:pos x="190" y="102"/>
                  </a:cxn>
                  <a:cxn ang="0">
                    <a:pos x="212" y="75"/>
                  </a:cxn>
                  <a:cxn ang="0">
                    <a:pos x="206" y="57"/>
                  </a:cxn>
                  <a:cxn ang="0">
                    <a:pos x="149" y="53"/>
                  </a:cxn>
                  <a:cxn ang="0">
                    <a:pos x="95" y="45"/>
                  </a:cxn>
                  <a:cxn ang="0">
                    <a:pos x="98" y="79"/>
                  </a:cxn>
                  <a:cxn ang="0">
                    <a:pos x="141" y="101"/>
                  </a:cxn>
                  <a:cxn ang="0">
                    <a:pos x="136" y="119"/>
                  </a:cxn>
                  <a:cxn ang="0">
                    <a:pos x="77" y="148"/>
                  </a:cxn>
                  <a:cxn ang="0">
                    <a:pos x="11" y="139"/>
                  </a:cxn>
                  <a:cxn ang="0">
                    <a:pos x="0" y="150"/>
                  </a:cxn>
                  <a:cxn ang="0">
                    <a:pos x="14" y="180"/>
                  </a:cxn>
                  <a:cxn ang="0">
                    <a:pos x="38" y="197"/>
                  </a:cxn>
                  <a:cxn ang="0">
                    <a:pos x="36" y="240"/>
                  </a:cxn>
                  <a:cxn ang="0">
                    <a:pos x="29" y="336"/>
                  </a:cxn>
                  <a:cxn ang="0">
                    <a:pos x="54" y="399"/>
                  </a:cxn>
                  <a:cxn ang="0">
                    <a:pos x="85" y="412"/>
                  </a:cxn>
                  <a:cxn ang="0">
                    <a:pos x="154" y="421"/>
                  </a:cxn>
                  <a:cxn ang="0">
                    <a:pos x="194" y="421"/>
                  </a:cxn>
                  <a:cxn ang="0">
                    <a:pos x="195" y="438"/>
                  </a:cxn>
                  <a:cxn ang="0">
                    <a:pos x="180" y="465"/>
                  </a:cxn>
                  <a:cxn ang="0">
                    <a:pos x="193" y="513"/>
                  </a:cxn>
                  <a:cxn ang="0">
                    <a:pos x="216" y="525"/>
                  </a:cxn>
                  <a:cxn ang="0">
                    <a:pos x="276" y="543"/>
                  </a:cxn>
                  <a:cxn ang="0">
                    <a:pos x="298" y="520"/>
                  </a:cxn>
                </a:cxnLst>
                <a:rect l="0" t="0" r="r" b="b"/>
                <a:pathLst>
                  <a:path w="419" h="543">
                    <a:moveTo>
                      <a:pt x="303" y="490"/>
                    </a:moveTo>
                    <a:lnTo>
                      <a:pt x="304" y="483"/>
                    </a:lnTo>
                    <a:lnTo>
                      <a:pt x="304" y="478"/>
                    </a:lnTo>
                    <a:lnTo>
                      <a:pt x="303" y="474"/>
                    </a:lnTo>
                    <a:lnTo>
                      <a:pt x="300" y="470"/>
                    </a:lnTo>
                    <a:lnTo>
                      <a:pt x="295" y="464"/>
                    </a:lnTo>
                    <a:lnTo>
                      <a:pt x="287" y="460"/>
                    </a:lnTo>
                    <a:lnTo>
                      <a:pt x="285" y="457"/>
                    </a:lnTo>
                    <a:lnTo>
                      <a:pt x="282" y="455"/>
                    </a:lnTo>
                    <a:lnTo>
                      <a:pt x="281" y="452"/>
                    </a:lnTo>
                    <a:lnTo>
                      <a:pt x="279" y="450"/>
                    </a:lnTo>
                    <a:lnTo>
                      <a:pt x="279" y="447"/>
                    </a:lnTo>
                    <a:lnTo>
                      <a:pt x="282" y="443"/>
                    </a:lnTo>
                    <a:lnTo>
                      <a:pt x="286" y="438"/>
                    </a:lnTo>
                    <a:lnTo>
                      <a:pt x="292" y="433"/>
                    </a:lnTo>
                    <a:lnTo>
                      <a:pt x="301" y="428"/>
                    </a:lnTo>
                    <a:lnTo>
                      <a:pt x="313" y="424"/>
                    </a:lnTo>
                    <a:lnTo>
                      <a:pt x="325" y="421"/>
                    </a:lnTo>
                    <a:lnTo>
                      <a:pt x="336" y="420"/>
                    </a:lnTo>
                    <a:lnTo>
                      <a:pt x="349" y="419"/>
                    </a:lnTo>
                    <a:lnTo>
                      <a:pt x="362" y="416"/>
                    </a:lnTo>
                    <a:lnTo>
                      <a:pt x="374" y="413"/>
                    </a:lnTo>
                    <a:lnTo>
                      <a:pt x="386" y="408"/>
                    </a:lnTo>
                    <a:lnTo>
                      <a:pt x="391" y="404"/>
                    </a:lnTo>
                    <a:lnTo>
                      <a:pt x="395" y="399"/>
                    </a:lnTo>
                    <a:lnTo>
                      <a:pt x="397" y="393"/>
                    </a:lnTo>
                    <a:lnTo>
                      <a:pt x="399" y="386"/>
                    </a:lnTo>
                    <a:lnTo>
                      <a:pt x="399" y="380"/>
                    </a:lnTo>
                    <a:lnTo>
                      <a:pt x="397" y="373"/>
                    </a:lnTo>
                    <a:lnTo>
                      <a:pt x="395" y="368"/>
                    </a:lnTo>
                    <a:lnTo>
                      <a:pt x="390" y="363"/>
                    </a:lnTo>
                    <a:lnTo>
                      <a:pt x="371" y="351"/>
                    </a:lnTo>
                    <a:lnTo>
                      <a:pt x="353" y="336"/>
                    </a:lnTo>
                    <a:lnTo>
                      <a:pt x="346" y="327"/>
                    </a:lnTo>
                    <a:lnTo>
                      <a:pt x="339" y="318"/>
                    </a:lnTo>
                    <a:lnTo>
                      <a:pt x="336" y="312"/>
                    </a:lnTo>
                    <a:lnTo>
                      <a:pt x="334" y="308"/>
                    </a:lnTo>
                    <a:lnTo>
                      <a:pt x="333" y="303"/>
                    </a:lnTo>
                    <a:lnTo>
                      <a:pt x="333" y="298"/>
                    </a:lnTo>
                    <a:lnTo>
                      <a:pt x="334" y="290"/>
                    </a:lnTo>
                    <a:lnTo>
                      <a:pt x="335" y="285"/>
                    </a:lnTo>
                    <a:lnTo>
                      <a:pt x="336" y="280"/>
                    </a:lnTo>
                    <a:lnTo>
                      <a:pt x="340" y="275"/>
                    </a:lnTo>
                    <a:lnTo>
                      <a:pt x="347" y="266"/>
                    </a:lnTo>
                    <a:lnTo>
                      <a:pt x="357" y="257"/>
                    </a:lnTo>
                    <a:lnTo>
                      <a:pt x="366" y="250"/>
                    </a:lnTo>
                    <a:lnTo>
                      <a:pt x="377" y="242"/>
                    </a:lnTo>
                    <a:lnTo>
                      <a:pt x="386" y="235"/>
                    </a:lnTo>
                    <a:lnTo>
                      <a:pt x="393" y="226"/>
                    </a:lnTo>
                    <a:lnTo>
                      <a:pt x="403" y="207"/>
                    </a:lnTo>
                    <a:lnTo>
                      <a:pt x="412" y="188"/>
                    </a:lnTo>
                    <a:lnTo>
                      <a:pt x="414" y="179"/>
                    </a:lnTo>
                    <a:lnTo>
                      <a:pt x="417" y="169"/>
                    </a:lnTo>
                    <a:lnTo>
                      <a:pt x="418" y="159"/>
                    </a:lnTo>
                    <a:lnTo>
                      <a:pt x="418" y="149"/>
                    </a:lnTo>
                    <a:lnTo>
                      <a:pt x="414" y="135"/>
                    </a:lnTo>
                    <a:lnTo>
                      <a:pt x="412" y="119"/>
                    </a:lnTo>
                    <a:lnTo>
                      <a:pt x="410" y="112"/>
                    </a:lnTo>
                    <a:lnTo>
                      <a:pt x="409" y="104"/>
                    </a:lnTo>
                    <a:lnTo>
                      <a:pt x="410" y="96"/>
                    </a:lnTo>
                    <a:lnTo>
                      <a:pt x="413" y="90"/>
                    </a:lnTo>
                    <a:lnTo>
                      <a:pt x="417" y="82"/>
                    </a:lnTo>
                    <a:lnTo>
                      <a:pt x="419" y="74"/>
                    </a:lnTo>
                    <a:lnTo>
                      <a:pt x="419" y="66"/>
                    </a:lnTo>
                    <a:lnTo>
                      <a:pt x="419" y="60"/>
                    </a:lnTo>
                    <a:lnTo>
                      <a:pt x="417" y="52"/>
                    </a:lnTo>
                    <a:lnTo>
                      <a:pt x="414" y="45"/>
                    </a:lnTo>
                    <a:lnTo>
                      <a:pt x="410" y="39"/>
                    </a:lnTo>
                    <a:lnTo>
                      <a:pt x="406" y="33"/>
                    </a:lnTo>
                    <a:lnTo>
                      <a:pt x="401" y="27"/>
                    </a:lnTo>
                    <a:lnTo>
                      <a:pt x="395" y="22"/>
                    </a:lnTo>
                    <a:lnTo>
                      <a:pt x="388" y="17"/>
                    </a:lnTo>
                    <a:lnTo>
                      <a:pt x="382" y="13"/>
                    </a:lnTo>
                    <a:lnTo>
                      <a:pt x="368" y="5"/>
                    </a:lnTo>
                    <a:lnTo>
                      <a:pt x="353" y="1"/>
                    </a:lnTo>
                    <a:lnTo>
                      <a:pt x="347" y="0"/>
                    </a:lnTo>
                    <a:lnTo>
                      <a:pt x="340" y="0"/>
                    </a:lnTo>
                    <a:lnTo>
                      <a:pt x="335" y="0"/>
                    </a:lnTo>
                    <a:lnTo>
                      <a:pt x="329" y="1"/>
                    </a:lnTo>
                    <a:lnTo>
                      <a:pt x="318" y="4"/>
                    </a:lnTo>
                    <a:lnTo>
                      <a:pt x="309" y="9"/>
                    </a:lnTo>
                    <a:lnTo>
                      <a:pt x="291" y="22"/>
                    </a:lnTo>
                    <a:lnTo>
                      <a:pt x="272" y="34"/>
                    </a:lnTo>
                    <a:lnTo>
                      <a:pt x="260" y="39"/>
                    </a:lnTo>
                    <a:lnTo>
                      <a:pt x="251" y="43"/>
                    </a:lnTo>
                    <a:lnTo>
                      <a:pt x="248" y="47"/>
                    </a:lnTo>
                    <a:lnTo>
                      <a:pt x="248" y="49"/>
                    </a:lnTo>
                    <a:lnTo>
                      <a:pt x="252" y="53"/>
                    </a:lnTo>
                    <a:lnTo>
                      <a:pt x="259" y="57"/>
                    </a:lnTo>
                    <a:lnTo>
                      <a:pt x="269" y="61"/>
                    </a:lnTo>
                    <a:lnTo>
                      <a:pt x="283" y="66"/>
                    </a:lnTo>
                    <a:lnTo>
                      <a:pt x="290" y="70"/>
                    </a:lnTo>
                    <a:lnTo>
                      <a:pt x="295" y="74"/>
                    </a:lnTo>
                    <a:lnTo>
                      <a:pt x="298" y="78"/>
                    </a:lnTo>
                    <a:lnTo>
                      <a:pt x="299" y="82"/>
                    </a:lnTo>
                    <a:lnTo>
                      <a:pt x="283" y="148"/>
                    </a:lnTo>
                    <a:lnTo>
                      <a:pt x="282" y="153"/>
                    </a:lnTo>
                    <a:lnTo>
                      <a:pt x="281" y="158"/>
                    </a:lnTo>
                    <a:lnTo>
                      <a:pt x="279" y="161"/>
                    </a:lnTo>
                    <a:lnTo>
                      <a:pt x="277" y="162"/>
                    </a:lnTo>
                    <a:lnTo>
                      <a:pt x="276" y="162"/>
                    </a:lnTo>
                    <a:lnTo>
                      <a:pt x="274" y="161"/>
                    </a:lnTo>
                    <a:lnTo>
                      <a:pt x="273" y="159"/>
                    </a:lnTo>
                    <a:lnTo>
                      <a:pt x="270" y="157"/>
                    </a:lnTo>
                    <a:lnTo>
                      <a:pt x="265" y="141"/>
                    </a:lnTo>
                    <a:lnTo>
                      <a:pt x="263" y="127"/>
                    </a:lnTo>
                    <a:lnTo>
                      <a:pt x="261" y="112"/>
                    </a:lnTo>
                    <a:lnTo>
                      <a:pt x="257" y="99"/>
                    </a:lnTo>
                    <a:lnTo>
                      <a:pt x="246" y="113"/>
                    </a:lnTo>
                    <a:lnTo>
                      <a:pt x="232" y="128"/>
                    </a:lnTo>
                    <a:lnTo>
                      <a:pt x="232" y="144"/>
                    </a:lnTo>
                    <a:lnTo>
                      <a:pt x="233" y="161"/>
                    </a:lnTo>
                    <a:lnTo>
                      <a:pt x="230" y="167"/>
                    </a:lnTo>
                    <a:lnTo>
                      <a:pt x="228" y="172"/>
                    </a:lnTo>
                    <a:lnTo>
                      <a:pt x="224" y="176"/>
                    </a:lnTo>
                    <a:lnTo>
                      <a:pt x="220" y="180"/>
                    </a:lnTo>
                    <a:lnTo>
                      <a:pt x="215" y="182"/>
                    </a:lnTo>
                    <a:lnTo>
                      <a:pt x="211" y="183"/>
                    </a:lnTo>
                    <a:lnTo>
                      <a:pt x="206" y="183"/>
                    </a:lnTo>
                    <a:lnTo>
                      <a:pt x="200" y="183"/>
                    </a:lnTo>
                    <a:lnTo>
                      <a:pt x="191" y="182"/>
                    </a:lnTo>
                    <a:lnTo>
                      <a:pt x="184" y="178"/>
                    </a:lnTo>
                    <a:lnTo>
                      <a:pt x="181" y="175"/>
                    </a:lnTo>
                    <a:lnTo>
                      <a:pt x="178" y="172"/>
                    </a:lnTo>
                    <a:lnTo>
                      <a:pt x="177" y="170"/>
                    </a:lnTo>
                    <a:lnTo>
                      <a:pt x="177" y="169"/>
                    </a:lnTo>
                    <a:lnTo>
                      <a:pt x="182" y="157"/>
                    </a:lnTo>
                    <a:lnTo>
                      <a:pt x="186" y="144"/>
                    </a:lnTo>
                    <a:lnTo>
                      <a:pt x="189" y="137"/>
                    </a:lnTo>
                    <a:lnTo>
                      <a:pt x="190" y="132"/>
                    </a:lnTo>
                    <a:lnTo>
                      <a:pt x="191" y="126"/>
                    </a:lnTo>
                    <a:lnTo>
                      <a:pt x="190" y="119"/>
                    </a:lnTo>
                    <a:lnTo>
                      <a:pt x="190" y="113"/>
                    </a:lnTo>
                    <a:lnTo>
                      <a:pt x="190" y="108"/>
                    </a:lnTo>
                    <a:lnTo>
                      <a:pt x="190" y="102"/>
                    </a:lnTo>
                    <a:lnTo>
                      <a:pt x="193" y="99"/>
                    </a:lnTo>
                    <a:lnTo>
                      <a:pt x="197" y="92"/>
                    </a:lnTo>
                    <a:lnTo>
                      <a:pt x="202" y="86"/>
                    </a:lnTo>
                    <a:lnTo>
                      <a:pt x="207" y="80"/>
                    </a:lnTo>
                    <a:lnTo>
                      <a:pt x="212" y="75"/>
                    </a:lnTo>
                    <a:lnTo>
                      <a:pt x="215" y="70"/>
                    </a:lnTo>
                    <a:lnTo>
                      <a:pt x="216" y="62"/>
                    </a:lnTo>
                    <a:lnTo>
                      <a:pt x="215" y="60"/>
                    </a:lnTo>
                    <a:lnTo>
                      <a:pt x="211" y="57"/>
                    </a:lnTo>
                    <a:lnTo>
                      <a:pt x="206" y="57"/>
                    </a:lnTo>
                    <a:lnTo>
                      <a:pt x="199" y="57"/>
                    </a:lnTo>
                    <a:lnTo>
                      <a:pt x="187" y="57"/>
                    </a:lnTo>
                    <a:lnTo>
                      <a:pt x="178" y="58"/>
                    </a:lnTo>
                    <a:lnTo>
                      <a:pt x="164" y="57"/>
                    </a:lnTo>
                    <a:lnTo>
                      <a:pt x="149" y="53"/>
                    </a:lnTo>
                    <a:lnTo>
                      <a:pt x="130" y="49"/>
                    </a:lnTo>
                    <a:lnTo>
                      <a:pt x="114" y="45"/>
                    </a:lnTo>
                    <a:lnTo>
                      <a:pt x="107" y="44"/>
                    </a:lnTo>
                    <a:lnTo>
                      <a:pt x="101" y="44"/>
                    </a:lnTo>
                    <a:lnTo>
                      <a:pt x="95" y="45"/>
                    </a:lnTo>
                    <a:lnTo>
                      <a:pt x="92" y="48"/>
                    </a:lnTo>
                    <a:lnTo>
                      <a:pt x="90" y="53"/>
                    </a:lnTo>
                    <a:lnTo>
                      <a:pt x="90" y="60"/>
                    </a:lnTo>
                    <a:lnTo>
                      <a:pt x="93" y="68"/>
                    </a:lnTo>
                    <a:lnTo>
                      <a:pt x="98" y="79"/>
                    </a:lnTo>
                    <a:lnTo>
                      <a:pt x="116" y="87"/>
                    </a:lnTo>
                    <a:lnTo>
                      <a:pt x="133" y="95"/>
                    </a:lnTo>
                    <a:lnTo>
                      <a:pt x="136" y="96"/>
                    </a:lnTo>
                    <a:lnTo>
                      <a:pt x="138" y="99"/>
                    </a:lnTo>
                    <a:lnTo>
                      <a:pt x="141" y="101"/>
                    </a:lnTo>
                    <a:lnTo>
                      <a:pt x="142" y="105"/>
                    </a:lnTo>
                    <a:lnTo>
                      <a:pt x="142" y="108"/>
                    </a:lnTo>
                    <a:lnTo>
                      <a:pt x="141" y="112"/>
                    </a:lnTo>
                    <a:lnTo>
                      <a:pt x="138" y="115"/>
                    </a:lnTo>
                    <a:lnTo>
                      <a:pt x="136" y="119"/>
                    </a:lnTo>
                    <a:lnTo>
                      <a:pt x="125" y="128"/>
                    </a:lnTo>
                    <a:lnTo>
                      <a:pt x="115" y="136"/>
                    </a:lnTo>
                    <a:lnTo>
                      <a:pt x="103" y="141"/>
                    </a:lnTo>
                    <a:lnTo>
                      <a:pt x="90" y="145"/>
                    </a:lnTo>
                    <a:lnTo>
                      <a:pt x="77" y="148"/>
                    </a:lnTo>
                    <a:lnTo>
                      <a:pt x="64" y="149"/>
                    </a:lnTo>
                    <a:lnTo>
                      <a:pt x="51" y="148"/>
                    </a:lnTo>
                    <a:lnTo>
                      <a:pt x="38" y="147"/>
                    </a:lnTo>
                    <a:lnTo>
                      <a:pt x="24" y="143"/>
                    </a:lnTo>
                    <a:lnTo>
                      <a:pt x="11" y="139"/>
                    </a:lnTo>
                    <a:lnTo>
                      <a:pt x="6" y="139"/>
                    </a:lnTo>
                    <a:lnTo>
                      <a:pt x="2" y="141"/>
                    </a:lnTo>
                    <a:lnTo>
                      <a:pt x="1" y="143"/>
                    </a:lnTo>
                    <a:lnTo>
                      <a:pt x="1" y="147"/>
                    </a:lnTo>
                    <a:lnTo>
                      <a:pt x="0" y="150"/>
                    </a:lnTo>
                    <a:lnTo>
                      <a:pt x="1" y="154"/>
                    </a:lnTo>
                    <a:lnTo>
                      <a:pt x="2" y="165"/>
                    </a:lnTo>
                    <a:lnTo>
                      <a:pt x="5" y="172"/>
                    </a:lnTo>
                    <a:lnTo>
                      <a:pt x="10" y="176"/>
                    </a:lnTo>
                    <a:lnTo>
                      <a:pt x="14" y="180"/>
                    </a:lnTo>
                    <a:lnTo>
                      <a:pt x="19" y="183"/>
                    </a:lnTo>
                    <a:lnTo>
                      <a:pt x="24" y="185"/>
                    </a:lnTo>
                    <a:lnTo>
                      <a:pt x="31" y="188"/>
                    </a:lnTo>
                    <a:lnTo>
                      <a:pt x="36" y="193"/>
                    </a:lnTo>
                    <a:lnTo>
                      <a:pt x="38" y="197"/>
                    </a:lnTo>
                    <a:lnTo>
                      <a:pt x="40" y="202"/>
                    </a:lnTo>
                    <a:lnTo>
                      <a:pt x="41" y="207"/>
                    </a:lnTo>
                    <a:lnTo>
                      <a:pt x="41" y="214"/>
                    </a:lnTo>
                    <a:lnTo>
                      <a:pt x="38" y="226"/>
                    </a:lnTo>
                    <a:lnTo>
                      <a:pt x="36" y="240"/>
                    </a:lnTo>
                    <a:lnTo>
                      <a:pt x="28" y="267"/>
                    </a:lnTo>
                    <a:lnTo>
                      <a:pt x="24" y="289"/>
                    </a:lnTo>
                    <a:lnTo>
                      <a:pt x="24" y="302"/>
                    </a:lnTo>
                    <a:lnTo>
                      <a:pt x="27" y="318"/>
                    </a:lnTo>
                    <a:lnTo>
                      <a:pt x="29" y="336"/>
                    </a:lnTo>
                    <a:lnTo>
                      <a:pt x="33" y="354"/>
                    </a:lnTo>
                    <a:lnTo>
                      <a:pt x="38" y="371"/>
                    </a:lnTo>
                    <a:lnTo>
                      <a:pt x="46" y="386"/>
                    </a:lnTo>
                    <a:lnTo>
                      <a:pt x="50" y="394"/>
                    </a:lnTo>
                    <a:lnTo>
                      <a:pt x="54" y="399"/>
                    </a:lnTo>
                    <a:lnTo>
                      <a:pt x="59" y="404"/>
                    </a:lnTo>
                    <a:lnTo>
                      <a:pt x="64" y="407"/>
                    </a:lnTo>
                    <a:lnTo>
                      <a:pt x="71" y="409"/>
                    </a:lnTo>
                    <a:lnTo>
                      <a:pt x="77" y="412"/>
                    </a:lnTo>
                    <a:lnTo>
                      <a:pt x="85" y="412"/>
                    </a:lnTo>
                    <a:lnTo>
                      <a:pt x="92" y="412"/>
                    </a:lnTo>
                    <a:lnTo>
                      <a:pt x="106" y="411"/>
                    </a:lnTo>
                    <a:lnTo>
                      <a:pt x="120" y="412"/>
                    </a:lnTo>
                    <a:lnTo>
                      <a:pt x="136" y="416"/>
                    </a:lnTo>
                    <a:lnTo>
                      <a:pt x="154" y="421"/>
                    </a:lnTo>
                    <a:lnTo>
                      <a:pt x="165" y="420"/>
                    </a:lnTo>
                    <a:lnTo>
                      <a:pt x="180" y="419"/>
                    </a:lnTo>
                    <a:lnTo>
                      <a:pt x="186" y="419"/>
                    </a:lnTo>
                    <a:lnTo>
                      <a:pt x="191" y="420"/>
                    </a:lnTo>
                    <a:lnTo>
                      <a:pt x="194" y="421"/>
                    </a:lnTo>
                    <a:lnTo>
                      <a:pt x="195" y="422"/>
                    </a:lnTo>
                    <a:lnTo>
                      <a:pt x="197" y="425"/>
                    </a:lnTo>
                    <a:lnTo>
                      <a:pt x="198" y="428"/>
                    </a:lnTo>
                    <a:lnTo>
                      <a:pt x="197" y="433"/>
                    </a:lnTo>
                    <a:lnTo>
                      <a:pt x="195" y="438"/>
                    </a:lnTo>
                    <a:lnTo>
                      <a:pt x="191" y="442"/>
                    </a:lnTo>
                    <a:lnTo>
                      <a:pt x="189" y="448"/>
                    </a:lnTo>
                    <a:lnTo>
                      <a:pt x="185" y="454"/>
                    </a:lnTo>
                    <a:lnTo>
                      <a:pt x="181" y="459"/>
                    </a:lnTo>
                    <a:lnTo>
                      <a:pt x="180" y="465"/>
                    </a:lnTo>
                    <a:lnTo>
                      <a:pt x="178" y="472"/>
                    </a:lnTo>
                    <a:lnTo>
                      <a:pt x="178" y="483"/>
                    </a:lnTo>
                    <a:lnTo>
                      <a:pt x="181" y="494"/>
                    </a:lnTo>
                    <a:lnTo>
                      <a:pt x="186" y="504"/>
                    </a:lnTo>
                    <a:lnTo>
                      <a:pt x="193" y="513"/>
                    </a:lnTo>
                    <a:lnTo>
                      <a:pt x="197" y="517"/>
                    </a:lnTo>
                    <a:lnTo>
                      <a:pt x="199" y="520"/>
                    </a:lnTo>
                    <a:lnTo>
                      <a:pt x="203" y="522"/>
                    </a:lnTo>
                    <a:lnTo>
                      <a:pt x="207" y="523"/>
                    </a:lnTo>
                    <a:lnTo>
                      <a:pt x="216" y="525"/>
                    </a:lnTo>
                    <a:lnTo>
                      <a:pt x="225" y="526"/>
                    </a:lnTo>
                    <a:lnTo>
                      <a:pt x="238" y="530"/>
                    </a:lnTo>
                    <a:lnTo>
                      <a:pt x="250" y="534"/>
                    </a:lnTo>
                    <a:lnTo>
                      <a:pt x="263" y="539"/>
                    </a:lnTo>
                    <a:lnTo>
                      <a:pt x="276" y="543"/>
                    </a:lnTo>
                    <a:lnTo>
                      <a:pt x="281" y="543"/>
                    </a:lnTo>
                    <a:lnTo>
                      <a:pt x="286" y="542"/>
                    </a:lnTo>
                    <a:lnTo>
                      <a:pt x="290" y="539"/>
                    </a:lnTo>
                    <a:lnTo>
                      <a:pt x="292" y="534"/>
                    </a:lnTo>
                    <a:lnTo>
                      <a:pt x="298" y="520"/>
                    </a:lnTo>
                    <a:lnTo>
                      <a:pt x="301" y="505"/>
                    </a:lnTo>
                    <a:lnTo>
                      <a:pt x="303" y="49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59" name="Freeform 50">
                <a:extLst>
                  <a:ext uri="{FF2B5EF4-FFF2-40B4-BE49-F238E27FC236}">
                    <a16:creationId xmlns:a16="http://schemas.microsoft.com/office/drawing/2014/main" id="{13136370-5D89-E144-A33C-223DB1983F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09972" y="2756552"/>
                <a:ext cx="18217" cy="30708"/>
              </a:xfrm>
              <a:custGeom>
                <a:avLst/>
                <a:gdLst/>
                <a:ahLst/>
                <a:cxnLst>
                  <a:cxn ang="0">
                    <a:pos x="2" y="62"/>
                  </a:cxn>
                  <a:cxn ang="0">
                    <a:pos x="0" y="62"/>
                  </a:cxn>
                  <a:cxn ang="0">
                    <a:pos x="0" y="60"/>
                  </a:cxn>
                  <a:cxn ang="0">
                    <a:pos x="0" y="58"/>
                  </a:cxn>
                  <a:cxn ang="0">
                    <a:pos x="0" y="56"/>
                  </a:cxn>
                  <a:cxn ang="0">
                    <a:pos x="3" y="36"/>
                  </a:cxn>
                  <a:cxn ang="0">
                    <a:pos x="8" y="18"/>
                  </a:cxn>
                  <a:cxn ang="0">
                    <a:pos x="9" y="12"/>
                  </a:cxn>
                  <a:cxn ang="0">
                    <a:pos x="12" y="5"/>
                  </a:cxn>
                  <a:cxn ang="0">
                    <a:pos x="13" y="4"/>
                  </a:cxn>
                  <a:cxn ang="0">
                    <a:pos x="16" y="1"/>
                  </a:cxn>
                  <a:cxn ang="0">
                    <a:pos x="19" y="1"/>
                  </a:cxn>
                  <a:cxn ang="0">
                    <a:pos x="22" y="0"/>
                  </a:cxn>
                  <a:cxn ang="0">
                    <a:pos x="28" y="1"/>
                  </a:cxn>
                  <a:cxn ang="0">
                    <a:pos x="32" y="4"/>
                  </a:cxn>
                  <a:cxn ang="0">
                    <a:pos x="35" y="6"/>
                  </a:cxn>
                  <a:cxn ang="0">
                    <a:pos x="38" y="10"/>
                  </a:cxn>
                  <a:cxn ang="0">
                    <a:pos x="39" y="16"/>
                  </a:cxn>
                  <a:cxn ang="0">
                    <a:pos x="39" y="19"/>
                  </a:cxn>
                  <a:cxn ang="0">
                    <a:pos x="39" y="23"/>
                  </a:cxn>
                  <a:cxn ang="0">
                    <a:pos x="38" y="28"/>
                  </a:cxn>
                  <a:cxn ang="0">
                    <a:pos x="37" y="40"/>
                  </a:cxn>
                  <a:cxn ang="0">
                    <a:pos x="38" y="52"/>
                  </a:cxn>
                  <a:cxn ang="0">
                    <a:pos x="37" y="56"/>
                  </a:cxn>
                  <a:cxn ang="0">
                    <a:pos x="35" y="58"/>
                  </a:cxn>
                  <a:cxn ang="0">
                    <a:pos x="34" y="61"/>
                  </a:cxn>
                  <a:cxn ang="0">
                    <a:pos x="30" y="63"/>
                  </a:cxn>
                  <a:cxn ang="0">
                    <a:pos x="24" y="66"/>
                  </a:cxn>
                  <a:cxn ang="0">
                    <a:pos x="17" y="69"/>
                  </a:cxn>
                  <a:cxn ang="0">
                    <a:pos x="2" y="62"/>
                  </a:cxn>
                </a:cxnLst>
                <a:rect l="0" t="0" r="r" b="b"/>
                <a:pathLst>
                  <a:path w="39" h="69">
                    <a:moveTo>
                      <a:pt x="2" y="62"/>
                    </a:moveTo>
                    <a:lnTo>
                      <a:pt x="0" y="62"/>
                    </a:lnTo>
                    <a:lnTo>
                      <a:pt x="0" y="60"/>
                    </a:lnTo>
                    <a:lnTo>
                      <a:pt x="0" y="58"/>
                    </a:lnTo>
                    <a:lnTo>
                      <a:pt x="0" y="56"/>
                    </a:lnTo>
                    <a:lnTo>
                      <a:pt x="3" y="36"/>
                    </a:lnTo>
                    <a:lnTo>
                      <a:pt x="8" y="18"/>
                    </a:lnTo>
                    <a:lnTo>
                      <a:pt x="9" y="12"/>
                    </a:lnTo>
                    <a:lnTo>
                      <a:pt x="12" y="5"/>
                    </a:lnTo>
                    <a:lnTo>
                      <a:pt x="13" y="4"/>
                    </a:lnTo>
                    <a:lnTo>
                      <a:pt x="16" y="1"/>
                    </a:lnTo>
                    <a:lnTo>
                      <a:pt x="19" y="1"/>
                    </a:lnTo>
                    <a:lnTo>
                      <a:pt x="22" y="0"/>
                    </a:lnTo>
                    <a:lnTo>
                      <a:pt x="28" y="1"/>
                    </a:lnTo>
                    <a:lnTo>
                      <a:pt x="32" y="4"/>
                    </a:lnTo>
                    <a:lnTo>
                      <a:pt x="35" y="6"/>
                    </a:lnTo>
                    <a:lnTo>
                      <a:pt x="38" y="10"/>
                    </a:lnTo>
                    <a:lnTo>
                      <a:pt x="39" y="16"/>
                    </a:lnTo>
                    <a:lnTo>
                      <a:pt x="39" y="19"/>
                    </a:lnTo>
                    <a:lnTo>
                      <a:pt x="39" y="23"/>
                    </a:lnTo>
                    <a:lnTo>
                      <a:pt x="38" y="28"/>
                    </a:lnTo>
                    <a:lnTo>
                      <a:pt x="37" y="40"/>
                    </a:lnTo>
                    <a:lnTo>
                      <a:pt x="38" y="52"/>
                    </a:lnTo>
                    <a:lnTo>
                      <a:pt x="37" y="56"/>
                    </a:lnTo>
                    <a:lnTo>
                      <a:pt x="35" y="58"/>
                    </a:lnTo>
                    <a:lnTo>
                      <a:pt x="34" y="61"/>
                    </a:lnTo>
                    <a:lnTo>
                      <a:pt x="30" y="63"/>
                    </a:lnTo>
                    <a:lnTo>
                      <a:pt x="24" y="66"/>
                    </a:lnTo>
                    <a:lnTo>
                      <a:pt x="17" y="69"/>
                    </a:lnTo>
                    <a:lnTo>
                      <a:pt x="2" y="6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0" name="Freeform 51">
                <a:extLst>
                  <a:ext uri="{FF2B5EF4-FFF2-40B4-BE49-F238E27FC236}">
                    <a16:creationId xmlns:a16="http://schemas.microsoft.com/office/drawing/2014/main" id="{36D8D200-74D7-6442-8AD6-83ADCF5E64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86097" y="2920925"/>
                <a:ext cx="36434" cy="48771"/>
              </a:xfrm>
              <a:custGeom>
                <a:avLst/>
                <a:gdLst/>
                <a:ahLst/>
                <a:cxnLst>
                  <a:cxn ang="0">
                    <a:pos x="31" y="68"/>
                  </a:cxn>
                  <a:cxn ang="0">
                    <a:pos x="22" y="55"/>
                  </a:cxn>
                  <a:cxn ang="0">
                    <a:pos x="15" y="40"/>
                  </a:cxn>
                  <a:cxn ang="0">
                    <a:pos x="7" y="28"/>
                  </a:cxn>
                  <a:cxn ang="0">
                    <a:pos x="0" y="14"/>
                  </a:cxn>
                  <a:cxn ang="0">
                    <a:pos x="0" y="9"/>
                  </a:cxn>
                  <a:cxn ang="0">
                    <a:pos x="0" y="6"/>
                  </a:cxn>
                  <a:cxn ang="0">
                    <a:pos x="0" y="2"/>
                  </a:cxn>
                  <a:cxn ang="0">
                    <a:pos x="1" y="1"/>
                  </a:cxn>
                  <a:cxn ang="0">
                    <a:pos x="5" y="0"/>
                  </a:cxn>
                  <a:cxn ang="0">
                    <a:pos x="10" y="0"/>
                  </a:cxn>
                  <a:cxn ang="0">
                    <a:pos x="20" y="6"/>
                  </a:cxn>
                  <a:cxn ang="0">
                    <a:pos x="29" y="14"/>
                  </a:cxn>
                  <a:cxn ang="0">
                    <a:pos x="44" y="26"/>
                  </a:cxn>
                  <a:cxn ang="0">
                    <a:pos x="61" y="40"/>
                  </a:cxn>
                  <a:cxn ang="0">
                    <a:pos x="68" y="48"/>
                  </a:cxn>
                  <a:cxn ang="0">
                    <a:pos x="73" y="55"/>
                  </a:cxn>
                  <a:cxn ang="0">
                    <a:pos x="75" y="59"/>
                  </a:cxn>
                  <a:cxn ang="0">
                    <a:pos x="76" y="63"/>
                  </a:cxn>
                  <a:cxn ang="0">
                    <a:pos x="76" y="68"/>
                  </a:cxn>
                  <a:cxn ang="0">
                    <a:pos x="75" y="72"/>
                  </a:cxn>
                  <a:cxn ang="0">
                    <a:pos x="72" y="80"/>
                  </a:cxn>
                  <a:cxn ang="0">
                    <a:pos x="71" y="88"/>
                  </a:cxn>
                  <a:cxn ang="0">
                    <a:pos x="71" y="94"/>
                  </a:cxn>
                  <a:cxn ang="0">
                    <a:pos x="71" y="103"/>
                  </a:cxn>
                  <a:cxn ang="0">
                    <a:pos x="70" y="106"/>
                  </a:cxn>
                  <a:cxn ang="0">
                    <a:pos x="70" y="108"/>
                  </a:cxn>
                  <a:cxn ang="0">
                    <a:pos x="68" y="110"/>
                  </a:cxn>
                  <a:cxn ang="0">
                    <a:pos x="67" y="110"/>
                  </a:cxn>
                  <a:cxn ang="0">
                    <a:pos x="62" y="110"/>
                  </a:cxn>
                  <a:cxn ang="0">
                    <a:pos x="58" y="107"/>
                  </a:cxn>
                  <a:cxn ang="0">
                    <a:pos x="48" y="99"/>
                  </a:cxn>
                  <a:cxn ang="0">
                    <a:pos x="42" y="92"/>
                  </a:cxn>
                  <a:cxn ang="0">
                    <a:pos x="31" y="68"/>
                  </a:cxn>
                </a:cxnLst>
                <a:rect l="0" t="0" r="r" b="b"/>
                <a:pathLst>
                  <a:path w="76" h="110">
                    <a:moveTo>
                      <a:pt x="31" y="68"/>
                    </a:moveTo>
                    <a:lnTo>
                      <a:pt x="22" y="55"/>
                    </a:lnTo>
                    <a:lnTo>
                      <a:pt x="15" y="40"/>
                    </a:lnTo>
                    <a:lnTo>
                      <a:pt x="7" y="28"/>
                    </a:lnTo>
                    <a:lnTo>
                      <a:pt x="0" y="14"/>
                    </a:lnTo>
                    <a:lnTo>
                      <a:pt x="0" y="9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1" y="1"/>
                    </a:lnTo>
                    <a:lnTo>
                      <a:pt x="5" y="0"/>
                    </a:lnTo>
                    <a:lnTo>
                      <a:pt x="10" y="0"/>
                    </a:lnTo>
                    <a:lnTo>
                      <a:pt x="20" y="6"/>
                    </a:lnTo>
                    <a:lnTo>
                      <a:pt x="29" y="14"/>
                    </a:lnTo>
                    <a:lnTo>
                      <a:pt x="44" y="26"/>
                    </a:lnTo>
                    <a:lnTo>
                      <a:pt x="61" y="40"/>
                    </a:lnTo>
                    <a:lnTo>
                      <a:pt x="68" y="48"/>
                    </a:lnTo>
                    <a:lnTo>
                      <a:pt x="73" y="55"/>
                    </a:lnTo>
                    <a:lnTo>
                      <a:pt x="75" y="59"/>
                    </a:lnTo>
                    <a:lnTo>
                      <a:pt x="76" y="63"/>
                    </a:lnTo>
                    <a:lnTo>
                      <a:pt x="76" y="68"/>
                    </a:lnTo>
                    <a:lnTo>
                      <a:pt x="75" y="72"/>
                    </a:lnTo>
                    <a:lnTo>
                      <a:pt x="72" y="80"/>
                    </a:lnTo>
                    <a:lnTo>
                      <a:pt x="71" y="88"/>
                    </a:lnTo>
                    <a:lnTo>
                      <a:pt x="71" y="94"/>
                    </a:lnTo>
                    <a:lnTo>
                      <a:pt x="71" y="103"/>
                    </a:lnTo>
                    <a:lnTo>
                      <a:pt x="70" y="106"/>
                    </a:lnTo>
                    <a:lnTo>
                      <a:pt x="70" y="108"/>
                    </a:lnTo>
                    <a:lnTo>
                      <a:pt x="68" y="110"/>
                    </a:lnTo>
                    <a:lnTo>
                      <a:pt x="67" y="110"/>
                    </a:lnTo>
                    <a:lnTo>
                      <a:pt x="62" y="110"/>
                    </a:lnTo>
                    <a:lnTo>
                      <a:pt x="58" y="107"/>
                    </a:lnTo>
                    <a:lnTo>
                      <a:pt x="48" y="99"/>
                    </a:lnTo>
                    <a:lnTo>
                      <a:pt x="42" y="92"/>
                    </a:lnTo>
                    <a:lnTo>
                      <a:pt x="31" y="68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1" name="Freeform 52">
                <a:extLst>
                  <a:ext uri="{FF2B5EF4-FFF2-40B4-BE49-F238E27FC236}">
                    <a16:creationId xmlns:a16="http://schemas.microsoft.com/office/drawing/2014/main" id="{A1D27919-9A39-FE40-9569-B361126FD2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395398" y="2931763"/>
                <a:ext cx="41899" cy="75865"/>
              </a:xfrm>
              <a:custGeom>
                <a:avLst/>
                <a:gdLst/>
                <a:ahLst/>
                <a:cxnLst>
                  <a:cxn ang="0">
                    <a:pos x="3" y="132"/>
                  </a:cxn>
                  <a:cxn ang="0">
                    <a:pos x="5" y="124"/>
                  </a:cxn>
                  <a:cxn ang="0">
                    <a:pos x="9" y="116"/>
                  </a:cxn>
                  <a:cxn ang="0">
                    <a:pos x="14" y="110"/>
                  </a:cxn>
                  <a:cxn ang="0">
                    <a:pos x="21" y="105"/>
                  </a:cxn>
                  <a:cxn ang="0">
                    <a:pos x="27" y="99"/>
                  </a:cxn>
                  <a:cxn ang="0">
                    <a:pos x="34" y="94"/>
                  </a:cxn>
                  <a:cxn ang="0">
                    <a:pos x="39" y="89"/>
                  </a:cxn>
                  <a:cxn ang="0">
                    <a:pos x="44" y="82"/>
                  </a:cxn>
                  <a:cxn ang="0">
                    <a:pos x="49" y="71"/>
                  </a:cxn>
                  <a:cxn ang="0">
                    <a:pos x="52" y="59"/>
                  </a:cxn>
                  <a:cxn ang="0">
                    <a:pos x="56" y="48"/>
                  </a:cxn>
                  <a:cxn ang="0">
                    <a:pos x="61" y="36"/>
                  </a:cxn>
                  <a:cxn ang="0">
                    <a:pos x="66" y="27"/>
                  </a:cxn>
                  <a:cxn ang="0">
                    <a:pos x="75" y="14"/>
                  </a:cxn>
                  <a:cxn ang="0">
                    <a:pos x="80" y="7"/>
                  </a:cxn>
                  <a:cxn ang="0">
                    <a:pos x="84" y="2"/>
                  </a:cxn>
                  <a:cxn ang="0">
                    <a:pos x="87" y="1"/>
                  </a:cxn>
                  <a:cxn ang="0">
                    <a:pos x="88" y="0"/>
                  </a:cxn>
                  <a:cxn ang="0">
                    <a:pos x="91" y="0"/>
                  </a:cxn>
                  <a:cxn ang="0">
                    <a:pos x="92" y="1"/>
                  </a:cxn>
                  <a:cxn ang="0">
                    <a:pos x="91" y="14"/>
                  </a:cxn>
                  <a:cxn ang="0">
                    <a:pos x="88" y="28"/>
                  </a:cxn>
                  <a:cxn ang="0">
                    <a:pos x="84" y="42"/>
                  </a:cxn>
                  <a:cxn ang="0">
                    <a:pos x="79" y="57"/>
                  </a:cxn>
                  <a:cxn ang="0">
                    <a:pos x="66" y="84"/>
                  </a:cxn>
                  <a:cxn ang="0">
                    <a:pos x="53" y="110"/>
                  </a:cxn>
                  <a:cxn ang="0">
                    <a:pos x="44" y="125"/>
                  </a:cxn>
                  <a:cxn ang="0">
                    <a:pos x="27" y="149"/>
                  </a:cxn>
                  <a:cxn ang="0">
                    <a:pos x="19" y="158"/>
                  </a:cxn>
                  <a:cxn ang="0">
                    <a:pos x="10" y="163"/>
                  </a:cxn>
                  <a:cxn ang="0">
                    <a:pos x="8" y="164"/>
                  </a:cxn>
                  <a:cxn ang="0">
                    <a:pos x="4" y="163"/>
                  </a:cxn>
                  <a:cxn ang="0">
                    <a:pos x="1" y="159"/>
                  </a:cxn>
                  <a:cxn ang="0">
                    <a:pos x="0" y="155"/>
                  </a:cxn>
                  <a:cxn ang="0">
                    <a:pos x="3" y="132"/>
                  </a:cxn>
                </a:cxnLst>
                <a:rect l="0" t="0" r="r" b="b"/>
                <a:pathLst>
                  <a:path w="92" h="164">
                    <a:moveTo>
                      <a:pt x="3" y="132"/>
                    </a:moveTo>
                    <a:lnTo>
                      <a:pt x="5" y="124"/>
                    </a:lnTo>
                    <a:lnTo>
                      <a:pt x="9" y="116"/>
                    </a:lnTo>
                    <a:lnTo>
                      <a:pt x="14" y="110"/>
                    </a:lnTo>
                    <a:lnTo>
                      <a:pt x="21" y="105"/>
                    </a:lnTo>
                    <a:lnTo>
                      <a:pt x="27" y="99"/>
                    </a:lnTo>
                    <a:lnTo>
                      <a:pt x="34" y="94"/>
                    </a:lnTo>
                    <a:lnTo>
                      <a:pt x="39" y="89"/>
                    </a:lnTo>
                    <a:lnTo>
                      <a:pt x="44" y="82"/>
                    </a:lnTo>
                    <a:lnTo>
                      <a:pt x="49" y="71"/>
                    </a:lnTo>
                    <a:lnTo>
                      <a:pt x="52" y="59"/>
                    </a:lnTo>
                    <a:lnTo>
                      <a:pt x="56" y="48"/>
                    </a:lnTo>
                    <a:lnTo>
                      <a:pt x="61" y="36"/>
                    </a:lnTo>
                    <a:lnTo>
                      <a:pt x="66" y="27"/>
                    </a:lnTo>
                    <a:lnTo>
                      <a:pt x="75" y="14"/>
                    </a:lnTo>
                    <a:lnTo>
                      <a:pt x="80" y="7"/>
                    </a:lnTo>
                    <a:lnTo>
                      <a:pt x="84" y="2"/>
                    </a:lnTo>
                    <a:lnTo>
                      <a:pt x="87" y="1"/>
                    </a:lnTo>
                    <a:lnTo>
                      <a:pt x="88" y="0"/>
                    </a:lnTo>
                    <a:lnTo>
                      <a:pt x="91" y="0"/>
                    </a:lnTo>
                    <a:lnTo>
                      <a:pt x="92" y="1"/>
                    </a:lnTo>
                    <a:lnTo>
                      <a:pt x="91" y="14"/>
                    </a:lnTo>
                    <a:lnTo>
                      <a:pt x="88" y="28"/>
                    </a:lnTo>
                    <a:lnTo>
                      <a:pt x="84" y="42"/>
                    </a:lnTo>
                    <a:lnTo>
                      <a:pt x="79" y="57"/>
                    </a:lnTo>
                    <a:lnTo>
                      <a:pt x="66" y="84"/>
                    </a:lnTo>
                    <a:lnTo>
                      <a:pt x="53" y="110"/>
                    </a:lnTo>
                    <a:lnTo>
                      <a:pt x="44" y="125"/>
                    </a:lnTo>
                    <a:lnTo>
                      <a:pt x="27" y="149"/>
                    </a:lnTo>
                    <a:lnTo>
                      <a:pt x="19" y="158"/>
                    </a:lnTo>
                    <a:lnTo>
                      <a:pt x="10" y="163"/>
                    </a:lnTo>
                    <a:lnTo>
                      <a:pt x="8" y="164"/>
                    </a:lnTo>
                    <a:lnTo>
                      <a:pt x="4" y="163"/>
                    </a:lnTo>
                    <a:lnTo>
                      <a:pt x="1" y="159"/>
                    </a:lnTo>
                    <a:lnTo>
                      <a:pt x="0" y="155"/>
                    </a:lnTo>
                    <a:lnTo>
                      <a:pt x="3" y="13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2" name="Freeform 53">
                <a:extLst>
                  <a:ext uri="{FF2B5EF4-FFF2-40B4-BE49-F238E27FC236}">
                    <a16:creationId xmlns:a16="http://schemas.microsoft.com/office/drawing/2014/main" id="{FDCFA193-E253-0342-A456-3382A8A918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37298" y="2976921"/>
                <a:ext cx="92907" cy="63221"/>
              </a:xfrm>
              <a:custGeom>
                <a:avLst/>
                <a:gdLst/>
                <a:ahLst/>
                <a:cxnLst>
                  <a:cxn ang="0">
                    <a:pos x="95" y="26"/>
                  </a:cxn>
                  <a:cxn ang="0">
                    <a:pos x="76" y="18"/>
                  </a:cxn>
                  <a:cxn ang="0">
                    <a:pos x="61" y="8"/>
                  </a:cxn>
                  <a:cxn ang="0">
                    <a:pos x="43" y="2"/>
                  </a:cxn>
                  <a:cxn ang="0">
                    <a:pos x="27" y="2"/>
                  </a:cxn>
                  <a:cxn ang="0">
                    <a:pos x="21" y="3"/>
                  </a:cxn>
                  <a:cxn ang="0">
                    <a:pos x="18" y="9"/>
                  </a:cxn>
                  <a:cxn ang="0">
                    <a:pos x="21" y="21"/>
                  </a:cxn>
                  <a:cxn ang="0">
                    <a:pos x="23" y="33"/>
                  </a:cxn>
                  <a:cxn ang="0">
                    <a:pos x="16" y="46"/>
                  </a:cxn>
                  <a:cxn ang="0">
                    <a:pos x="3" y="63"/>
                  </a:cxn>
                  <a:cxn ang="0">
                    <a:pos x="0" y="70"/>
                  </a:cxn>
                  <a:cxn ang="0">
                    <a:pos x="1" y="75"/>
                  </a:cxn>
                  <a:cxn ang="0">
                    <a:pos x="10" y="82"/>
                  </a:cxn>
                  <a:cxn ang="0">
                    <a:pos x="25" y="88"/>
                  </a:cxn>
                  <a:cxn ang="0">
                    <a:pos x="48" y="95"/>
                  </a:cxn>
                  <a:cxn ang="0">
                    <a:pos x="73" y="107"/>
                  </a:cxn>
                  <a:cxn ang="0">
                    <a:pos x="86" y="121"/>
                  </a:cxn>
                  <a:cxn ang="0">
                    <a:pos x="96" y="132"/>
                  </a:cxn>
                  <a:cxn ang="0">
                    <a:pos x="108" y="139"/>
                  </a:cxn>
                  <a:cxn ang="0">
                    <a:pos x="119" y="139"/>
                  </a:cxn>
                  <a:cxn ang="0">
                    <a:pos x="135" y="138"/>
                  </a:cxn>
                  <a:cxn ang="0">
                    <a:pos x="152" y="135"/>
                  </a:cxn>
                  <a:cxn ang="0">
                    <a:pos x="165" y="139"/>
                  </a:cxn>
                  <a:cxn ang="0">
                    <a:pos x="176" y="139"/>
                  </a:cxn>
                  <a:cxn ang="0">
                    <a:pos x="187" y="135"/>
                  </a:cxn>
                  <a:cxn ang="0">
                    <a:pos x="194" y="129"/>
                  </a:cxn>
                  <a:cxn ang="0">
                    <a:pos x="200" y="116"/>
                  </a:cxn>
                  <a:cxn ang="0">
                    <a:pos x="205" y="97"/>
                  </a:cxn>
                  <a:cxn ang="0">
                    <a:pos x="206" y="79"/>
                  </a:cxn>
                  <a:cxn ang="0">
                    <a:pos x="201" y="69"/>
                  </a:cxn>
                  <a:cxn ang="0">
                    <a:pos x="194" y="66"/>
                  </a:cxn>
                  <a:cxn ang="0">
                    <a:pos x="171" y="66"/>
                  </a:cxn>
                  <a:cxn ang="0">
                    <a:pos x="144" y="63"/>
                  </a:cxn>
                  <a:cxn ang="0">
                    <a:pos x="130" y="53"/>
                  </a:cxn>
                  <a:cxn ang="0">
                    <a:pos x="104" y="28"/>
                  </a:cxn>
                </a:cxnLst>
                <a:rect l="0" t="0" r="r" b="b"/>
                <a:pathLst>
                  <a:path w="206" h="139">
                    <a:moveTo>
                      <a:pt x="104" y="28"/>
                    </a:moveTo>
                    <a:lnTo>
                      <a:pt x="95" y="26"/>
                    </a:lnTo>
                    <a:lnTo>
                      <a:pt x="86" y="22"/>
                    </a:lnTo>
                    <a:lnTo>
                      <a:pt x="76" y="18"/>
                    </a:lnTo>
                    <a:lnTo>
                      <a:pt x="69" y="13"/>
                    </a:lnTo>
                    <a:lnTo>
                      <a:pt x="61" y="8"/>
                    </a:lnTo>
                    <a:lnTo>
                      <a:pt x="52" y="4"/>
                    </a:lnTo>
                    <a:lnTo>
                      <a:pt x="43" y="2"/>
                    </a:lnTo>
                    <a:lnTo>
                      <a:pt x="32" y="0"/>
                    </a:lnTo>
                    <a:lnTo>
                      <a:pt x="27" y="2"/>
                    </a:lnTo>
                    <a:lnTo>
                      <a:pt x="23" y="2"/>
                    </a:lnTo>
                    <a:lnTo>
                      <a:pt x="21" y="3"/>
                    </a:lnTo>
                    <a:lnTo>
                      <a:pt x="19" y="6"/>
                    </a:lnTo>
                    <a:lnTo>
                      <a:pt x="18" y="9"/>
                    </a:lnTo>
                    <a:lnTo>
                      <a:pt x="18" y="15"/>
                    </a:lnTo>
                    <a:lnTo>
                      <a:pt x="21" y="21"/>
                    </a:lnTo>
                    <a:lnTo>
                      <a:pt x="22" y="28"/>
                    </a:lnTo>
                    <a:lnTo>
                      <a:pt x="23" y="33"/>
                    </a:lnTo>
                    <a:lnTo>
                      <a:pt x="22" y="38"/>
                    </a:lnTo>
                    <a:lnTo>
                      <a:pt x="16" y="46"/>
                    </a:lnTo>
                    <a:lnTo>
                      <a:pt x="6" y="57"/>
                    </a:lnTo>
                    <a:lnTo>
                      <a:pt x="3" y="63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3"/>
                    </a:lnTo>
                    <a:lnTo>
                      <a:pt x="1" y="75"/>
                    </a:lnTo>
                    <a:lnTo>
                      <a:pt x="4" y="78"/>
                    </a:lnTo>
                    <a:lnTo>
                      <a:pt x="10" y="82"/>
                    </a:lnTo>
                    <a:lnTo>
                      <a:pt x="18" y="86"/>
                    </a:lnTo>
                    <a:lnTo>
                      <a:pt x="25" y="88"/>
                    </a:lnTo>
                    <a:lnTo>
                      <a:pt x="32" y="91"/>
                    </a:lnTo>
                    <a:lnTo>
                      <a:pt x="48" y="95"/>
                    </a:lnTo>
                    <a:lnTo>
                      <a:pt x="63" y="101"/>
                    </a:lnTo>
                    <a:lnTo>
                      <a:pt x="73" y="107"/>
                    </a:lnTo>
                    <a:lnTo>
                      <a:pt x="79" y="114"/>
                    </a:lnTo>
                    <a:lnTo>
                      <a:pt x="86" y="121"/>
                    </a:lnTo>
                    <a:lnTo>
                      <a:pt x="89" y="127"/>
                    </a:lnTo>
                    <a:lnTo>
                      <a:pt x="96" y="132"/>
                    </a:lnTo>
                    <a:lnTo>
                      <a:pt x="102" y="136"/>
                    </a:lnTo>
                    <a:lnTo>
                      <a:pt x="108" y="139"/>
                    </a:lnTo>
                    <a:lnTo>
                      <a:pt x="113" y="139"/>
                    </a:lnTo>
                    <a:lnTo>
                      <a:pt x="119" y="139"/>
                    </a:lnTo>
                    <a:lnTo>
                      <a:pt x="127" y="139"/>
                    </a:lnTo>
                    <a:lnTo>
                      <a:pt x="135" y="138"/>
                    </a:lnTo>
                    <a:lnTo>
                      <a:pt x="144" y="136"/>
                    </a:lnTo>
                    <a:lnTo>
                      <a:pt x="152" y="135"/>
                    </a:lnTo>
                    <a:lnTo>
                      <a:pt x="159" y="138"/>
                    </a:lnTo>
                    <a:lnTo>
                      <a:pt x="165" y="139"/>
                    </a:lnTo>
                    <a:lnTo>
                      <a:pt x="171" y="139"/>
                    </a:lnTo>
                    <a:lnTo>
                      <a:pt x="176" y="139"/>
                    </a:lnTo>
                    <a:lnTo>
                      <a:pt x="181" y="138"/>
                    </a:lnTo>
                    <a:lnTo>
                      <a:pt x="187" y="135"/>
                    </a:lnTo>
                    <a:lnTo>
                      <a:pt x="190" y="132"/>
                    </a:lnTo>
                    <a:lnTo>
                      <a:pt x="194" y="129"/>
                    </a:lnTo>
                    <a:lnTo>
                      <a:pt x="197" y="123"/>
                    </a:lnTo>
                    <a:lnTo>
                      <a:pt x="200" y="116"/>
                    </a:lnTo>
                    <a:lnTo>
                      <a:pt x="202" y="107"/>
                    </a:lnTo>
                    <a:lnTo>
                      <a:pt x="205" y="97"/>
                    </a:lnTo>
                    <a:lnTo>
                      <a:pt x="206" y="88"/>
                    </a:lnTo>
                    <a:lnTo>
                      <a:pt x="206" y="79"/>
                    </a:lnTo>
                    <a:lnTo>
                      <a:pt x="203" y="72"/>
                    </a:lnTo>
                    <a:lnTo>
                      <a:pt x="201" y="69"/>
                    </a:lnTo>
                    <a:lnTo>
                      <a:pt x="198" y="68"/>
                    </a:lnTo>
                    <a:lnTo>
                      <a:pt x="194" y="66"/>
                    </a:lnTo>
                    <a:lnTo>
                      <a:pt x="190" y="66"/>
                    </a:lnTo>
                    <a:lnTo>
                      <a:pt x="171" y="66"/>
                    </a:lnTo>
                    <a:lnTo>
                      <a:pt x="153" y="65"/>
                    </a:lnTo>
                    <a:lnTo>
                      <a:pt x="144" y="63"/>
                    </a:lnTo>
                    <a:lnTo>
                      <a:pt x="136" y="59"/>
                    </a:lnTo>
                    <a:lnTo>
                      <a:pt x="130" y="53"/>
                    </a:lnTo>
                    <a:lnTo>
                      <a:pt x="123" y="47"/>
                    </a:lnTo>
                    <a:lnTo>
                      <a:pt x="104" y="2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3" name="Freeform 54">
                <a:extLst>
                  <a:ext uri="{FF2B5EF4-FFF2-40B4-BE49-F238E27FC236}">
                    <a16:creationId xmlns:a16="http://schemas.microsoft.com/office/drawing/2014/main" id="{12DAAB73-C751-E341-9CC5-8C0A44E9C9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41133" y="2975114"/>
                <a:ext cx="98371" cy="74059"/>
              </a:xfrm>
              <a:custGeom>
                <a:avLst/>
                <a:gdLst/>
                <a:ahLst/>
                <a:cxnLst>
                  <a:cxn ang="0">
                    <a:pos x="10" y="100"/>
                  </a:cxn>
                  <a:cxn ang="0">
                    <a:pos x="8" y="78"/>
                  </a:cxn>
                  <a:cxn ang="0">
                    <a:pos x="1" y="56"/>
                  </a:cxn>
                  <a:cxn ang="0">
                    <a:pos x="1" y="38"/>
                  </a:cxn>
                  <a:cxn ang="0">
                    <a:pos x="4" y="29"/>
                  </a:cxn>
                  <a:cxn ang="0">
                    <a:pos x="9" y="26"/>
                  </a:cxn>
                  <a:cxn ang="0">
                    <a:pos x="16" y="26"/>
                  </a:cxn>
                  <a:cxn ang="0">
                    <a:pos x="25" y="32"/>
                  </a:cxn>
                  <a:cxn ang="0">
                    <a:pos x="38" y="42"/>
                  </a:cxn>
                  <a:cxn ang="0">
                    <a:pos x="56" y="48"/>
                  </a:cxn>
                  <a:cxn ang="0">
                    <a:pos x="75" y="51"/>
                  </a:cxn>
                  <a:cxn ang="0">
                    <a:pos x="95" y="44"/>
                  </a:cxn>
                  <a:cxn ang="0">
                    <a:pos x="114" y="29"/>
                  </a:cxn>
                  <a:cxn ang="0">
                    <a:pos x="133" y="12"/>
                  </a:cxn>
                  <a:cxn ang="0">
                    <a:pos x="149" y="3"/>
                  </a:cxn>
                  <a:cxn ang="0">
                    <a:pos x="161" y="0"/>
                  </a:cxn>
                  <a:cxn ang="0">
                    <a:pos x="174" y="0"/>
                  </a:cxn>
                  <a:cxn ang="0">
                    <a:pos x="188" y="3"/>
                  </a:cxn>
                  <a:cxn ang="0">
                    <a:pos x="205" y="11"/>
                  </a:cxn>
                  <a:cxn ang="0">
                    <a:pos x="215" y="17"/>
                  </a:cxn>
                  <a:cxn ang="0">
                    <a:pos x="218" y="24"/>
                  </a:cxn>
                  <a:cxn ang="0">
                    <a:pos x="214" y="28"/>
                  </a:cxn>
                  <a:cxn ang="0">
                    <a:pos x="187" y="35"/>
                  </a:cxn>
                  <a:cxn ang="0">
                    <a:pos x="154" y="48"/>
                  </a:cxn>
                  <a:cxn ang="0">
                    <a:pos x="135" y="60"/>
                  </a:cxn>
                  <a:cxn ang="0">
                    <a:pos x="124" y="59"/>
                  </a:cxn>
                  <a:cxn ang="0">
                    <a:pos x="113" y="57"/>
                  </a:cxn>
                  <a:cxn ang="0">
                    <a:pos x="101" y="60"/>
                  </a:cxn>
                  <a:cxn ang="0">
                    <a:pos x="86" y="76"/>
                  </a:cxn>
                  <a:cxn ang="0">
                    <a:pos x="66" y="100"/>
                  </a:cxn>
                  <a:cxn ang="0">
                    <a:pos x="49" y="118"/>
                  </a:cxn>
                  <a:cxn ang="0">
                    <a:pos x="39" y="133"/>
                  </a:cxn>
                  <a:cxn ang="0">
                    <a:pos x="30" y="152"/>
                  </a:cxn>
                  <a:cxn ang="0">
                    <a:pos x="19" y="165"/>
                  </a:cxn>
                  <a:cxn ang="0">
                    <a:pos x="13" y="162"/>
                  </a:cxn>
                  <a:cxn ang="0">
                    <a:pos x="6" y="153"/>
                  </a:cxn>
                  <a:cxn ang="0">
                    <a:pos x="12" y="113"/>
                  </a:cxn>
                </a:cxnLst>
                <a:rect l="0" t="0" r="r" b="b"/>
                <a:pathLst>
                  <a:path w="218" h="165">
                    <a:moveTo>
                      <a:pt x="12" y="113"/>
                    </a:moveTo>
                    <a:lnTo>
                      <a:pt x="10" y="100"/>
                    </a:lnTo>
                    <a:lnTo>
                      <a:pt x="10" y="89"/>
                    </a:lnTo>
                    <a:lnTo>
                      <a:pt x="8" y="78"/>
                    </a:lnTo>
                    <a:lnTo>
                      <a:pt x="4" y="65"/>
                    </a:lnTo>
                    <a:lnTo>
                      <a:pt x="1" y="56"/>
                    </a:lnTo>
                    <a:lnTo>
                      <a:pt x="0" y="47"/>
                    </a:lnTo>
                    <a:lnTo>
                      <a:pt x="1" y="38"/>
                    </a:lnTo>
                    <a:lnTo>
                      <a:pt x="3" y="32"/>
                    </a:lnTo>
                    <a:lnTo>
                      <a:pt x="4" y="29"/>
                    </a:lnTo>
                    <a:lnTo>
                      <a:pt x="6" y="26"/>
                    </a:lnTo>
                    <a:lnTo>
                      <a:pt x="9" y="26"/>
                    </a:lnTo>
                    <a:lnTo>
                      <a:pt x="12" y="25"/>
                    </a:lnTo>
                    <a:lnTo>
                      <a:pt x="16" y="26"/>
                    </a:lnTo>
                    <a:lnTo>
                      <a:pt x="19" y="28"/>
                    </a:lnTo>
                    <a:lnTo>
                      <a:pt x="25" y="32"/>
                    </a:lnTo>
                    <a:lnTo>
                      <a:pt x="30" y="35"/>
                    </a:lnTo>
                    <a:lnTo>
                      <a:pt x="38" y="42"/>
                    </a:lnTo>
                    <a:lnTo>
                      <a:pt x="47" y="46"/>
                    </a:lnTo>
                    <a:lnTo>
                      <a:pt x="56" y="48"/>
                    </a:lnTo>
                    <a:lnTo>
                      <a:pt x="66" y="51"/>
                    </a:lnTo>
                    <a:lnTo>
                      <a:pt x="75" y="51"/>
                    </a:lnTo>
                    <a:lnTo>
                      <a:pt x="86" y="48"/>
                    </a:lnTo>
                    <a:lnTo>
                      <a:pt x="95" y="44"/>
                    </a:lnTo>
                    <a:lnTo>
                      <a:pt x="102" y="39"/>
                    </a:lnTo>
                    <a:lnTo>
                      <a:pt x="114" y="29"/>
                    </a:lnTo>
                    <a:lnTo>
                      <a:pt x="123" y="20"/>
                    </a:lnTo>
                    <a:lnTo>
                      <a:pt x="133" y="12"/>
                    </a:lnTo>
                    <a:lnTo>
                      <a:pt x="144" y="6"/>
                    </a:lnTo>
                    <a:lnTo>
                      <a:pt x="149" y="3"/>
                    </a:lnTo>
                    <a:lnTo>
                      <a:pt x="154" y="2"/>
                    </a:lnTo>
                    <a:lnTo>
                      <a:pt x="161" y="0"/>
                    </a:lnTo>
                    <a:lnTo>
                      <a:pt x="167" y="0"/>
                    </a:lnTo>
                    <a:lnTo>
                      <a:pt x="174" y="0"/>
                    </a:lnTo>
                    <a:lnTo>
                      <a:pt x="180" y="2"/>
                    </a:lnTo>
                    <a:lnTo>
                      <a:pt x="188" y="3"/>
                    </a:lnTo>
                    <a:lnTo>
                      <a:pt x="196" y="7"/>
                    </a:lnTo>
                    <a:lnTo>
                      <a:pt x="205" y="11"/>
                    </a:lnTo>
                    <a:lnTo>
                      <a:pt x="211" y="15"/>
                    </a:lnTo>
                    <a:lnTo>
                      <a:pt x="215" y="17"/>
                    </a:lnTo>
                    <a:lnTo>
                      <a:pt x="218" y="20"/>
                    </a:lnTo>
                    <a:lnTo>
                      <a:pt x="218" y="24"/>
                    </a:lnTo>
                    <a:lnTo>
                      <a:pt x="216" y="25"/>
                    </a:lnTo>
                    <a:lnTo>
                      <a:pt x="214" y="28"/>
                    </a:lnTo>
                    <a:lnTo>
                      <a:pt x="210" y="30"/>
                    </a:lnTo>
                    <a:lnTo>
                      <a:pt x="187" y="35"/>
                    </a:lnTo>
                    <a:lnTo>
                      <a:pt x="167" y="41"/>
                    </a:lnTo>
                    <a:lnTo>
                      <a:pt x="154" y="48"/>
                    </a:lnTo>
                    <a:lnTo>
                      <a:pt x="141" y="57"/>
                    </a:lnTo>
                    <a:lnTo>
                      <a:pt x="135" y="60"/>
                    </a:lnTo>
                    <a:lnTo>
                      <a:pt x="130" y="60"/>
                    </a:lnTo>
                    <a:lnTo>
                      <a:pt x="124" y="59"/>
                    </a:lnTo>
                    <a:lnTo>
                      <a:pt x="118" y="59"/>
                    </a:lnTo>
                    <a:lnTo>
                      <a:pt x="113" y="57"/>
                    </a:lnTo>
                    <a:lnTo>
                      <a:pt x="108" y="57"/>
                    </a:lnTo>
                    <a:lnTo>
                      <a:pt x="101" y="60"/>
                    </a:lnTo>
                    <a:lnTo>
                      <a:pt x="95" y="63"/>
                    </a:lnTo>
                    <a:lnTo>
                      <a:pt x="86" y="76"/>
                    </a:lnTo>
                    <a:lnTo>
                      <a:pt x="79" y="87"/>
                    </a:lnTo>
                    <a:lnTo>
                      <a:pt x="66" y="100"/>
                    </a:lnTo>
                    <a:lnTo>
                      <a:pt x="54" y="112"/>
                    </a:lnTo>
                    <a:lnTo>
                      <a:pt x="49" y="118"/>
                    </a:lnTo>
                    <a:lnTo>
                      <a:pt x="43" y="125"/>
                    </a:lnTo>
                    <a:lnTo>
                      <a:pt x="39" y="133"/>
                    </a:lnTo>
                    <a:lnTo>
                      <a:pt x="35" y="140"/>
                    </a:lnTo>
                    <a:lnTo>
                      <a:pt x="30" y="152"/>
                    </a:lnTo>
                    <a:lnTo>
                      <a:pt x="23" y="162"/>
                    </a:lnTo>
                    <a:lnTo>
                      <a:pt x="19" y="165"/>
                    </a:lnTo>
                    <a:lnTo>
                      <a:pt x="17" y="165"/>
                    </a:lnTo>
                    <a:lnTo>
                      <a:pt x="13" y="162"/>
                    </a:lnTo>
                    <a:lnTo>
                      <a:pt x="10" y="160"/>
                    </a:lnTo>
                    <a:lnTo>
                      <a:pt x="6" y="153"/>
                    </a:lnTo>
                    <a:lnTo>
                      <a:pt x="5" y="146"/>
                    </a:lnTo>
                    <a:lnTo>
                      <a:pt x="12" y="113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4" name="Freeform 55">
                <a:extLst>
                  <a:ext uri="{FF2B5EF4-FFF2-40B4-BE49-F238E27FC236}">
                    <a16:creationId xmlns:a16="http://schemas.microsoft.com/office/drawing/2014/main" id="{49024ED4-FA05-D94B-9E4F-C2376E7493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77375" y="2467543"/>
                <a:ext cx="49186" cy="28901"/>
              </a:xfrm>
              <a:custGeom>
                <a:avLst/>
                <a:gdLst/>
                <a:ahLst/>
                <a:cxnLst>
                  <a:cxn ang="0">
                    <a:pos x="16" y="37"/>
                  </a:cxn>
                  <a:cxn ang="0">
                    <a:pos x="17" y="33"/>
                  </a:cxn>
                  <a:cxn ang="0">
                    <a:pos x="22" y="29"/>
                  </a:cxn>
                  <a:cxn ang="0">
                    <a:pos x="28" y="24"/>
                  </a:cxn>
                  <a:cxn ang="0">
                    <a:pos x="35" y="17"/>
                  </a:cxn>
                  <a:cxn ang="0">
                    <a:pos x="51" y="8"/>
                  </a:cxn>
                  <a:cxn ang="0">
                    <a:pos x="61" y="3"/>
                  </a:cxn>
                  <a:cxn ang="0">
                    <a:pos x="72" y="0"/>
                  </a:cxn>
                  <a:cxn ang="0">
                    <a:pos x="83" y="0"/>
                  </a:cxn>
                  <a:cxn ang="0">
                    <a:pos x="96" y="0"/>
                  </a:cxn>
                  <a:cxn ang="0">
                    <a:pos x="105" y="3"/>
                  </a:cxn>
                  <a:cxn ang="0">
                    <a:pos x="101" y="10"/>
                  </a:cxn>
                  <a:cxn ang="0">
                    <a:pos x="96" y="16"/>
                  </a:cxn>
                  <a:cxn ang="0">
                    <a:pos x="90" y="32"/>
                  </a:cxn>
                  <a:cxn ang="0">
                    <a:pos x="86" y="47"/>
                  </a:cxn>
                  <a:cxn ang="0">
                    <a:pos x="83" y="54"/>
                  </a:cxn>
                  <a:cxn ang="0">
                    <a:pos x="79" y="59"/>
                  </a:cxn>
                  <a:cxn ang="0">
                    <a:pos x="76" y="61"/>
                  </a:cxn>
                  <a:cxn ang="0">
                    <a:pos x="72" y="64"/>
                  </a:cxn>
                  <a:cxn ang="0">
                    <a:pos x="68" y="65"/>
                  </a:cxn>
                  <a:cxn ang="0">
                    <a:pos x="63" y="65"/>
                  </a:cxn>
                  <a:cxn ang="0">
                    <a:pos x="59" y="65"/>
                  </a:cxn>
                  <a:cxn ang="0">
                    <a:pos x="55" y="65"/>
                  </a:cxn>
                  <a:cxn ang="0">
                    <a:pos x="52" y="63"/>
                  </a:cxn>
                  <a:cxn ang="0">
                    <a:pos x="50" y="61"/>
                  </a:cxn>
                  <a:cxn ang="0">
                    <a:pos x="47" y="59"/>
                  </a:cxn>
                  <a:cxn ang="0">
                    <a:pos x="43" y="57"/>
                  </a:cxn>
                  <a:cxn ang="0">
                    <a:pos x="39" y="57"/>
                  </a:cxn>
                  <a:cxn ang="0">
                    <a:pos x="34" y="59"/>
                  </a:cxn>
                  <a:cxn ang="0">
                    <a:pos x="29" y="60"/>
                  </a:cxn>
                  <a:cxn ang="0">
                    <a:pos x="24" y="61"/>
                  </a:cxn>
                  <a:cxn ang="0">
                    <a:pos x="20" y="61"/>
                  </a:cxn>
                  <a:cxn ang="0">
                    <a:pos x="15" y="60"/>
                  </a:cxn>
                  <a:cxn ang="0">
                    <a:pos x="11" y="59"/>
                  </a:cxn>
                  <a:cxn ang="0">
                    <a:pos x="7" y="55"/>
                  </a:cxn>
                  <a:cxn ang="0">
                    <a:pos x="3" y="51"/>
                  </a:cxn>
                  <a:cxn ang="0">
                    <a:pos x="0" y="46"/>
                  </a:cxn>
                  <a:cxn ang="0">
                    <a:pos x="16" y="37"/>
                  </a:cxn>
                </a:cxnLst>
                <a:rect l="0" t="0" r="r" b="b"/>
                <a:pathLst>
                  <a:path w="105" h="65">
                    <a:moveTo>
                      <a:pt x="16" y="37"/>
                    </a:moveTo>
                    <a:lnTo>
                      <a:pt x="17" y="33"/>
                    </a:lnTo>
                    <a:lnTo>
                      <a:pt x="22" y="29"/>
                    </a:lnTo>
                    <a:lnTo>
                      <a:pt x="28" y="24"/>
                    </a:lnTo>
                    <a:lnTo>
                      <a:pt x="35" y="17"/>
                    </a:lnTo>
                    <a:lnTo>
                      <a:pt x="51" y="8"/>
                    </a:lnTo>
                    <a:lnTo>
                      <a:pt x="61" y="3"/>
                    </a:lnTo>
                    <a:lnTo>
                      <a:pt x="72" y="0"/>
                    </a:lnTo>
                    <a:lnTo>
                      <a:pt x="83" y="0"/>
                    </a:lnTo>
                    <a:lnTo>
                      <a:pt x="96" y="0"/>
                    </a:lnTo>
                    <a:lnTo>
                      <a:pt x="105" y="3"/>
                    </a:lnTo>
                    <a:lnTo>
                      <a:pt x="101" y="10"/>
                    </a:lnTo>
                    <a:lnTo>
                      <a:pt x="96" y="16"/>
                    </a:lnTo>
                    <a:lnTo>
                      <a:pt x="90" y="32"/>
                    </a:lnTo>
                    <a:lnTo>
                      <a:pt x="86" y="47"/>
                    </a:lnTo>
                    <a:lnTo>
                      <a:pt x="83" y="54"/>
                    </a:lnTo>
                    <a:lnTo>
                      <a:pt x="79" y="59"/>
                    </a:lnTo>
                    <a:lnTo>
                      <a:pt x="76" y="61"/>
                    </a:lnTo>
                    <a:lnTo>
                      <a:pt x="72" y="64"/>
                    </a:lnTo>
                    <a:lnTo>
                      <a:pt x="68" y="65"/>
                    </a:lnTo>
                    <a:lnTo>
                      <a:pt x="63" y="65"/>
                    </a:lnTo>
                    <a:lnTo>
                      <a:pt x="59" y="65"/>
                    </a:lnTo>
                    <a:lnTo>
                      <a:pt x="55" y="65"/>
                    </a:lnTo>
                    <a:lnTo>
                      <a:pt x="52" y="63"/>
                    </a:lnTo>
                    <a:lnTo>
                      <a:pt x="50" y="61"/>
                    </a:lnTo>
                    <a:lnTo>
                      <a:pt x="47" y="59"/>
                    </a:lnTo>
                    <a:lnTo>
                      <a:pt x="43" y="57"/>
                    </a:lnTo>
                    <a:lnTo>
                      <a:pt x="39" y="57"/>
                    </a:lnTo>
                    <a:lnTo>
                      <a:pt x="34" y="59"/>
                    </a:lnTo>
                    <a:lnTo>
                      <a:pt x="29" y="60"/>
                    </a:lnTo>
                    <a:lnTo>
                      <a:pt x="24" y="61"/>
                    </a:lnTo>
                    <a:lnTo>
                      <a:pt x="20" y="61"/>
                    </a:lnTo>
                    <a:lnTo>
                      <a:pt x="15" y="60"/>
                    </a:lnTo>
                    <a:lnTo>
                      <a:pt x="11" y="59"/>
                    </a:lnTo>
                    <a:lnTo>
                      <a:pt x="7" y="55"/>
                    </a:lnTo>
                    <a:lnTo>
                      <a:pt x="3" y="51"/>
                    </a:lnTo>
                    <a:lnTo>
                      <a:pt x="0" y="46"/>
                    </a:lnTo>
                    <a:lnTo>
                      <a:pt x="16" y="37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5" name="Freeform 56">
                <a:extLst>
                  <a:ext uri="{FF2B5EF4-FFF2-40B4-BE49-F238E27FC236}">
                    <a16:creationId xmlns:a16="http://schemas.microsoft.com/office/drawing/2014/main" id="{FEFC8678-FB84-5E40-AB19-1668E8133A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90898" y="2955245"/>
                <a:ext cx="47364" cy="52383"/>
              </a:xfrm>
              <a:custGeom>
                <a:avLst/>
                <a:gdLst/>
                <a:ahLst/>
                <a:cxnLst>
                  <a:cxn ang="0">
                    <a:pos x="39" y="99"/>
                  </a:cxn>
                  <a:cxn ang="0">
                    <a:pos x="34" y="96"/>
                  </a:cxn>
                  <a:cxn ang="0">
                    <a:pos x="27" y="92"/>
                  </a:cxn>
                  <a:cxn ang="0">
                    <a:pos x="21" y="87"/>
                  </a:cxn>
                  <a:cxn ang="0">
                    <a:pos x="14" y="80"/>
                  </a:cxn>
                  <a:cxn ang="0">
                    <a:pos x="8" y="73"/>
                  </a:cxn>
                  <a:cxn ang="0">
                    <a:pos x="4" y="65"/>
                  </a:cxn>
                  <a:cxn ang="0">
                    <a:pos x="1" y="58"/>
                  </a:cxn>
                  <a:cxn ang="0">
                    <a:pos x="0" y="52"/>
                  </a:cxn>
                  <a:cxn ang="0">
                    <a:pos x="1" y="40"/>
                  </a:cxn>
                  <a:cxn ang="0">
                    <a:pos x="6" y="23"/>
                  </a:cxn>
                  <a:cxn ang="0">
                    <a:pos x="9" y="14"/>
                  </a:cxn>
                  <a:cxn ang="0">
                    <a:pos x="12" y="8"/>
                  </a:cxn>
                  <a:cxn ang="0">
                    <a:pos x="14" y="1"/>
                  </a:cxn>
                  <a:cxn ang="0">
                    <a:pos x="17" y="0"/>
                  </a:cxn>
                  <a:cxn ang="0">
                    <a:pos x="21" y="0"/>
                  </a:cxn>
                  <a:cxn ang="0">
                    <a:pos x="25" y="1"/>
                  </a:cxn>
                  <a:cxn ang="0">
                    <a:pos x="30" y="5"/>
                  </a:cxn>
                  <a:cxn ang="0">
                    <a:pos x="36" y="10"/>
                  </a:cxn>
                  <a:cxn ang="0">
                    <a:pos x="47" y="20"/>
                  </a:cxn>
                  <a:cxn ang="0">
                    <a:pos x="53" y="27"/>
                  </a:cxn>
                  <a:cxn ang="0">
                    <a:pos x="66" y="39"/>
                  </a:cxn>
                  <a:cxn ang="0">
                    <a:pos x="82" y="49"/>
                  </a:cxn>
                  <a:cxn ang="0">
                    <a:pos x="88" y="55"/>
                  </a:cxn>
                  <a:cxn ang="0">
                    <a:pos x="95" y="60"/>
                  </a:cxn>
                  <a:cxn ang="0">
                    <a:pos x="100" y="66"/>
                  </a:cxn>
                  <a:cxn ang="0">
                    <a:pos x="102" y="74"/>
                  </a:cxn>
                  <a:cxn ang="0">
                    <a:pos x="104" y="83"/>
                  </a:cxn>
                  <a:cxn ang="0">
                    <a:pos x="104" y="91"/>
                  </a:cxn>
                  <a:cxn ang="0">
                    <a:pos x="102" y="99"/>
                  </a:cxn>
                  <a:cxn ang="0">
                    <a:pos x="100" y="105"/>
                  </a:cxn>
                  <a:cxn ang="0">
                    <a:pos x="95" y="110"/>
                  </a:cxn>
                  <a:cxn ang="0">
                    <a:pos x="88" y="113"/>
                  </a:cxn>
                  <a:cxn ang="0">
                    <a:pos x="80" y="115"/>
                  </a:cxn>
                  <a:cxn ang="0">
                    <a:pos x="70" y="115"/>
                  </a:cxn>
                  <a:cxn ang="0">
                    <a:pos x="39" y="99"/>
                  </a:cxn>
                </a:cxnLst>
                <a:rect l="0" t="0" r="r" b="b"/>
                <a:pathLst>
                  <a:path w="104" h="115">
                    <a:moveTo>
                      <a:pt x="39" y="99"/>
                    </a:moveTo>
                    <a:lnTo>
                      <a:pt x="34" y="96"/>
                    </a:lnTo>
                    <a:lnTo>
                      <a:pt x="27" y="92"/>
                    </a:lnTo>
                    <a:lnTo>
                      <a:pt x="21" y="87"/>
                    </a:lnTo>
                    <a:lnTo>
                      <a:pt x="14" y="80"/>
                    </a:lnTo>
                    <a:lnTo>
                      <a:pt x="8" y="73"/>
                    </a:lnTo>
                    <a:lnTo>
                      <a:pt x="4" y="65"/>
                    </a:lnTo>
                    <a:lnTo>
                      <a:pt x="1" y="58"/>
                    </a:lnTo>
                    <a:lnTo>
                      <a:pt x="0" y="52"/>
                    </a:lnTo>
                    <a:lnTo>
                      <a:pt x="1" y="40"/>
                    </a:lnTo>
                    <a:lnTo>
                      <a:pt x="6" y="23"/>
                    </a:lnTo>
                    <a:lnTo>
                      <a:pt x="9" y="14"/>
                    </a:lnTo>
                    <a:lnTo>
                      <a:pt x="12" y="8"/>
                    </a:lnTo>
                    <a:lnTo>
                      <a:pt x="14" y="1"/>
                    </a:lnTo>
                    <a:lnTo>
                      <a:pt x="17" y="0"/>
                    </a:lnTo>
                    <a:lnTo>
                      <a:pt x="21" y="0"/>
                    </a:lnTo>
                    <a:lnTo>
                      <a:pt x="25" y="1"/>
                    </a:lnTo>
                    <a:lnTo>
                      <a:pt x="30" y="5"/>
                    </a:lnTo>
                    <a:lnTo>
                      <a:pt x="36" y="10"/>
                    </a:lnTo>
                    <a:lnTo>
                      <a:pt x="47" y="20"/>
                    </a:lnTo>
                    <a:lnTo>
                      <a:pt x="53" y="27"/>
                    </a:lnTo>
                    <a:lnTo>
                      <a:pt x="66" y="39"/>
                    </a:lnTo>
                    <a:lnTo>
                      <a:pt x="82" y="49"/>
                    </a:lnTo>
                    <a:lnTo>
                      <a:pt x="88" y="55"/>
                    </a:lnTo>
                    <a:lnTo>
                      <a:pt x="95" y="60"/>
                    </a:lnTo>
                    <a:lnTo>
                      <a:pt x="100" y="66"/>
                    </a:lnTo>
                    <a:lnTo>
                      <a:pt x="102" y="74"/>
                    </a:lnTo>
                    <a:lnTo>
                      <a:pt x="104" y="83"/>
                    </a:lnTo>
                    <a:lnTo>
                      <a:pt x="104" y="91"/>
                    </a:lnTo>
                    <a:lnTo>
                      <a:pt x="102" y="99"/>
                    </a:lnTo>
                    <a:lnTo>
                      <a:pt x="100" y="105"/>
                    </a:lnTo>
                    <a:lnTo>
                      <a:pt x="95" y="110"/>
                    </a:lnTo>
                    <a:lnTo>
                      <a:pt x="88" y="113"/>
                    </a:lnTo>
                    <a:lnTo>
                      <a:pt x="80" y="115"/>
                    </a:lnTo>
                    <a:lnTo>
                      <a:pt x="70" y="115"/>
                    </a:lnTo>
                    <a:lnTo>
                      <a:pt x="39" y="9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6" name="Freeform 57">
                <a:extLst>
                  <a:ext uri="{FF2B5EF4-FFF2-40B4-BE49-F238E27FC236}">
                    <a16:creationId xmlns:a16="http://schemas.microsoft.com/office/drawing/2014/main" id="{EF7D9725-B32B-CD49-B0BD-DB9C21CD76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94820" y="2360971"/>
                <a:ext cx="391664" cy="621369"/>
              </a:xfrm>
              <a:custGeom>
                <a:avLst/>
                <a:gdLst/>
                <a:ahLst/>
                <a:cxnLst>
                  <a:cxn ang="0">
                    <a:pos x="278" y="1365"/>
                  </a:cxn>
                  <a:cxn ang="0">
                    <a:pos x="347" y="1373"/>
                  </a:cxn>
                  <a:cxn ang="0">
                    <a:pos x="419" y="1342"/>
                  </a:cxn>
                  <a:cxn ang="0">
                    <a:pos x="423" y="1303"/>
                  </a:cxn>
                  <a:cxn ang="0">
                    <a:pos x="369" y="1256"/>
                  </a:cxn>
                  <a:cxn ang="0">
                    <a:pos x="358" y="1195"/>
                  </a:cxn>
                  <a:cxn ang="0">
                    <a:pos x="405" y="1182"/>
                  </a:cxn>
                  <a:cxn ang="0">
                    <a:pos x="410" y="1107"/>
                  </a:cxn>
                  <a:cxn ang="0">
                    <a:pos x="456" y="1014"/>
                  </a:cxn>
                  <a:cxn ang="0">
                    <a:pos x="457" y="974"/>
                  </a:cxn>
                  <a:cxn ang="0">
                    <a:pos x="452" y="941"/>
                  </a:cxn>
                  <a:cxn ang="0">
                    <a:pos x="514" y="947"/>
                  </a:cxn>
                  <a:cxn ang="0">
                    <a:pos x="520" y="888"/>
                  </a:cxn>
                  <a:cxn ang="0">
                    <a:pos x="572" y="892"/>
                  </a:cxn>
                  <a:cxn ang="0">
                    <a:pos x="610" y="870"/>
                  </a:cxn>
                  <a:cxn ang="0">
                    <a:pos x="629" y="770"/>
                  </a:cxn>
                  <a:cxn ang="0">
                    <a:pos x="656" y="729"/>
                  </a:cxn>
                  <a:cxn ang="0">
                    <a:pos x="703" y="800"/>
                  </a:cxn>
                  <a:cxn ang="0">
                    <a:pos x="754" y="754"/>
                  </a:cxn>
                  <a:cxn ang="0">
                    <a:pos x="773" y="804"/>
                  </a:cxn>
                  <a:cxn ang="0">
                    <a:pos x="789" y="773"/>
                  </a:cxn>
                  <a:cxn ang="0">
                    <a:pos x="827" y="747"/>
                  </a:cxn>
                  <a:cxn ang="0">
                    <a:pos x="839" y="700"/>
                  </a:cxn>
                  <a:cxn ang="0">
                    <a:pos x="859" y="664"/>
                  </a:cxn>
                  <a:cxn ang="0">
                    <a:pos x="827" y="620"/>
                  </a:cxn>
                  <a:cxn ang="0">
                    <a:pos x="794" y="592"/>
                  </a:cxn>
                  <a:cxn ang="0">
                    <a:pos x="725" y="590"/>
                  </a:cxn>
                  <a:cxn ang="0">
                    <a:pos x="667" y="559"/>
                  </a:cxn>
                  <a:cxn ang="0">
                    <a:pos x="686" y="492"/>
                  </a:cxn>
                  <a:cxn ang="0">
                    <a:pos x="706" y="369"/>
                  </a:cxn>
                  <a:cxn ang="0">
                    <a:pos x="777" y="265"/>
                  </a:cxn>
                  <a:cxn ang="0">
                    <a:pos x="795" y="169"/>
                  </a:cxn>
                  <a:cxn ang="0">
                    <a:pos x="774" y="102"/>
                  </a:cxn>
                  <a:cxn ang="0">
                    <a:pos x="826" y="24"/>
                  </a:cxn>
                  <a:cxn ang="0">
                    <a:pos x="804" y="1"/>
                  </a:cxn>
                  <a:cxn ang="0">
                    <a:pos x="706" y="46"/>
                  </a:cxn>
                  <a:cxn ang="0">
                    <a:pos x="621" y="62"/>
                  </a:cxn>
                  <a:cxn ang="0">
                    <a:pos x="589" y="131"/>
                  </a:cxn>
                  <a:cxn ang="0">
                    <a:pos x="510" y="239"/>
                  </a:cxn>
                  <a:cxn ang="0">
                    <a:pos x="422" y="276"/>
                  </a:cxn>
                  <a:cxn ang="0">
                    <a:pos x="313" y="287"/>
                  </a:cxn>
                  <a:cxn ang="0">
                    <a:pos x="219" y="307"/>
                  </a:cxn>
                  <a:cxn ang="0">
                    <a:pos x="173" y="379"/>
                  </a:cxn>
                  <a:cxn ang="0">
                    <a:pos x="155" y="435"/>
                  </a:cxn>
                  <a:cxn ang="0">
                    <a:pos x="206" y="482"/>
                  </a:cxn>
                  <a:cxn ang="0">
                    <a:pos x="190" y="518"/>
                  </a:cxn>
                  <a:cxn ang="0">
                    <a:pos x="141" y="506"/>
                  </a:cxn>
                  <a:cxn ang="0">
                    <a:pos x="102" y="541"/>
                  </a:cxn>
                  <a:cxn ang="0">
                    <a:pos x="116" y="579"/>
                  </a:cxn>
                  <a:cxn ang="0">
                    <a:pos x="80" y="594"/>
                  </a:cxn>
                  <a:cxn ang="0">
                    <a:pos x="38" y="707"/>
                  </a:cxn>
                  <a:cxn ang="0">
                    <a:pos x="0" y="934"/>
                  </a:cxn>
                  <a:cxn ang="0">
                    <a:pos x="29" y="1001"/>
                  </a:cxn>
                  <a:cxn ang="0">
                    <a:pos x="68" y="971"/>
                  </a:cxn>
                  <a:cxn ang="0">
                    <a:pos x="106" y="1013"/>
                  </a:cxn>
                  <a:cxn ang="0">
                    <a:pos x="128" y="1163"/>
                  </a:cxn>
                </a:cxnLst>
                <a:rect l="0" t="0" r="r" b="b"/>
                <a:pathLst>
                  <a:path w="860" h="1378">
                    <a:moveTo>
                      <a:pt x="127" y="1267"/>
                    </a:moveTo>
                    <a:lnTo>
                      <a:pt x="208" y="1278"/>
                    </a:lnTo>
                    <a:lnTo>
                      <a:pt x="225" y="1304"/>
                    </a:lnTo>
                    <a:lnTo>
                      <a:pt x="244" y="1331"/>
                    </a:lnTo>
                    <a:lnTo>
                      <a:pt x="255" y="1344"/>
                    </a:lnTo>
                    <a:lnTo>
                      <a:pt x="266" y="1356"/>
                    </a:lnTo>
                    <a:lnTo>
                      <a:pt x="278" y="1365"/>
                    </a:lnTo>
                    <a:lnTo>
                      <a:pt x="291" y="1373"/>
                    </a:lnTo>
                    <a:lnTo>
                      <a:pt x="301" y="1377"/>
                    </a:lnTo>
                    <a:lnTo>
                      <a:pt x="311" y="1378"/>
                    </a:lnTo>
                    <a:lnTo>
                      <a:pt x="321" y="1378"/>
                    </a:lnTo>
                    <a:lnTo>
                      <a:pt x="329" y="1378"/>
                    </a:lnTo>
                    <a:lnTo>
                      <a:pt x="338" y="1375"/>
                    </a:lnTo>
                    <a:lnTo>
                      <a:pt x="347" y="1373"/>
                    </a:lnTo>
                    <a:lnTo>
                      <a:pt x="355" y="1369"/>
                    </a:lnTo>
                    <a:lnTo>
                      <a:pt x="362" y="1365"/>
                    </a:lnTo>
                    <a:lnTo>
                      <a:pt x="379" y="1357"/>
                    </a:lnTo>
                    <a:lnTo>
                      <a:pt x="395" y="1348"/>
                    </a:lnTo>
                    <a:lnTo>
                      <a:pt x="403" y="1346"/>
                    </a:lnTo>
                    <a:lnTo>
                      <a:pt x="412" y="1343"/>
                    </a:lnTo>
                    <a:lnTo>
                      <a:pt x="419" y="1342"/>
                    </a:lnTo>
                    <a:lnTo>
                      <a:pt x="428" y="1340"/>
                    </a:lnTo>
                    <a:lnTo>
                      <a:pt x="428" y="1340"/>
                    </a:lnTo>
                    <a:lnTo>
                      <a:pt x="430" y="1334"/>
                    </a:lnTo>
                    <a:lnTo>
                      <a:pt x="431" y="1327"/>
                    </a:lnTo>
                    <a:lnTo>
                      <a:pt x="430" y="1320"/>
                    </a:lnTo>
                    <a:lnTo>
                      <a:pt x="427" y="1312"/>
                    </a:lnTo>
                    <a:lnTo>
                      <a:pt x="423" y="1303"/>
                    </a:lnTo>
                    <a:lnTo>
                      <a:pt x="418" y="1295"/>
                    </a:lnTo>
                    <a:lnTo>
                      <a:pt x="413" y="1287"/>
                    </a:lnTo>
                    <a:lnTo>
                      <a:pt x="406" y="1280"/>
                    </a:lnTo>
                    <a:lnTo>
                      <a:pt x="400" y="1274"/>
                    </a:lnTo>
                    <a:lnTo>
                      <a:pt x="395" y="1269"/>
                    </a:lnTo>
                    <a:lnTo>
                      <a:pt x="382" y="1261"/>
                    </a:lnTo>
                    <a:lnTo>
                      <a:pt x="369" y="1256"/>
                    </a:lnTo>
                    <a:lnTo>
                      <a:pt x="356" y="1250"/>
                    </a:lnTo>
                    <a:lnTo>
                      <a:pt x="344" y="1243"/>
                    </a:lnTo>
                    <a:lnTo>
                      <a:pt x="343" y="1239"/>
                    </a:lnTo>
                    <a:lnTo>
                      <a:pt x="344" y="1233"/>
                    </a:lnTo>
                    <a:lnTo>
                      <a:pt x="347" y="1225"/>
                    </a:lnTo>
                    <a:lnTo>
                      <a:pt x="351" y="1215"/>
                    </a:lnTo>
                    <a:lnTo>
                      <a:pt x="358" y="1195"/>
                    </a:lnTo>
                    <a:lnTo>
                      <a:pt x="365" y="1182"/>
                    </a:lnTo>
                    <a:lnTo>
                      <a:pt x="370" y="1182"/>
                    </a:lnTo>
                    <a:lnTo>
                      <a:pt x="382" y="1184"/>
                    </a:lnTo>
                    <a:lnTo>
                      <a:pt x="388" y="1185"/>
                    </a:lnTo>
                    <a:lnTo>
                      <a:pt x="395" y="1185"/>
                    </a:lnTo>
                    <a:lnTo>
                      <a:pt x="401" y="1185"/>
                    </a:lnTo>
                    <a:lnTo>
                      <a:pt x="405" y="1182"/>
                    </a:lnTo>
                    <a:lnTo>
                      <a:pt x="410" y="1177"/>
                    </a:lnTo>
                    <a:lnTo>
                      <a:pt x="413" y="1172"/>
                    </a:lnTo>
                    <a:lnTo>
                      <a:pt x="414" y="1166"/>
                    </a:lnTo>
                    <a:lnTo>
                      <a:pt x="415" y="1159"/>
                    </a:lnTo>
                    <a:lnTo>
                      <a:pt x="415" y="1146"/>
                    </a:lnTo>
                    <a:lnTo>
                      <a:pt x="415" y="1133"/>
                    </a:lnTo>
                    <a:lnTo>
                      <a:pt x="410" y="1107"/>
                    </a:lnTo>
                    <a:lnTo>
                      <a:pt x="408" y="1083"/>
                    </a:lnTo>
                    <a:lnTo>
                      <a:pt x="408" y="1058"/>
                    </a:lnTo>
                    <a:lnTo>
                      <a:pt x="408" y="1033"/>
                    </a:lnTo>
                    <a:lnTo>
                      <a:pt x="425" y="1030"/>
                    </a:lnTo>
                    <a:lnTo>
                      <a:pt x="441" y="1024"/>
                    </a:lnTo>
                    <a:lnTo>
                      <a:pt x="449" y="1019"/>
                    </a:lnTo>
                    <a:lnTo>
                      <a:pt x="456" y="1014"/>
                    </a:lnTo>
                    <a:lnTo>
                      <a:pt x="457" y="1010"/>
                    </a:lnTo>
                    <a:lnTo>
                      <a:pt x="460" y="1006"/>
                    </a:lnTo>
                    <a:lnTo>
                      <a:pt x="461" y="1001"/>
                    </a:lnTo>
                    <a:lnTo>
                      <a:pt x="461" y="996"/>
                    </a:lnTo>
                    <a:lnTo>
                      <a:pt x="461" y="988"/>
                    </a:lnTo>
                    <a:lnTo>
                      <a:pt x="460" y="980"/>
                    </a:lnTo>
                    <a:lnTo>
                      <a:pt x="457" y="974"/>
                    </a:lnTo>
                    <a:lnTo>
                      <a:pt x="453" y="967"/>
                    </a:lnTo>
                    <a:lnTo>
                      <a:pt x="450" y="962"/>
                    </a:lnTo>
                    <a:lnTo>
                      <a:pt x="448" y="956"/>
                    </a:lnTo>
                    <a:lnTo>
                      <a:pt x="445" y="949"/>
                    </a:lnTo>
                    <a:lnTo>
                      <a:pt x="445" y="943"/>
                    </a:lnTo>
                    <a:lnTo>
                      <a:pt x="447" y="941"/>
                    </a:lnTo>
                    <a:lnTo>
                      <a:pt x="452" y="941"/>
                    </a:lnTo>
                    <a:lnTo>
                      <a:pt x="458" y="944"/>
                    </a:lnTo>
                    <a:lnTo>
                      <a:pt x="467" y="945"/>
                    </a:lnTo>
                    <a:lnTo>
                      <a:pt x="485" y="951"/>
                    </a:lnTo>
                    <a:lnTo>
                      <a:pt x="500" y="953"/>
                    </a:lnTo>
                    <a:lnTo>
                      <a:pt x="506" y="952"/>
                    </a:lnTo>
                    <a:lnTo>
                      <a:pt x="511" y="951"/>
                    </a:lnTo>
                    <a:lnTo>
                      <a:pt x="514" y="947"/>
                    </a:lnTo>
                    <a:lnTo>
                      <a:pt x="517" y="943"/>
                    </a:lnTo>
                    <a:lnTo>
                      <a:pt x="519" y="931"/>
                    </a:lnTo>
                    <a:lnTo>
                      <a:pt x="519" y="919"/>
                    </a:lnTo>
                    <a:lnTo>
                      <a:pt x="518" y="906"/>
                    </a:lnTo>
                    <a:lnTo>
                      <a:pt x="518" y="896"/>
                    </a:lnTo>
                    <a:lnTo>
                      <a:pt x="519" y="891"/>
                    </a:lnTo>
                    <a:lnTo>
                      <a:pt x="520" y="888"/>
                    </a:lnTo>
                    <a:lnTo>
                      <a:pt x="522" y="884"/>
                    </a:lnTo>
                    <a:lnTo>
                      <a:pt x="526" y="883"/>
                    </a:lnTo>
                    <a:lnTo>
                      <a:pt x="536" y="883"/>
                    </a:lnTo>
                    <a:lnTo>
                      <a:pt x="545" y="884"/>
                    </a:lnTo>
                    <a:lnTo>
                      <a:pt x="554" y="887"/>
                    </a:lnTo>
                    <a:lnTo>
                      <a:pt x="563" y="891"/>
                    </a:lnTo>
                    <a:lnTo>
                      <a:pt x="572" y="892"/>
                    </a:lnTo>
                    <a:lnTo>
                      <a:pt x="581" y="892"/>
                    </a:lnTo>
                    <a:lnTo>
                      <a:pt x="585" y="891"/>
                    </a:lnTo>
                    <a:lnTo>
                      <a:pt x="590" y="890"/>
                    </a:lnTo>
                    <a:lnTo>
                      <a:pt x="596" y="886"/>
                    </a:lnTo>
                    <a:lnTo>
                      <a:pt x="601" y="882"/>
                    </a:lnTo>
                    <a:lnTo>
                      <a:pt x="606" y="877"/>
                    </a:lnTo>
                    <a:lnTo>
                      <a:pt x="610" y="870"/>
                    </a:lnTo>
                    <a:lnTo>
                      <a:pt x="614" y="865"/>
                    </a:lnTo>
                    <a:lnTo>
                      <a:pt x="618" y="859"/>
                    </a:lnTo>
                    <a:lnTo>
                      <a:pt x="623" y="846"/>
                    </a:lnTo>
                    <a:lnTo>
                      <a:pt x="625" y="833"/>
                    </a:lnTo>
                    <a:lnTo>
                      <a:pt x="628" y="807"/>
                    </a:lnTo>
                    <a:lnTo>
                      <a:pt x="628" y="782"/>
                    </a:lnTo>
                    <a:lnTo>
                      <a:pt x="629" y="770"/>
                    </a:lnTo>
                    <a:lnTo>
                      <a:pt x="631" y="759"/>
                    </a:lnTo>
                    <a:lnTo>
                      <a:pt x="634" y="750"/>
                    </a:lnTo>
                    <a:lnTo>
                      <a:pt x="640" y="742"/>
                    </a:lnTo>
                    <a:lnTo>
                      <a:pt x="642" y="738"/>
                    </a:lnTo>
                    <a:lnTo>
                      <a:pt x="647" y="734"/>
                    </a:lnTo>
                    <a:lnTo>
                      <a:pt x="651" y="732"/>
                    </a:lnTo>
                    <a:lnTo>
                      <a:pt x="656" y="729"/>
                    </a:lnTo>
                    <a:lnTo>
                      <a:pt x="663" y="728"/>
                    </a:lnTo>
                    <a:lnTo>
                      <a:pt x="671" y="726"/>
                    </a:lnTo>
                    <a:lnTo>
                      <a:pt x="678" y="725"/>
                    </a:lnTo>
                    <a:lnTo>
                      <a:pt x="688" y="725"/>
                    </a:lnTo>
                    <a:lnTo>
                      <a:pt x="680" y="747"/>
                    </a:lnTo>
                    <a:lnTo>
                      <a:pt x="675" y="764"/>
                    </a:lnTo>
                    <a:lnTo>
                      <a:pt x="703" y="800"/>
                    </a:lnTo>
                    <a:lnTo>
                      <a:pt x="712" y="790"/>
                    </a:lnTo>
                    <a:lnTo>
                      <a:pt x="730" y="768"/>
                    </a:lnTo>
                    <a:lnTo>
                      <a:pt x="735" y="763"/>
                    </a:lnTo>
                    <a:lnTo>
                      <a:pt x="741" y="759"/>
                    </a:lnTo>
                    <a:lnTo>
                      <a:pt x="745" y="755"/>
                    </a:lnTo>
                    <a:lnTo>
                      <a:pt x="750" y="754"/>
                    </a:lnTo>
                    <a:lnTo>
                      <a:pt x="754" y="754"/>
                    </a:lnTo>
                    <a:lnTo>
                      <a:pt x="757" y="756"/>
                    </a:lnTo>
                    <a:lnTo>
                      <a:pt x="760" y="760"/>
                    </a:lnTo>
                    <a:lnTo>
                      <a:pt x="763" y="768"/>
                    </a:lnTo>
                    <a:lnTo>
                      <a:pt x="764" y="783"/>
                    </a:lnTo>
                    <a:lnTo>
                      <a:pt x="765" y="798"/>
                    </a:lnTo>
                    <a:lnTo>
                      <a:pt x="769" y="802"/>
                    </a:lnTo>
                    <a:lnTo>
                      <a:pt x="773" y="804"/>
                    </a:lnTo>
                    <a:lnTo>
                      <a:pt x="776" y="805"/>
                    </a:lnTo>
                    <a:lnTo>
                      <a:pt x="778" y="804"/>
                    </a:lnTo>
                    <a:lnTo>
                      <a:pt x="781" y="803"/>
                    </a:lnTo>
                    <a:lnTo>
                      <a:pt x="782" y="800"/>
                    </a:lnTo>
                    <a:lnTo>
                      <a:pt x="785" y="796"/>
                    </a:lnTo>
                    <a:lnTo>
                      <a:pt x="786" y="792"/>
                    </a:lnTo>
                    <a:lnTo>
                      <a:pt x="789" y="773"/>
                    </a:lnTo>
                    <a:lnTo>
                      <a:pt x="789" y="761"/>
                    </a:lnTo>
                    <a:lnTo>
                      <a:pt x="790" y="757"/>
                    </a:lnTo>
                    <a:lnTo>
                      <a:pt x="794" y="756"/>
                    </a:lnTo>
                    <a:lnTo>
                      <a:pt x="799" y="754"/>
                    </a:lnTo>
                    <a:lnTo>
                      <a:pt x="805" y="752"/>
                    </a:lnTo>
                    <a:lnTo>
                      <a:pt x="818" y="751"/>
                    </a:lnTo>
                    <a:lnTo>
                      <a:pt x="827" y="747"/>
                    </a:lnTo>
                    <a:lnTo>
                      <a:pt x="830" y="741"/>
                    </a:lnTo>
                    <a:lnTo>
                      <a:pt x="831" y="733"/>
                    </a:lnTo>
                    <a:lnTo>
                      <a:pt x="831" y="725"/>
                    </a:lnTo>
                    <a:lnTo>
                      <a:pt x="831" y="717"/>
                    </a:lnTo>
                    <a:lnTo>
                      <a:pt x="833" y="711"/>
                    </a:lnTo>
                    <a:lnTo>
                      <a:pt x="835" y="704"/>
                    </a:lnTo>
                    <a:lnTo>
                      <a:pt x="839" y="700"/>
                    </a:lnTo>
                    <a:lnTo>
                      <a:pt x="843" y="695"/>
                    </a:lnTo>
                    <a:lnTo>
                      <a:pt x="848" y="691"/>
                    </a:lnTo>
                    <a:lnTo>
                      <a:pt x="852" y="686"/>
                    </a:lnTo>
                    <a:lnTo>
                      <a:pt x="856" y="681"/>
                    </a:lnTo>
                    <a:lnTo>
                      <a:pt x="859" y="675"/>
                    </a:lnTo>
                    <a:lnTo>
                      <a:pt x="860" y="669"/>
                    </a:lnTo>
                    <a:lnTo>
                      <a:pt x="859" y="664"/>
                    </a:lnTo>
                    <a:lnTo>
                      <a:pt x="859" y="660"/>
                    </a:lnTo>
                    <a:lnTo>
                      <a:pt x="856" y="655"/>
                    </a:lnTo>
                    <a:lnTo>
                      <a:pt x="852" y="647"/>
                    </a:lnTo>
                    <a:lnTo>
                      <a:pt x="846" y="640"/>
                    </a:lnTo>
                    <a:lnTo>
                      <a:pt x="838" y="633"/>
                    </a:lnTo>
                    <a:lnTo>
                      <a:pt x="833" y="627"/>
                    </a:lnTo>
                    <a:lnTo>
                      <a:pt x="827" y="620"/>
                    </a:lnTo>
                    <a:lnTo>
                      <a:pt x="825" y="615"/>
                    </a:lnTo>
                    <a:lnTo>
                      <a:pt x="824" y="610"/>
                    </a:lnTo>
                    <a:lnTo>
                      <a:pt x="821" y="605"/>
                    </a:lnTo>
                    <a:lnTo>
                      <a:pt x="818" y="601"/>
                    </a:lnTo>
                    <a:lnTo>
                      <a:pt x="814" y="598"/>
                    </a:lnTo>
                    <a:lnTo>
                      <a:pt x="805" y="593"/>
                    </a:lnTo>
                    <a:lnTo>
                      <a:pt x="794" y="592"/>
                    </a:lnTo>
                    <a:lnTo>
                      <a:pt x="782" y="590"/>
                    </a:lnTo>
                    <a:lnTo>
                      <a:pt x="770" y="590"/>
                    </a:lnTo>
                    <a:lnTo>
                      <a:pt x="759" y="592"/>
                    </a:lnTo>
                    <a:lnTo>
                      <a:pt x="750" y="593"/>
                    </a:lnTo>
                    <a:lnTo>
                      <a:pt x="739" y="593"/>
                    </a:lnTo>
                    <a:lnTo>
                      <a:pt x="732" y="592"/>
                    </a:lnTo>
                    <a:lnTo>
                      <a:pt x="725" y="590"/>
                    </a:lnTo>
                    <a:lnTo>
                      <a:pt x="719" y="586"/>
                    </a:lnTo>
                    <a:lnTo>
                      <a:pt x="707" y="580"/>
                    </a:lnTo>
                    <a:lnTo>
                      <a:pt x="693" y="574"/>
                    </a:lnTo>
                    <a:lnTo>
                      <a:pt x="680" y="571"/>
                    </a:lnTo>
                    <a:lnTo>
                      <a:pt x="671" y="567"/>
                    </a:lnTo>
                    <a:lnTo>
                      <a:pt x="668" y="563"/>
                    </a:lnTo>
                    <a:lnTo>
                      <a:pt x="667" y="559"/>
                    </a:lnTo>
                    <a:lnTo>
                      <a:pt x="668" y="553"/>
                    </a:lnTo>
                    <a:lnTo>
                      <a:pt x="672" y="545"/>
                    </a:lnTo>
                    <a:lnTo>
                      <a:pt x="676" y="535"/>
                    </a:lnTo>
                    <a:lnTo>
                      <a:pt x="680" y="527"/>
                    </a:lnTo>
                    <a:lnTo>
                      <a:pt x="682" y="518"/>
                    </a:lnTo>
                    <a:lnTo>
                      <a:pt x="684" y="509"/>
                    </a:lnTo>
                    <a:lnTo>
                      <a:pt x="686" y="492"/>
                    </a:lnTo>
                    <a:lnTo>
                      <a:pt x="688" y="475"/>
                    </a:lnTo>
                    <a:lnTo>
                      <a:pt x="688" y="458"/>
                    </a:lnTo>
                    <a:lnTo>
                      <a:pt x="689" y="441"/>
                    </a:lnTo>
                    <a:lnTo>
                      <a:pt x="690" y="423"/>
                    </a:lnTo>
                    <a:lnTo>
                      <a:pt x="694" y="404"/>
                    </a:lnTo>
                    <a:lnTo>
                      <a:pt x="699" y="387"/>
                    </a:lnTo>
                    <a:lnTo>
                      <a:pt x="706" y="369"/>
                    </a:lnTo>
                    <a:lnTo>
                      <a:pt x="713" y="351"/>
                    </a:lnTo>
                    <a:lnTo>
                      <a:pt x="724" y="334"/>
                    </a:lnTo>
                    <a:lnTo>
                      <a:pt x="734" y="317"/>
                    </a:lnTo>
                    <a:lnTo>
                      <a:pt x="746" y="300"/>
                    </a:lnTo>
                    <a:lnTo>
                      <a:pt x="759" y="286"/>
                    </a:lnTo>
                    <a:lnTo>
                      <a:pt x="772" y="273"/>
                    </a:lnTo>
                    <a:lnTo>
                      <a:pt x="777" y="265"/>
                    </a:lnTo>
                    <a:lnTo>
                      <a:pt x="781" y="255"/>
                    </a:lnTo>
                    <a:lnTo>
                      <a:pt x="785" y="243"/>
                    </a:lnTo>
                    <a:lnTo>
                      <a:pt x="787" y="230"/>
                    </a:lnTo>
                    <a:lnTo>
                      <a:pt x="790" y="203"/>
                    </a:lnTo>
                    <a:lnTo>
                      <a:pt x="794" y="181"/>
                    </a:lnTo>
                    <a:lnTo>
                      <a:pt x="795" y="176"/>
                    </a:lnTo>
                    <a:lnTo>
                      <a:pt x="795" y="169"/>
                    </a:lnTo>
                    <a:lnTo>
                      <a:pt x="794" y="163"/>
                    </a:lnTo>
                    <a:lnTo>
                      <a:pt x="792" y="158"/>
                    </a:lnTo>
                    <a:lnTo>
                      <a:pt x="789" y="146"/>
                    </a:lnTo>
                    <a:lnTo>
                      <a:pt x="785" y="134"/>
                    </a:lnTo>
                    <a:lnTo>
                      <a:pt x="780" y="121"/>
                    </a:lnTo>
                    <a:lnTo>
                      <a:pt x="776" y="110"/>
                    </a:lnTo>
                    <a:lnTo>
                      <a:pt x="774" y="102"/>
                    </a:lnTo>
                    <a:lnTo>
                      <a:pt x="774" y="96"/>
                    </a:lnTo>
                    <a:lnTo>
                      <a:pt x="774" y="89"/>
                    </a:lnTo>
                    <a:lnTo>
                      <a:pt x="776" y="81"/>
                    </a:lnTo>
                    <a:lnTo>
                      <a:pt x="789" y="70"/>
                    </a:lnTo>
                    <a:lnTo>
                      <a:pt x="809" y="48"/>
                    </a:lnTo>
                    <a:lnTo>
                      <a:pt x="818" y="36"/>
                    </a:lnTo>
                    <a:lnTo>
                      <a:pt x="826" y="24"/>
                    </a:lnTo>
                    <a:lnTo>
                      <a:pt x="833" y="15"/>
                    </a:lnTo>
                    <a:lnTo>
                      <a:pt x="834" y="9"/>
                    </a:lnTo>
                    <a:lnTo>
                      <a:pt x="835" y="6"/>
                    </a:lnTo>
                    <a:lnTo>
                      <a:pt x="835" y="2"/>
                    </a:lnTo>
                    <a:lnTo>
                      <a:pt x="825" y="1"/>
                    </a:lnTo>
                    <a:lnTo>
                      <a:pt x="814" y="0"/>
                    </a:lnTo>
                    <a:lnTo>
                      <a:pt x="804" y="1"/>
                    </a:lnTo>
                    <a:lnTo>
                      <a:pt x="795" y="4"/>
                    </a:lnTo>
                    <a:lnTo>
                      <a:pt x="777" y="10"/>
                    </a:lnTo>
                    <a:lnTo>
                      <a:pt x="759" y="19"/>
                    </a:lnTo>
                    <a:lnTo>
                      <a:pt x="742" y="29"/>
                    </a:lnTo>
                    <a:lnTo>
                      <a:pt x="724" y="39"/>
                    </a:lnTo>
                    <a:lnTo>
                      <a:pt x="715" y="44"/>
                    </a:lnTo>
                    <a:lnTo>
                      <a:pt x="706" y="46"/>
                    </a:lnTo>
                    <a:lnTo>
                      <a:pt x="695" y="49"/>
                    </a:lnTo>
                    <a:lnTo>
                      <a:pt x="685" y="50"/>
                    </a:lnTo>
                    <a:lnTo>
                      <a:pt x="659" y="53"/>
                    </a:lnTo>
                    <a:lnTo>
                      <a:pt x="640" y="55"/>
                    </a:lnTo>
                    <a:lnTo>
                      <a:pt x="633" y="57"/>
                    </a:lnTo>
                    <a:lnTo>
                      <a:pt x="627" y="59"/>
                    </a:lnTo>
                    <a:lnTo>
                      <a:pt x="621" y="62"/>
                    </a:lnTo>
                    <a:lnTo>
                      <a:pt x="618" y="64"/>
                    </a:lnTo>
                    <a:lnTo>
                      <a:pt x="615" y="68"/>
                    </a:lnTo>
                    <a:lnTo>
                      <a:pt x="611" y="74"/>
                    </a:lnTo>
                    <a:lnTo>
                      <a:pt x="608" y="80"/>
                    </a:lnTo>
                    <a:lnTo>
                      <a:pt x="606" y="86"/>
                    </a:lnTo>
                    <a:lnTo>
                      <a:pt x="598" y="106"/>
                    </a:lnTo>
                    <a:lnTo>
                      <a:pt x="589" y="131"/>
                    </a:lnTo>
                    <a:lnTo>
                      <a:pt x="577" y="154"/>
                    </a:lnTo>
                    <a:lnTo>
                      <a:pt x="562" y="178"/>
                    </a:lnTo>
                    <a:lnTo>
                      <a:pt x="553" y="191"/>
                    </a:lnTo>
                    <a:lnTo>
                      <a:pt x="544" y="204"/>
                    </a:lnTo>
                    <a:lnTo>
                      <a:pt x="533" y="217"/>
                    </a:lnTo>
                    <a:lnTo>
                      <a:pt x="522" y="229"/>
                    </a:lnTo>
                    <a:lnTo>
                      <a:pt x="510" y="239"/>
                    </a:lnTo>
                    <a:lnTo>
                      <a:pt x="498" y="250"/>
                    </a:lnTo>
                    <a:lnTo>
                      <a:pt x="487" y="259"/>
                    </a:lnTo>
                    <a:lnTo>
                      <a:pt x="474" y="265"/>
                    </a:lnTo>
                    <a:lnTo>
                      <a:pt x="461" y="270"/>
                    </a:lnTo>
                    <a:lnTo>
                      <a:pt x="448" y="274"/>
                    </a:lnTo>
                    <a:lnTo>
                      <a:pt x="435" y="277"/>
                    </a:lnTo>
                    <a:lnTo>
                      <a:pt x="422" y="276"/>
                    </a:lnTo>
                    <a:lnTo>
                      <a:pt x="406" y="276"/>
                    </a:lnTo>
                    <a:lnTo>
                      <a:pt x="391" y="276"/>
                    </a:lnTo>
                    <a:lnTo>
                      <a:pt x="375" y="277"/>
                    </a:lnTo>
                    <a:lnTo>
                      <a:pt x="360" y="279"/>
                    </a:lnTo>
                    <a:lnTo>
                      <a:pt x="344" y="282"/>
                    </a:lnTo>
                    <a:lnTo>
                      <a:pt x="329" y="285"/>
                    </a:lnTo>
                    <a:lnTo>
                      <a:pt x="313" y="287"/>
                    </a:lnTo>
                    <a:lnTo>
                      <a:pt x="298" y="287"/>
                    </a:lnTo>
                    <a:lnTo>
                      <a:pt x="277" y="289"/>
                    </a:lnTo>
                    <a:lnTo>
                      <a:pt x="260" y="290"/>
                    </a:lnTo>
                    <a:lnTo>
                      <a:pt x="244" y="294"/>
                    </a:lnTo>
                    <a:lnTo>
                      <a:pt x="232" y="299"/>
                    </a:lnTo>
                    <a:lnTo>
                      <a:pt x="225" y="303"/>
                    </a:lnTo>
                    <a:lnTo>
                      <a:pt x="219" y="307"/>
                    </a:lnTo>
                    <a:lnTo>
                      <a:pt x="213" y="312"/>
                    </a:lnTo>
                    <a:lnTo>
                      <a:pt x="207" y="317"/>
                    </a:lnTo>
                    <a:lnTo>
                      <a:pt x="197" y="330"/>
                    </a:lnTo>
                    <a:lnTo>
                      <a:pt x="185" y="347"/>
                    </a:lnTo>
                    <a:lnTo>
                      <a:pt x="182" y="358"/>
                    </a:lnTo>
                    <a:lnTo>
                      <a:pt x="178" y="369"/>
                    </a:lnTo>
                    <a:lnTo>
                      <a:pt x="173" y="379"/>
                    </a:lnTo>
                    <a:lnTo>
                      <a:pt x="167" y="388"/>
                    </a:lnTo>
                    <a:lnTo>
                      <a:pt x="160" y="399"/>
                    </a:lnTo>
                    <a:lnTo>
                      <a:pt x="155" y="408"/>
                    </a:lnTo>
                    <a:lnTo>
                      <a:pt x="152" y="417"/>
                    </a:lnTo>
                    <a:lnTo>
                      <a:pt x="151" y="425"/>
                    </a:lnTo>
                    <a:lnTo>
                      <a:pt x="151" y="430"/>
                    </a:lnTo>
                    <a:lnTo>
                      <a:pt x="155" y="435"/>
                    </a:lnTo>
                    <a:lnTo>
                      <a:pt x="159" y="440"/>
                    </a:lnTo>
                    <a:lnTo>
                      <a:pt x="164" y="445"/>
                    </a:lnTo>
                    <a:lnTo>
                      <a:pt x="176" y="456"/>
                    </a:lnTo>
                    <a:lnTo>
                      <a:pt x="189" y="466"/>
                    </a:lnTo>
                    <a:lnTo>
                      <a:pt x="195" y="471"/>
                    </a:lnTo>
                    <a:lnTo>
                      <a:pt x="200" y="476"/>
                    </a:lnTo>
                    <a:lnTo>
                      <a:pt x="206" y="482"/>
                    </a:lnTo>
                    <a:lnTo>
                      <a:pt x="208" y="487"/>
                    </a:lnTo>
                    <a:lnTo>
                      <a:pt x="209" y="493"/>
                    </a:lnTo>
                    <a:lnTo>
                      <a:pt x="208" y="500"/>
                    </a:lnTo>
                    <a:lnTo>
                      <a:pt x="206" y="506"/>
                    </a:lnTo>
                    <a:lnTo>
                      <a:pt x="200" y="513"/>
                    </a:lnTo>
                    <a:lnTo>
                      <a:pt x="195" y="517"/>
                    </a:lnTo>
                    <a:lnTo>
                      <a:pt x="190" y="518"/>
                    </a:lnTo>
                    <a:lnTo>
                      <a:pt x="185" y="519"/>
                    </a:lnTo>
                    <a:lnTo>
                      <a:pt x="180" y="518"/>
                    </a:lnTo>
                    <a:lnTo>
                      <a:pt x="169" y="515"/>
                    </a:lnTo>
                    <a:lnTo>
                      <a:pt x="159" y="510"/>
                    </a:lnTo>
                    <a:lnTo>
                      <a:pt x="152" y="509"/>
                    </a:lnTo>
                    <a:lnTo>
                      <a:pt x="147" y="506"/>
                    </a:lnTo>
                    <a:lnTo>
                      <a:pt x="141" y="506"/>
                    </a:lnTo>
                    <a:lnTo>
                      <a:pt x="136" y="507"/>
                    </a:lnTo>
                    <a:lnTo>
                      <a:pt x="129" y="510"/>
                    </a:lnTo>
                    <a:lnTo>
                      <a:pt x="124" y="514"/>
                    </a:lnTo>
                    <a:lnTo>
                      <a:pt x="118" y="520"/>
                    </a:lnTo>
                    <a:lnTo>
                      <a:pt x="112" y="529"/>
                    </a:lnTo>
                    <a:lnTo>
                      <a:pt x="107" y="536"/>
                    </a:lnTo>
                    <a:lnTo>
                      <a:pt x="102" y="541"/>
                    </a:lnTo>
                    <a:lnTo>
                      <a:pt x="101" y="545"/>
                    </a:lnTo>
                    <a:lnTo>
                      <a:pt x="99" y="548"/>
                    </a:lnTo>
                    <a:lnTo>
                      <a:pt x="99" y="552"/>
                    </a:lnTo>
                    <a:lnTo>
                      <a:pt x="101" y="554"/>
                    </a:lnTo>
                    <a:lnTo>
                      <a:pt x="111" y="567"/>
                    </a:lnTo>
                    <a:lnTo>
                      <a:pt x="115" y="576"/>
                    </a:lnTo>
                    <a:lnTo>
                      <a:pt x="116" y="579"/>
                    </a:lnTo>
                    <a:lnTo>
                      <a:pt x="116" y="581"/>
                    </a:lnTo>
                    <a:lnTo>
                      <a:pt x="115" y="584"/>
                    </a:lnTo>
                    <a:lnTo>
                      <a:pt x="114" y="585"/>
                    </a:lnTo>
                    <a:lnTo>
                      <a:pt x="102" y="589"/>
                    </a:lnTo>
                    <a:lnTo>
                      <a:pt x="88" y="590"/>
                    </a:lnTo>
                    <a:lnTo>
                      <a:pt x="84" y="592"/>
                    </a:lnTo>
                    <a:lnTo>
                      <a:pt x="80" y="594"/>
                    </a:lnTo>
                    <a:lnTo>
                      <a:pt x="75" y="599"/>
                    </a:lnTo>
                    <a:lnTo>
                      <a:pt x="71" y="605"/>
                    </a:lnTo>
                    <a:lnTo>
                      <a:pt x="64" y="619"/>
                    </a:lnTo>
                    <a:lnTo>
                      <a:pt x="57" y="637"/>
                    </a:lnTo>
                    <a:lnTo>
                      <a:pt x="50" y="658"/>
                    </a:lnTo>
                    <a:lnTo>
                      <a:pt x="44" y="682"/>
                    </a:lnTo>
                    <a:lnTo>
                      <a:pt x="38" y="707"/>
                    </a:lnTo>
                    <a:lnTo>
                      <a:pt x="33" y="734"/>
                    </a:lnTo>
                    <a:lnTo>
                      <a:pt x="23" y="789"/>
                    </a:lnTo>
                    <a:lnTo>
                      <a:pt x="15" y="839"/>
                    </a:lnTo>
                    <a:lnTo>
                      <a:pt x="10" y="881"/>
                    </a:lnTo>
                    <a:lnTo>
                      <a:pt x="5" y="908"/>
                    </a:lnTo>
                    <a:lnTo>
                      <a:pt x="1" y="922"/>
                    </a:lnTo>
                    <a:lnTo>
                      <a:pt x="0" y="934"/>
                    </a:lnTo>
                    <a:lnTo>
                      <a:pt x="1" y="944"/>
                    </a:lnTo>
                    <a:lnTo>
                      <a:pt x="3" y="953"/>
                    </a:lnTo>
                    <a:lnTo>
                      <a:pt x="13" y="970"/>
                    </a:lnTo>
                    <a:lnTo>
                      <a:pt x="20" y="989"/>
                    </a:lnTo>
                    <a:lnTo>
                      <a:pt x="23" y="996"/>
                    </a:lnTo>
                    <a:lnTo>
                      <a:pt x="27" y="1000"/>
                    </a:lnTo>
                    <a:lnTo>
                      <a:pt x="29" y="1001"/>
                    </a:lnTo>
                    <a:lnTo>
                      <a:pt x="33" y="1001"/>
                    </a:lnTo>
                    <a:lnTo>
                      <a:pt x="40" y="996"/>
                    </a:lnTo>
                    <a:lnTo>
                      <a:pt x="48" y="987"/>
                    </a:lnTo>
                    <a:lnTo>
                      <a:pt x="55" y="978"/>
                    </a:lnTo>
                    <a:lnTo>
                      <a:pt x="62" y="973"/>
                    </a:lnTo>
                    <a:lnTo>
                      <a:pt x="66" y="971"/>
                    </a:lnTo>
                    <a:lnTo>
                      <a:pt x="68" y="971"/>
                    </a:lnTo>
                    <a:lnTo>
                      <a:pt x="71" y="974"/>
                    </a:lnTo>
                    <a:lnTo>
                      <a:pt x="73" y="979"/>
                    </a:lnTo>
                    <a:lnTo>
                      <a:pt x="77" y="988"/>
                    </a:lnTo>
                    <a:lnTo>
                      <a:pt x="81" y="995"/>
                    </a:lnTo>
                    <a:lnTo>
                      <a:pt x="86" y="1001"/>
                    </a:lnTo>
                    <a:lnTo>
                      <a:pt x="93" y="1005"/>
                    </a:lnTo>
                    <a:lnTo>
                      <a:pt x="106" y="1013"/>
                    </a:lnTo>
                    <a:lnTo>
                      <a:pt x="119" y="1023"/>
                    </a:lnTo>
                    <a:lnTo>
                      <a:pt x="121" y="1031"/>
                    </a:lnTo>
                    <a:lnTo>
                      <a:pt x="124" y="1046"/>
                    </a:lnTo>
                    <a:lnTo>
                      <a:pt x="125" y="1066"/>
                    </a:lnTo>
                    <a:lnTo>
                      <a:pt x="127" y="1089"/>
                    </a:lnTo>
                    <a:lnTo>
                      <a:pt x="128" y="1133"/>
                    </a:lnTo>
                    <a:lnTo>
                      <a:pt x="128" y="1163"/>
                    </a:lnTo>
                    <a:lnTo>
                      <a:pt x="128" y="1189"/>
                    </a:lnTo>
                    <a:lnTo>
                      <a:pt x="128" y="1215"/>
                    </a:lnTo>
                    <a:lnTo>
                      <a:pt x="128" y="1241"/>
                    </a:lnTo>
                    <a:lnTo>
                      <a:pt x="127" y="1267"/>
                    </a:lnTo>
                    <a:lnTo>
                      <a:pt x="127" y="126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7" name="Freeform 58">
                <a:extLst>
                  <a:ext uri="{FF2B5EF4-FFF2-40B4-BE49-F238E27FC236}">
                    <a16:creationId xmlns:a16="http://schemas.microsoft.com/office/drawing/2014/main" id="{302CE93F-56DD-7742-B9D4-6F949BE41C81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8734341" y="2032223"/>
                <a:ext cx="670382" cy="420870"/>
              </a:xfrm>
              <a:custGeom>
                <a:avLst/>
                <a:gdLst/>
                <a:ahLst/>
                <a:cxnLst>
                  <a:cxn ang="0">
                    <a:pos x="97" y="388"/>
                  </a:cxn>
                  <a:cxn ang="0">
                    <a:pos x="70" y="361"/>
                  </a:cxn>
                  <a:cxn ang="0">
                    <a:pos x="136" y="301"/>
                  </a:cxn>
                  <a:cxn ang="0">
                    <a:pos x="205" y="326"/>
                  </a:cxn>
                  <a:cxn ang="0">
                    <a:pos x="241" y="375"/>
                  </a:cxn>
                  <a:cxn ang="0">
                    <a:pos x="170" y="427"/>
                  </a:cxn>
                  <a:cxn ang="0">
                    <a:pos x="134" y="700"/>
                  </a:cxn>
                  <a:cxn ang="0">
                    <a:pos x="237" y="633"/>
                  </a:cxn>
                  <a:cxn ang="0">
                    <a:pos x="292" y="562"/>
                  </a:cxn>
                  <a:cxn ang="0">
                    <a:pos x="271" y="518"/>
                  </a:cxn>
                  <a:cxn ang="0">
                    <a:pos x="183" y="506"/>
                  </a:cxn>
                  <a:cxn ang="0">
                    <a:pos x="108" y="522"/>
                  </a:cxn>
                  <a:cxn ang="0">
                    <a:pos x="56" y="597"/>
                  </a:cxn>
                  <a:cxn ang="0">
                    <a:pos x="9" y="581"/>
                  </a:cxn>
                  <a:cxn ang="0">
                    <a:pos x="27" y="631"/>
                  </a:cxn>
                  <a:cxn ang="0">
                    <a:pos x="5" y="688"/>
                  </a:cxn>
                  <a:cxn ang="0">
                    <a:pos x="66" y="715"/>
                  </a:cxn>
                  <a:cxn ang="0">
                    <a:pos x="48" y="777"/>
                  </a:cxn>
                  <a:cxn ang="0">
                    <a:pos x="56" y="820"/>
                  </a:cxn>
                  <a:cxn ang="0">
                    <a:pos x="114" y="715"/>
                  </a:cxn>
                  <a:cxn ang="0">
                    <a:pos x="651" y="611"/>
                  </a:cxn>
                  <a:cxn ang="0">
                    <a:pos x="596" y="579"/>
                  </a:cxn>
                  <a:cxn ang="0">
                    <a:pos x="578" y="642"/>
                  </a:cxn>
                  <a:cxn ang="0">
                    <a:pos x="526" y="641"/>
                  </a:cxn>
                  <a:cxn ang="0">
                    <a:pos x="442" y="606"/>
                  </a:cxn>
                  <a:cxn ang="0">
                    <a:pos x="416" y="545"/>
                  </a:cxn>
                  <a:cxn ang="0">
                    <a:pos x="386" y="497"/>
                  </a:cxn>
                  <a:cxn ang="0">
                    <a:pos x="375" y="432"/>
                  </a:cxn>
                  <a:cxn ang="0">
                    <a:pos x="437" y="410"/>
                  </a:cxn>
                  <a:cxn ang="0">
                    <a:pos x="372" y="404"/>
                  </a:cxn>
                  <a:cxn ang="0">
                    <a:pos x="367" y="325"/>
                  </a:cxn>
                  <a:cxn ang="0">
                    <a:pos x="350" y="274"/>
                  </a:cxn>
                  <a:cxn ang="0">
                    <a:pos x="364" y="197"/>
                  </a:cxn>
                  <a:cxn ang="0">
                    <a:pos x="446" y="198"/>
                  </a:cxn>
                  <a:cxn ang="0">
                    <a:pos x="496" y="137"/>
                  </a:cxn>
                  <a:cxn ang="0">
                    <a:pos x="578" y="94"/>
                  </a:cxn>
                  <a:cxn ang="0">
                    <a:pos x="632" y="70"/>
                  </a:cxn>
                  <a:cxn ang="0">
                    <a:pos x="674" y="61"/>
                  </a:cxn>
                  <a:cxn ang="0">
                    <a:pos x="705" y="41"/>
                  </a:cxn>
                  <a:cxn ang="0">
                    <a:pos x="805" y="57"/>
                  </a:cxn>
                  <a:cxn ang="0">
                    <a:pos x="837" y="20"/>
                  </a:cxn>
                  <a:cxn ang="0">
                    <a:pos x="906" y="19"/>
                  </a:cxn>
                  <a:cxn ang="0">
                    <a:pos x="1008" y="4"/>
                  </a:cxn>
                  <a:cxn ang="0">
                    <a:pos x="1114" y="14"/>
                  </a:cxn>
                  <a:cxn ang="0">
                    <a:pos x="1252" y="33"/>
                  </a:cxn>
                  <a:cxn ang="0">
                    <a:pos x="1392" y="33"/>
                  </a:cxn>
                  <a:cxn ang="0">
                    <a:pos x="1469" y="58"/>
                  </a:cxn>
                  <a:cxn ang="0">
                    <a:pos x="1408" y="119"/>
                  </a:cxn>
                  <a:cxn ang="0">
                    <a:pos x="1393" y="190"/>
                  </a:cxn>
                  <a:cxn ang="0">
                    <a:pos x="1328" y="304"/>
                  </a:cxn>
                  <a:cxn ang="0">
                    <a:pos x="1368" y="452"/>
                  </a:cxn>
                  <a:cxn ang="0">
                    <a:pos x="1381" y="627"/>
                  </a:cxn>
                  <a:cxn ang="0">
                    <a:pos x="1416" y="721"/>
                  </a:cxn>
                  <a:cxn ang="0">
                    <a:pos x="1316" y="859"/>
                  </a:cxn>
                  <a:cxn ang="0">
                    <a:pos x="1143" y="932"/>
                  </a:cxn>
                  <a:cxn ang="0">
                    <a:pos x="1042" y="873"/>
                  </a:cxn>
                  <a:cxn ang="0">
                    <a:pos x="908" y="741"/>
                  </a:cxn>
                  <a:cxn ang="0">
                    <a:pos x="803" y="733"/>
                  </a:cxn>
                </a:cxnLst>
                <a:rect l="0" t="0" r="r" b="b"/>
                <a:pathLst>
                  <a:path w="1473" h="932">
                    <a:moveTo>
                      <a:pt x="143" y="413"/>
                    </a:moveTo>
                    <a:lnTo>
                      <a:pt x="138" y="409"/>
                    </a:lnTo>
                    <a:lnTo>
                      <a:pt x="135" y="405"/>
                    </a:lnTo>
                    <a:lnTo>
                      <a:pt x="132" y="401"/>
                    </a:lnTo>
                    <a:lnTo>
                      <a:pt x="130" y="397"/>
                    </a:lnTo>
                    <a:lnTo>
                      <a:pt x="128" y="393"/>
                    </a:lnTo>
                    <a:lnTo>
                      <a:pt x="125" y="391"/>
                    </a:lnTo>
                    <a:lnTo>
                      <a:pt x="118" y="388"/>
                    </a:lnTo>
                    <a:lnTo>
                      <a:pt x="110" y="388"/>
                    </a:lnTo>
                    <a:lnTo>
                      <a:pt x="97" y="388"/>
                    </a:lnTo>
                    <a:lnTo>
                      <a:pt x="84" y="386"/>
                    </a:lnTo>
                    <a:lnTo>
                      <a:pt x="78" y="383"/>
                    </a:lnTo>
                    <a:lnTo>
                      <a:pt x="71" y="380"/>
                    </a:lnTo>
                    <a:lnTo>
                      <a:pt x="66" y="377"/>
                    </a:lnTo>
                    <a:lnTo>
                      <a:pt x="62" y="370"/>
                    </a:lnTo>
                    <a:lnTo>
                      <a:pt x="62" y="369"/>
                    </a:lnTo>
                    <a:lnTo>
                      <a:pt x="62" y="368"/>
                    </a:lnTo>
                    <a:lnTo>
                      <a:pt x="64" y="365"/>
                    </a:lnTo>
                    <a:lnTo>
                      <a:pt x="65" y="364"/>
                    </a:lnTo>
                    <a:lnTo>
                      <a:pt x="70" y="361"/>
                    </a:lnTo>
                    <a:lnTo>
                      <a:pt x="77" y="358"/>
                    </a:lnTo>
                    <a:lnTo>
                      <a:pt x="91" y="355"/>
                    </a:lnTo>
                    <a:lnTo>
                      <a:pt x="100" y="351"/>
                    </a:lnTo>
                    <a:lnTo>
                      <a:pt x="106" y="346"/>
                    </a:lnTo>
                    <a:lnTo>
                      <a:pt x="113" y="336"/>
                    </a:lnTo>
                    <a:lnTo>
                      <a:pt x="119" y="325"/>
                    </a:lnTo>
                    <a:lnTo>
                      <a:pt x="126" y="314"/>
                    </a:lnTo>
                    <a:lnTo>
                      <a:pt x="130" y="309"/>
                    </a:lnTo>
                    <a:lnTo>
                      <a:pt x="132" y="305"/>
                    </a:lnTo>
                    <a:lnTo>
                      <a:pt x="136" y="301"/>
                    </a:lnTo>
                    <a:lnTo>
                      <a:pt x="141" y="299"/>
                    </a:lnTo>
                    <a:lnTo>
                      <a:pt x="145" y="298"/>
                    </a:lnTo>
                    <a:lnTo>
                      <a:pt x="149" y="298"/>
                    </a:lnTo>
                    <a:lnTo>
                      <a:pt x="154" y="300"/>
                    </a:lnTo>
                    <a:lnTo>
                      <a:pt x="160" y="304"/>
                    </a:lnTo>
                    <a:lnTo>
                      <a:pt x="167" y="309"/>
                    </a:lnTo>
                    <a:lnTo>
                      <a:pt x="174" y="313"/>
                    </a:lnTo>
                    <a:lnTo>
                      <a:pt x="182" y="317"/>
                    </a:lnTo>
                    <a:lnTo>
                      <a:pt x="189" y="321"/>
                    </a:lnTo>
                    <a:lnTo>
                      <a:pt x="205" y="326"/>
                    </a:lnTo>
                    <a:lnTo>
                      <a:pt x="220" y="334"/>
                    </a:lnTo>
                    <a:lnTo>
                      <a:pt x="230" y="339"/>
                    </a:lnTo>
                    <a:lnTo>
                      <a:pt x="237" y="346"/>
                    </a:lnTo>
                    <a:lnTo>
                      <a:pt x="240" y="349"/>
                    </a:lnTo>
                    <a:lnTo>
                      <a:pt x="242" y="355"/>
                    </a:lnTo>
                    <a:lnTo>
                      <a:pt x="244" y="360"/>
                    </a:lnTo>
                    <a:lnTo>
                      <a:pt x="245" y="365"/>
                    </a:lnTo>
                    <a:lnTo>
                      <a:pt x="245" y="369"/>
                    </a:lnTo>
                    <a:lnTo>
                      <a:pt x="244" y="373"/>
                    </a:lnTo>
                    <a:lnTo>
                      <a:pt x="241" y="375"/>
                    </a:lnTo>
                    <a:lnTo>
                      <a:pt x="239" y="378"/>
                    </a:lnTo>
                    <a:lnTo>
                      <a:pt x="232" y="382"/>
                    </a:lnTo>
                    <a:lnTo>
                      <a:pt x="223" y="386"/>
                    </a:lnTo>
                    <a:lnTo>
                      <a:pt x="214" y="388"/>
                    </a:lnTo>
                    <a:lnTo>
                      <a:pt x="206" y="391"/>
                    </a:lnTo>
                    <a:lnTo>
                      <a:pt x="197" y="395"/>
                    </a:lnTo>
                    <a:lnTo>
                      <a:pt x="192" y="400"/>
                    </a:lnTo>
                    <a:lnTo>
                      <a:pt x="184" y="410"/>
                    </a:lnTo>
                    <a:lnTo>
                      <a:pt x="175" y="423"/>
                    </a:lnTo>
                    <a:lnTo>
                      <a:pt x="170" y="427"/>
                    </a:lnTo>
                    <a:lnTo>
                      <a:pt x="165" y="431"/>
                    </a:lnTo>
                    <a:lnTo>
                      <a:pt x="162" y="431"/>
                    </a:lnTo>
                    <a:lnTo>
                      <a:pt x="158" y="431"/>
                    </a:lnTo>
                    <a:lnTo>
                      <a:pt x="154" y="430"/>
                    </a:lnTo>
                    <a:lnTo>
                      <a:pt x="150" y="428"/>
                    </a:lnTo>
                    <a:lnTo>
                      <a:pt x="143" y="413"/>
                    </a:lnTo>
                    <a:close/>
                    <a:moveTo>
                      <a:pt x="114" y="715"/>
                    </a:moveTo>
                    <a:lnTo>
                      <a:pt x="119" y="710"/>
                    </a:lnTo>
                    <a:lnTo>
                      <a:pt x="127" y="704"/>
                    </a:lnTo>
                    <a:lnTo>
                      <a:pt x="134" y="700"/>
                    </a:lnTo>
                    <a:lnTo>
                      <a:pt x="141" y="697"/>
                    </a:lnTo>
                    <a:lnTo>
                      <a:pt x="157" y="691"/>
                    </a:lnTo>
                    <a:lnTo>
                      <a:pt x="173" y="686"/>
                    </a:lnTo>
                    <a:lnTo>
                      <a:pt x="188" y="681"/>
                    </a:lnTo>
                    <a:lnTo>
                      <a:pt x="202" y="675"/>
                    </a:lnTo>
                    <a:lnTo>
                      <a:pt x="209" y="671"/>
                    </a:lnTo>
                    <a:lnTo>
                      <a:pt x="215" y="665"/>
                    </a:lnTo>
                    <a:lnTo>
                      <a:pt x="220" y="660"/>
                    </a:lnTo>
                    <a:lnTo>
                      <a:pt x="224" y="654"/>
                    </a:lnTo>
                    <a:lnTo>
                      <a:pt x="237" y="633"/>
                    </a:lnTo>
                    <a:lnTo>
                      <a:pt x="252" y="615"/>
                    </a:lnTo>
                    <a:lnTo>
                      <a:pt x="258" y="606"/>
                    </a:lnTo>
                    <a:lnTo>
                      <a:pt x="264" y="597"/>
                    </a:lnTo>
                    <a:lnTo>
                      <a:pt x="270" y="586"/>
                    </a:lnTo>
                    <a:lnTo>
                      <a:pt x="275" y="575"/>
                    </a:lnTo>
                    <a:lnTo>
                      <a:pt x="277" y="572"/>
                    </a:lnTo>
                    <a:lnTo>
                      <a:pt x="279" y="568"/>
                    </a:lnTo>
                    <a:lnTo>
                      <a:pt x="281" y="566"/>
                    </a:lnTo>
                    <a:lnTo>
                      <a:pt x="285" y="564"/>
                    </a:lnTo>
                    <a:lnTo>
                      <a:pt x="292" y="562"/>
                    </a:lnTo>
                    <a:lnTo>
                      <a:pt x="299" y="559"/>
                    </a:lnTo>
                    <a:lnTo>
                      <a:pt x="307" y="559"/>
                    </a:lnTo>
                    <a:lnTo>
                      <a:pt x="315" y="558"/>
                    </a:lnTo>
                    <a:lnTo>
                      <a:pt x="322" y="555"/>
                    </a:lnTo>
                    <a:lnTo>
                      <a:pt x="328" y="551"/>
                    </a:lnTo>
                    <a:lnTo>
                      <a:pt x="328" y="549"/>
                    </a:lnTo>
                    <a:lnTo>
                      <a:pt x="328" y="548"/>
                    </a:lnTo>
                    <a:lnTo>
                      <a:pt x="310" y="536"/>
                    </a:lnTo>
                    <a:lnTo>
                      <a:pt x="290" y="527"/>
                    </a:lnTo>
                    <a:lnTo>
                      <a:pt x="271" y="518"/>
                    </a:lnTo>
                    <a:lnTo>
                      <a:pt x="253" y="506"/>
                    </a:lnTo>
                    <a:lnTo>
                      <a:pt x="246" y="502"/>
                    </a:lnTo>
                    <a:lnTo>
                      <a:pt x="241" y="500"/>
                    </a:lnTo>
                    <a:lnTo>
                      <a:pt x="236" y="498"/>
                    </a:lnTo>
                    <a:lnTo>
                      <a:pt x="231" y="497"/>
                    </a:lnTo>
                    <a:lnTo>
                      <a:pt x="222" y="497"/>
                    </a:lnTo>
                    <a:lnTo>
                      <a:pt x="213" y="500"/>
                    </a:lnTo>
                    <a:lnTo>
                      <a:pt x="204" y="502"/>
                    </a:lnTo>
                    <a:lnTo>
                      <a:pt x="193" y="505"/>
                    </a:lnTo>
                    <a:lnTo>
                      <a:pt x="183" y="506"/>
                    </a:lnTo>
                    <a:lnTo>
                      <a:pt x="173" y="506"/>
                    </a:lnTo>
                    <a:lnTo>
                      <a:pt x="165" y="504"/>
                    </a:lnTo>
                    <a:lnTo>
                      <a:pt x="157" y="501"/>
                    </a:lnTo>
                    <a:lnTo>
                      <a:pt x="148" y="498"/>
                    </a:lnTo>
                    <a:lnTo>
                      <a:pt x="140" y="498"/>
                    </a:lnTo>
                    <a:lnTo>
                      <a:pt x="131" y="500"/>
                    </a:lnTo>
                    <a:lnTo>
                      <a:pt x="125" y="501"/>
                    </a:lnTo>
                    <a:lnTo>
                      <a:pt x="117" y="506"/>
                    </a:lnTo>
                    <a:lnTo>
                      <a:pt x="112" y="513"/>
                    </a:lnTo>
                    <a:lnTo>
                      <a:pt x="108" y="522"/>
                    </a:lnTo>
                    <a:lnTo>
                      <a:pt x="103" y="531"/>
                    </a:lnTo>
                    <a:lnTo>
                      <a:pt x="96" y="540"/>
                    </a:lnTo>
                    <a:lnTo>
                      <a:pt x="88" y="548"/>
                    </a:lnTo>
                    <a:lnTo>
                      <a:pt x="82" y="553"/>
                    </a:lnTo>
                    <a:lnTo>
                      <a:pt x="75" y="561"/>
                    </a:lnTo>
                    <a:lnTo>
                      <a:pt x="70" y="568"/>
                    </a:lnTo>
                    <a:lnTo>
                      <a:pt x="66" y="576"/>
                    </a:lnTo>
                    <a:lnTo>
                      <a:pt x="62" y="589"/>
                    </a:lnTo>
                    <a:lnTo>
                      <a:pt x="59" y="596"/>
                    </a:lnTo>
                    <a:lnTo>
                      <a:pt x="56" y="597"/>
                    </a:lnTo>
                    <a:lnTo>
                      <a:pt x="55" y="597"/>
                    </a:lnTo>
                    <a:lnTo>
                      <a:pt x="52" y="596"/>
                    </a:lnTo>
                    <a:lnTo>
                      <a:pt x="49" y="594"/>
                    </a:lnTo>
                    <a:lnTo>
                      <a:pt x="46" y="590"/>
                    </a:lnTo>
                    <a:lnTo>
                      <a:pt x="39" y="585"/>
                    </a:lnTo>
                    <a:lnTo>
                      <a:pt x="33" y="580"/>
                    </a:lnTo>
                    <a:lnTo>
                      <a:pt x="26" y="576"/>
                    </a:lnTo>
                    <a:lnTo>
                      <a:pt x="20" y="576"/>
                    </a:lnTo>
                    <a:lnTo>
                      <a:pt x="13" y="577"/>
                    </a:lnTo>
                    <a:lnTo>
                      <a:pt x="9" y="581"/>
                    </a:lnTo>
                    <a:lnTo>
                      <a:pt x="5" y="585"/>
                    </a:lnTo>
                    <a:lnTo>
                      <a:pt x="4" y="590"/>
                    </a:lnTo>
                    <a:lnTo>
                      <a:pt x="4" y="596"/>
                    </a:lnTo>
                    <a:lnTo>
                      <a:pt x="5" y="602"/>
                    </a:lnTo>
                    <a:lnTo>
                      <a:pt x="9" y="606"/>
                    </a:lnTo>
                    <a:lnTo>
                      <a:pt x="16" y="612"/>
                    </a:lnTo>
                    <a:lnTo>
                      <a:pt x="24" y="620"/>
                    </a:lnTo>
                    <a:lnTo>
                      <a:pt x="26" y="624"/>
                    </a:lnTo>
                    <a:lnTo>
                      <a:pt x="27" y="628"/>
                    </a:lnTo>
                    <a:lnTo>
                      <a:pt x="27" y="631"/>
                    </a:lnTo>
                    <a:lnTo>
                      <a:pt x="25" y="634"/>
                    </a:lnTo>
                    <a:lnTo>
                      <a:pt x="20" y="640"/>
                    </a:lnTo>
                    <a:lnTo>
                      <a:pt x="14" y="646"/>
                    </a:lnTo>
                    <a:lnTo>
                      <a:pt x="9" y="653"/>
                    </a:lnTo>
                    <a:lnTo>
                      <a:pt x="4" y="660"/>
                    </a:lnTo>
                    <a:lnTo>
                      <a:pt x="2" y="669"/>
                    </a:lnTo>
                    <a:lnTo>
                      <a:pt x="0" y="677"/>
                    </a:lnTo>
                    <a:lnTo>
                      <a:pt x="2" y="680"/>
                    </a:lnTo>
                    <a:lnTo>
                      <a:pt x="3" y="684"/>
                    </a:lnTo>
                    <a:lnTo>
                      <a:pt x="5" y="688"/>
                    </a:lnTo>
                    <a:lnTo>
                      <a:pt x="9" y="690"/>
                    </a:lnTo>
                    <a:lnTo>
                      <a:pt x="17" y="693"/>
                    </a:lnTo>
                    <a:lnTo>
                      <a:pt x="24" y="695"/>
                    </a:lnTo>
                    <a:lnTo>
                      <a:pt x="30" y="695"/>
                    </a:lnTo>
                    <a:lnTo>
                      <a:pt x="36" y="695"/>
                    </a:lnTo>
                    <a:lnTo>
                      <a:pt x="44" y="695"/>
                    </a:lnTo>
                    <a:lnTo>
                      <a:pt x="51" y="697"/>
                    </a:lnTo>
                    <a:lnTo>
                      <a:pt x="57" y="700"/>
                    </a:lnTo>
                    <a:lnTo>
                      <a:pt x="65" y="708"/>
                    </a:lnTo>
                    <a:lnTo>
                      <a:pt x="66" y="715"/>
                    </a:lnTo>
                    <a:lnTo>
                      <a:pt x="66" y="721"/>
                    </a:lnTo>
                    <a:lnTo>
                      <a:pt x="65" y="728"/>
                    </a:lnTo>
                    <a:lnTo>
                      <a:pt x="61" y="734"/>
                    </a:lnTo>
                    <a:lnTo>
                      <a:pt x="56" y="742"/>
                    </a:lnTo>
                    <a:lnTo>
                      <a:pt x="49" y="750"/>
                    </a:lnTo>
                    <a:lnTo>
                      <a:pt x="47" y="755"/>
                    </a:lnTo>
                    <a:lnTo>
                      <a:pt x="46" y="760"/>
                    </a:lnTo>
                    <a:lnTo>
                      <a:pt x="46" y="764"/>
                    </a:lnTo>
                    <a:lnTo>
                      <a:pt x="47" y="770"/>
                    </a:lnTo>
                    <a:lnTo>
                      <a:pt x="48" y="777"/>
                    </a:lnTo>
                    <a:lnTo>
                      <a:pt x="49" y="785"/>
                    </a:lnTo>
                    <a:lnTo>
                      <a:pt x="49" y="792"/>
                    </a:lnTo>
                    <a:lnTo>
                      <a:pt x="48" y="800"/>
                    </a:lnTo>
                    <a:lnTo>
                      <a:pt x="48" y="804"/>
                    </a:lnTo>
                    <a:lnTo>
                      <a:pt x="48" y="811"/>
                    </a:lnTo>
                    <a:lnTo>
                      <a:pt x="48" y="813"/>
                    </a:lnTo>
                    <a:lnTo>
                      <a:pt x="48" y="817"/>
                    </a:lnTo>
                    <a:lnTo>
                      <a:pt x="49" y="818"/>
                    </a:lnTo>
                    <a:lnTo>
                      <a:pt x="51" y="820"/>
                    </a:lnTo>
                    <a:lnTo>
                      <a:pt x="56" y="820"/>
                    </a:lnTo>
                    <a:lnTo>
                      <a:pt x="61" y="818"/>
                    </a:lnTo>
                    <a:lnTo>
                      <a:pt x="65" y="814"/>
                    </a:lnTo>
                    <a:lnTo>
                      <a:pt x="69" y="811"/>
                    </a:lnTo>
                    <a:lnTo>
                      <a:pt x="77" y="800"/>
                    </a:lnTo>
                    <a:lnTo>
                      <a:pt x="81" y="792"/>
                    </a:lnTo>
                    <a:lnTo>
                      <a:pt x="86" y="779"/>
                    </a:lnTo>
                    <a:lnTo>
                      <a:pt x="90" y="767"/>
                    </a:lnTo>
                    <a:lnTo>
                      <a:pt x="93" y="752"/>
                    </a:lnTo>
                    <a:lnTo>
                      <a:pt x="97" y="739"/>
                    </a:lnTo>
                    <a:lnTo>
                      <a:pt x="114" y="715"/>
                    </a:lnTo>
                    <a:close/>
                    <a:moveTo>
                      <a:pt x="613" y="789"/>
                    </a:moveTo>
                    <a:lnTo>
                      <a:pt x="614" y="779"/>
                    </a:lnTo>
                    <a:lnTo>
                      <a:pt x="614" y="769"/>
                    </a:lnTo>
                    <a:lnTo>
                      <a:pt x="619" y="725"/>
                    </a:lnTo>
                    <a:lnTo>
                      <a:pt x="626" y="682"/>
                    </a:lnTo>
                    <a:lnTo>
                      <a:pt x="631" y="662"/>
                    </a:lnTo>
                    <a:lnTo>
                      <a:pt x="638" y="641"/>
                    </a:lnTo>
                    <a:lnTo>
                      <a:pt x="641" y="631"/>
                    </a:lnTo>
                    <a:lnTo>
                      <a:pt x="645" y="620"/>
                    </a:lnTo>
                    <a:lnTo>
                      <a:pt x="651" y="611"/>
                    </a:lnTo>
                    <a:lnTo>
                      <a:pt x="657" y="602"/>
                    </a:lnTo>
                    <a:lnTo>
                      <a:pt x="660" y="598"/>
                    </a:lnTo>
                    <a:lnTo>
                      <a:pt x="660" y="594"/>
                    </a:lnTo>
                    <a:lnTo>
                      <a:pt x="658" y="590"/>
                    </a:lnTo>
                    <a:lnTo>
                      <a:pt x="656" y="588"/>
                    </a:lnTo>
                    <a:lnTo>
                      <a:pt x="647" y="583"/>
                    </a:lnTo>
                    <a:lnTo>
                      <a:pt x="634" y="580"/>
                    </a:lnTo>
                    <a:lnTo>
                      <a:pt x="621" y="579"/>
                    </a:lnTo>
                    <a:lnTo>
                      <a:pt x="607" y="579"/>
                    </a:lnTo>
                    <a:lnTo>
                      <a:pt x="596" y="579"/>
                    </a:lnTo>
                    <a:lnTo>
                      <a:pt x="590" y="580"/>
                    </a:lnTo>
                    <a:lnTo>
                      <a:pt x="586" y="583"/>
                    </a:lnTo>
                    <a:lnTo>
                      <a:pt x="583" y="586"/>
                    </a:lnTo>
                    <a:lnTo>
                      <a:pt x="582" y="589"/>
                    </a:lnTo>
                    <a:lnTo>
                      <a:pt x="582" y="594"/>
                    </a:lnTo>
                    <a:lnTo>
                      <a:pt x="582" y="603"/>
                    </a:lnTo>
                    <a:lnTo>
                      <a:pt x="583" y="612"/>
                    </a:lnTo>
                    <a:lnTo>
                      <a:pt x="582" y="624"/>
                    </a:lnTo>
                    <a:lnTo>
                      <a:pt x="581" y="634"/>
                    </a:lnTo>
                    <a:lnTo>
                      <a:pt x="578" y="642"/>
                    </a:lnTo>
                    <a:lnTo>
                      <a:pt x="574" y="650"/>
                    </a:lnTo>
                    <a:lnTo>
                      <a:pt x="570" y="655"/>
                    </a:lnTo>
                    <a:lnTo>
                      <a:pt x="565" y="658"/>
                    </a:lnTo>
                    <a:lnTo>
                      <a:pt x="560" y="660"/>
                    </a:lnTo>
                    <a:lnTo>
                      <a:pt x="553" y="660"/>
                    </a:lnTo>
                    <a:lnTo>
                      <a:pt x="548" y="659"/>
                    </a:lnTo>
                    <a:lnTo>
                      <a:pt x="542" y="656"/>
                    </a:lnTo>
                    <a:lnTo>
                      <a:pt x="537" y="653"/>
                    </a:lnTo>
                    <a:lnTo>
                      <a:pt x="531" y="647"/>
                    </a:lnTo>
                    <a:lnTo>
                      <a:pt x="526" y="641"/>
                    </a:lnTo>
                    <a:lnTo>
                      <a:pt x="521" y="633"/>
                    </a:lnTo>
                    <a:lnTo>
                      <a:pt x="518" y="624"/>
                    </a:lnTo>
                    <a:lnTo>
                      <a:pt x="515" y="615"/>
                    </a:lnTo>
                    <a:lnTo>
                      <a:pt x="508" y="611"/>
                    </a:lnTo>
                    <a:lnTo>
                      <a:pt x="502" y="610"/>
                    </a:lnTo>
                    <a:lnTo>
                      <a:pt x="494" y="608"/>
                    </a:lnTo>
                    <a:lnTo>
                      <a:pt x="485" y="607"/>
                    </a:lnTo>
                    <a:lnTo>
                      <a:pt x="467" y="607"/>
                    </a:lnTo>
                    <a:lnTo>
                      <a:pt x="450" y="607"/>
                    </a:lnTo>
                    <a:lnTo>
                      <a:pt x="442" y="606"/>
                    </a:lnTo>
                    <a:lnTo>
                      <a:pt x="434" y="605"/>
                    </a:lnTo>
                    <a:lnTo>
                      <a:pt x="428" y="602"/>
                    </a:lnTo>
                    <a:lnTo>
                      <a:pt x="423" y="598"/>
                    </a:lnTo>
                    <a:lnTo>
                      <a:pt x="419" y="593"/>
                    </a:lnTo>
                    <a:lnTo>
                      <a:pt x="416" y="586"/>
                    </a:lnTo>
                    <a:lnTo>
                      <a:pt x="415" y="577"/>
                    </a:lnTo>
                    <a:lnTo>
                      <a:pt x="416" y="567"/>
                    </a:lnTo>
                    <a:lnTo>
                      <a:pt x="416" y="558"/>
                    </a:lnTo>
                    <a:lnTo>
                      <a:pt x="416" y="550"/>
                    </a:lnTo>
                    <a:lnTo>
                      <a:pt x="416" y="545"/>
                    </a:lnTo>
                    <a:lnTo>
                      <a:pt x="413" y="540"/>
                    </a:lnTo>
                    <a:lnTo>
                      <a:pt x="410" y="532"/>
                    </a:lnTo>
                    <a:lnTo>
                      <a:pt x="403" y="527"/>
                    </a:lnTo>
                    <a:lnTo>
                      <a:pt x="398" y="523"/>
                    </a:lnTo>
                    <a:lnTo>
                      <a:pt x="391" y="519"/>
                    </a:lnTo>
                    <a:lnTo>
                      <a:pt x="390" y="517"/>
                    </a:lnTo>
                    <a:lnTo>
                      <a:pt x="388" y="513"/>
                    </a:lnTo>
                    <a:lnTo>
                      <a:pt x="386" y="510"/>
                    </a:lnTo>
                    <a:lnTo>
                      <a:pt x="386" y="505"/>
                    </a:lnTo>
                    <a:lnTo>
                      <a:pt x="386" y="497"/>
                    </a:lnTo>
                    <a:lnTo>
                      <a:pt x="384" y="488"/>
                    </a:lnTo>
                    <a:lnTo>
                      <a:pt x="380" y="480"/>
                    </a:lnTo>
                    <a:lnTo>
                      <a:pt x="377" y="472"/>
                    </a:lnTo>
                    <a:lnTo>
                      <a:pt x="373" y="466"/>
                    </a:lnTo>
                    <a:lnTo>
                      <a:pt x="371" y="458"/>
                    </a:lnTo>
                    <a:lnTo>
                      <a:pt x="368" y="450"/>
                    </a:lnTo>
                    <a:lnTo>
                      <a:pt x="368" y="443"/>
                    </a:lnTo>
                    <a:lnTo>
                      <a:pt x="369" y="439"/>
                    </a:lnTo>
                    <a:lnTo>
                      <a:pt x="372" y="435"/>
                    </a:lnTo>
                    <a:lnTo>
                      <a:pt x="375" y="432"/>
                    </a:lnTo>
                    <a:lnTo>
                      <a:pt x="380" y="430"/>
                    </a:lnTo>
                    <a:lnTo>
                      <a:pt x="391" y="426"/>
                    </a:lnTo>
                    <a:lnTo>
                      <a:pt x="403" y="425"/>
                    </a:lnTo>
                    <a:lnTo>
                      <a:pt x="416" y="423"/>
                    </a:lnTo>
                    <a:lnTo>
                      <a:pt x="428" y="422"/>
                    </a:lnTo>
                    <a:lnTo>
                      <a:pt x="432" y="421"/>
                    </a:lnTo>
                    <a:lnTo>
                      <a:pt x="436" y="421"/>
                    </a:lnTo>
                    <a:lnTo>
                      <a:pt x="437" y="419"/>
                    </a:lnTo>
                    <a:lnTo>
                      <a:pt x="438" y="417"/>
                    </a:lnTo>
                    <a:lnTo>
                      <a:pt x="437" y="410"/>
                    </a:lnTo>
                    <a:lnTo>
                      <a:pt x="436" y="405"/>
                    </a:lnTo>
                    <a:lnTo>
                      <a:pt x="432" y="401"/>
                    </a:lnTo>
                    <a:lnTo>
                      <a:pt x="428" y="399"/>
                    </a:lnTo>
                    <a:lnTo>
                      <a:pt x="423" y="397"/>
                    </a:lnTo>
                    <a:lnTo>
                      <a:pt x="417" y="397"/>
                    </a:lnTo>
                    <a:lnTo>
                      <a:pt x="411" y="397"/>
                    </a:lnTo>
                    <a:lnTo>
                      <a:pt x="404" y="399"/>
                    </a:lnTo>
                    <a:lnTo>
                      <a:pt x="390" y="403"/>
                    </a:lnTo>
                    <a:lnTo>
                      <a:pt x="377" y="404"/>
                    </a:lnTo>
                    <a:lnTo>
                      <a:pt x="372" y="404"/>
                    </a:lnTo>
                    <a:lnTo>
                      <a:pt x="367" y="404"/>
                    </a:lnTo>
                    <a:lnTo>
                      <a:pt x="363" y="401"/>
                    </a:lnTo>
                    <a:lnTo>
                      <a:pt x="359" y="399"/>
                    </a:lnTo>
                    <a:lnTo>
                      <a:pt x="356" y="392"/>
                    </a:lnTo>
                    <a:lnTo>
                      <a:pt x="354" y="386"/>
                    </a:lnTo>
                    <a:lnTo>
                      <a:pt x="354" y="379"/>
                    </a:lnTo>
                    <a:lnTo>
                      <a:pt x="354" y="371"/>
                    </a:lnTo>
                    <a:lnTo>
                      <a:pt x="356" y="356"/>
                    </a:lnTo>
                    <a:lnTo>
                      <a:pt x="362" y="339"/>
                    </a:lnTo>
                    <a:lnTo>
                      <a:pt x="367" y="325"/>
                    </a:lnTo>
                    <a:lnTo>
                      <a:pt x="371" y="312"/>
                    </a:lnTo>
                    <a:lnTo>
                      <a:pt x="372" y="307"/>
                    </a:lnTo>
                    <a:lnTo>
                      <a:pt x="373" y="301"/>
                    </a:lnTo>
                    <a:lnTo>
                      <a:pt x="373" y="299"/>
                    </a:lnTo>
                    <a:lnTo>
                      <a:pt x="372" y="298"/>
                    </a:lnTo>
                    <a:lnTo>
                      <a:pt x="359" y="289"/>
                    </a:lnTo>
                    <a:lnTo>
                      <a:pt x="353" y="282"/>
                    </a:lnTo>
                    <a:lnTo>
                      <a:pt x="351" y="279"/>
                    </a:lnTo>
                    <a:lnTo>
                      <a:pt x="350" y="277"/>
                    </a:lnTo>
                    <a:lnTo>
                      <a:pt x="350" y="274"/>
                    </a:lnTo>
                    <a:lnTo>
                      <a:pt x="351" y="273"/>
                    </a:lnTo>
                    <a:lnTo>
                      <a:pt x="354" y="268"/>
                    </a:lnTo>
                    <a:lnTo>
                      <a:pt x="358" y="261"/>
                    </a:lnTo>
                    <a:lnTo>
                      <a:pt x="363" y="252"/>
                    </a:lnTo>
                    <a:lnTo>
                      <a:pt x="366" y="242"/>
                    </a:lnTo>
                    <a:lnTo>
                      <a:pt x="367" y="230"/>
                    </a:lnTo>
                    <a:lnTo>
                      <a:pt x="366" y="220"/>
                    </a:lnTo>
                    <a:lnTo>
                      <a:pt x="364" y="208"/>
                    </a:lnTo>
                    <a:lnTo>
                      <a:pt x="364" y="198"/>
                    </a:lnTo>
                    <a:lnTo>
                      <a:pt x="364" y="197"/>
                    </a:lnTo>
                    <a:lnTo>
                      <a:pt x="366" y="195"/>
                    </a:lnTo>
                    <a:lnTo>
                      <a:pt x="368" y="195"/>
                    </a:lnTo>
                    <a:lnTo>
                      <a:pt x="369" y="195"/>
                    </a:lnTo>
                    <a:lnTo>
                      <a:pt x="376" y="197"/>
                    </a:lnTo>
                    <a:lnTo>
                      <a:pt x="382" y="199"/>
                    </a:lnTo>
                    <a:lnTo>
                      <a:pt x="397" y="203"/>
                    </a:lnTo>
                    <a:lnTo>
                      <a:pt x="407" y="206"/>
                    </a:lnTo>
                    <a:lnTo>
                      <a:pt x="419" y="204"/>
                    </a:lnTo>
                    <a:lnTo>
                      <a:pt x="432" y="202"/>
                    </a:lnTo>
                    <a:lnTo>
                      <a:pt x="446" y="198"/>
                    </a:lnTo>
                    <a:lnTo>
                      <a:pt x="460" y="193"/>
                    </a:lnTo>
                    <a:lnTo>
                      <a:pt x="473" y="186"/>
                    </a:lnTo>
                    <a:lnTo>
                      <a:pt x="483" y="177"/>
                    </a:lnTo>
                    <a:lnTo>
                      <a:pt x="487" y="173"/>
                    </a:lnTo>
                    <a:lnTo>
                      <a:pt x="490" y="168"/>
                    </a:lnTo>
                    <a:lnTo>
                      <a:pt x="491" y="163"/>
                    </a:lnTo>
                    <a:lnTo>
                      <a:pt x="491" y="158"/>
                    </a:lnTo>
                    <a:lnTo>
                      <a:pt x="491" y="150"/>
                    </a:lnTo>
                    <a:lnTo>
                      <a:pt x="493" y="143"/>
                    </a:lnTo>
                    <a:lnTo>
                      <a:pt x="496" y="137"/>
                    </a:lnTo>
                    <a:lnTo>
                      <a:pt x="500" y="132"/>
                    </a:lnTo>
                    <a:lnTo>
                      <a:pt x="505" y="128"/>
                    </a:lnTo>
                    <a:lnTo>
                      <a:pt x="512" y="124"/>
                    </a:lnTo>
                    <a:lnTo>
                      <a:pt x="518" y="121"/>
                    </a:lnTo>
                    <a:lnTo>
                      <a:pt x="526" y="119"/>
                    </a:lnTo>
                    <a:lnTo>
                      <a:pt x="542" y="114"/>
                    </a:lnTo>
                    <a:lnTo>
                      <a:pt x="557" y="107"/>
                    </a:lnTo>
                    <a:lnTo>
                      <a:pt x="565" y="103"/>
                    </a:lnTo>
                    <a:lnTo>
                      <a:pt x="572" y="99"/>
                    </a:lnTo>
                    <a:lnTo>
                      <a:pt x="578" y="94"/>
                    </a:lnTo>
                    <a:lnTo>
                      <a:pt x="583" y="89"/>
                    </a:lnTo>
                    <a:lnTo>
                      <a:pt x="590" y="79"/>
                    </a:lnTo>
                    <a:lnTo>
                      <a:pt x="596" y="64"/>
                    </a:lnTo>
                    <a:lnTo>
                      <a:pt x="601" y="59"/>
                    </a:lnTo>
                    <a:lnTo>
                      <a:pt x="607" y="55"/>
                    </a:lnTo>
                    <a:lnTo>
                      <a:pt x="609" y="55"/>
                    </a:lnTo>
                    <a:lnTo>
                      <a:pt x="612" y="55"/>
                    </a:lnTo>
                    <a:lnTo>
                      <a:pt x="614" y="57"/>
                    </a:lnTo>
                    <a:lnTo>
                      <a:pt x="617" y="58"/>
                    </a:lnTo>
                    <a:lnTo>
                      <a:pt x="632" y="70"/>
                    </a:lnTo>
                    <a:lnTo>
                      <a:pt x="645" y="77"/>
                    </a:lnTo>
                    <a:lnTo>
                      <a:pt x="651" y="79"/>
                    </a:lnTo>
                    <a:lnTo>
                      <a:pt x="656" y="80"/>
                    </a:lnTo>
                    <a:lnTo>
                      <a:pt x="660" y="80"/>
                    </a:lnTo>
                    <a:lnTo>
                      <a:pt x="662" y="79"/>
                    </a:lnTo>
                    <a:lnTo>
                      <a:pt x="666" y="76"/>
                    </a:lnTo>
                    <a:lnTo>
                      <a:pt x="669" y="75"/>
                    </a:lnTo>
                    <a:lnTo>
                      <a:pt x="670" y="71"/>
                    </a:lnTo>
                    <a:lnTo>
                      <a:pt x="671" y="68"/>
                    </a:lnTo>
                    <a:lnTo>
                      <a:pt x="674" y="61"/>
                    </a:lnTo>
                    <a:lnTo>
                      <a:pt x="676" y="51"/>
                    </a:lnTo>
                    <a:lnTo>
                      <a:pt x="678" y="35"/>
                    </a:lnTo>
                    <a:lnTo>
                      <a:pt x="682" y="23"/>
                    </a:lnTo>
                    <a:lnTo>
                      <a:pt x="682" y="20"/>
                    </a:lnTo>
                    <a:lnTo>
                      <a:pt x="684" y="20"/>
                    </a:lnTo>
                    <a:lnTo>
                      <a:pt x="686" y="20"/>
                    </a:lnTo>
                    <a:lnTo>
                      <a:pt x="688" y="22"/>
                    </a:lnTo>
                    <a:lnTo>
                      <a:pt x="693" y="27"/>
                    </a:lnTo>
                    <a:lnTo>
                      <a:pt x="701" y="37"/>
                    </a:lnTo>
                    <a:lnTo>
                      <a:pt x="705" y="41"/>
                    </a:lnTo>
                    <a:lnTo>
                      <a:pt x="708" y="45"/>
                    </a:lnTo>
                    <a:lnTo>
                      <a:pt x="711" y="48"/>
                    </a:lnTo>
                    <a:lnTo>
                      <a:pt x="715" y="50"/>
                    </a:lnTo>
                    <a:lnTo>
                      <a:pt x="723" y="51"/>
                    </a:lnTo>
                    <a:lnTo>
                      <a:pt x="730" y="51"/>
                    </a:lnTo>
                    <a:lnTo>
                      <a:pt x="746" y="45"/>
                    </a:lnTo>
                    <a:lnTo>
                      <a:pt x="763" y="36"/>
                    </a:lnTo>
                    <a:lnTo>
                      <a:pt x="779" y="42"/>
                    </a:lnTo>
                    <a:lnTo>
                      <a:pt x="796" y="53"/>
                    </a:lnTo>
                    <a:lnTo>
                      <a:pt x="805" y="57"/>
                    </a:lnTo>
                    <a:lnTo>
                      <a:pt x="812" y="59"/>
                    </a:lnTo>
                    <a:lnTo>
                      <a:pt x="816" y="58"/>
                    </a:lnTo>
                    <a:lnTo>
                      <a:pt x="820" y="58"/>
                    </a:lnTo>
                    <a:lnTo>
                      <a:pt x="824" y="55"/>
                    </a:lnTo>
                    <a:lnTo>
                      <a:pt x="828" y="53"/>
                    </a:lnTo>
                    <a:lnTo>
                      <a:pt x="831" y="46"/>
                    </a:lnTo>
                    <a:lnTo>
                      <a:pt x="833" y="40"/>
                    </a:lnTo>
                    <a:lnTo>
                      <a:pt x="835" y="33"/>
                    </a:lnTo>
                    <a:lnTo>
                      <a:pt x="836" y="27"/>
                    </a:lnTo>
                    <a:lnTo>
                      <a:pt x="837" y="20"/>
                    </a:lnTo>
                    <a:lnTo>
                      <a:pt x="840" y="14"/>
                    </a:lnTo>
                    <a:lnTo>
                      <a:pt x="844" y="10"/>
                    </a:lnTo>
                    <a:lnTo>
                      <a:pt x="849" y="7"/>
                    </a:lnTo>
                    <a:lnTo>
                      <a:pt x="855" y="5"/>
                    </a:lnTo>
                    <a:lnTo>
                      <a:pt x="862" y="5"/>
                    </a:lnTo>
                    <a:lnTo>
                      <a:pt x="868" y="5"/>
                    </a:lnTo>
                    <a:lnTo>
                      <a:pt x="875" y="6"/>
                    </a:lnTo>
                    <a:lnTo>
                      <a:pt x="885" y="10"/>
                    </a:lnTo>
                    <a:lnTo>
                      <a:pt x="895" y="15"/>
                    </a:lnTo>
                    <a:lnTo>
                      <a:pt x="906" y="19"/>
                    </a:lnTo>
                    <a:lnTo>
                      <a:pt x="917" y="22"/>
                    </a:lnTo>
                    <a:lnTo>
                      <a:pt x="923" y="22"/>
                    </a:lnTo>
                    <a:lnTo>
                      <a:pt x="929" y="22"/>
                    </a:lnTo>
                    <a:lnTo>
                      <a:pt x="937" y="19"/>
                    </a:lnTo>
                    <a:lnTo>
                      <a:pt x="945" y="16"/>
                    </a:lnTo>
                    <a:lnTo>
                      <a:pt x="964" y="6"/>
                    </a:lnTo>
                    <a:lnTo>
                      <a:pt x="981" y="0"/>
                    </a:lnTo>
                    <a:lnTo>
                      <a:pt x="990" y="0"/>
                    </a:lnTo>
                    <a:lnTo>
                      <a:pt x="999" y="0"/>
                    </a:lnTo>
                    <a:lnTo>
                      <a:pt x="1008" y="4"/>
                    </a:lnTo>
                    <a:lnTo>
                      <a:pt x="1021" y="10"/>
                    </a:lnTo>
                    <a:lnTo>
                      <a:pt x="1028" y="13"/>
                    </a:lnTo>
                    <a:lnTo>
                      <a:pt x="1034" y="15"/>
                    </a:lnTo>
                    <a:lnTo>
                      <a:pt x="1042" y="16"/>
                    </a:lnTo>
                    <a:lnTo>
                      <a:pt x="1048" y="18"/>
                    </a:lnTo>
                    <a:lnTo>
                      <a:pt x="1063" y="18"/>
                    </a:lnTo>
                    <a:lnTo>
                      <a:pt x="1077" y="16"/>
                    </a:lnTo>
                    <a:lnTo>
                      <a:pt x="1092" y="14"/>
                    </a:lnTo>
                    <a:lnTo>
                      <a:pt x="1107" y="13"/>
                    </a:lnTo>
                    <a:lnTo>
                      <a:pt x="1114" y="14"/>
                    </a:lnTo>
                    <a:lnTo>
                      <a:pt x="1121" y="14"/>
                    </a:lnTo>
                    <a:lnTo>
                      <a:pt x="1129" y="16"/>
                    </a:lnTo>
                    <a:lnTo>
                      <a:pt x="1136" y="19"/>
                    </a:lnTo>
                    <a:lnTo>
                      <a:pt x="1148" y="23"/>
                    </a:lnTo>
                    <a:lnTo>
                      <a:pt x="1160" y="27"/>
                    </a:lnTo>
                    <a:lnTo>
                      <a:pt x="1171" y="29"/>
                    </a:lnTo>
                    <a:lnTo>
                      <a:pt x="1183" y="32"/>
                    </a:lnTo>
                    <a:lnTo>
                      <a:pt x="1205" y="35"/>
                    </a:lnTo>
                    <a:lnTo>
                      <a:pt x="1228" y="36"/>
                    </a:lnTo>
                    <a:lnTo>
                      <a:pt x="1252" y="33"/>
                    </a:lnTo>
                    <a:lnTo>
                      <a:pt x="1274" y="31"/>
                    </a:lnTo>
                    <a:lnTo>
                      <a:pt x="1297" y="27"/>
                    </a:lnTo>
                    <a:lnTo>
                      <a:pt x="1322" y="23"/>
                    </a:lnTo>
                    <a:lnTo>
                      <a:pt x="1333" y="22"/>
                    </a:lnTo>
                    <a:lnTo>
                      <a:pt x="1345" y="23"/>
                    </a:lnTo>
                    <a:lnTo>
                      <a:pt x="1355" y="26"/>
                    </a:lnTo>
                    <a:lnTo>
                      <a:pt x="1366" y="29"/>
                    </a:lnTo>
                    <a:lnTo>
                      <a:pt x="1375" y="32"/>
                    </a:lnTo>
                    <a:lnTo>
                      <a:pt x="1385" y="35"/>
                    </a:lnTo>
                    <a:lnTo>
                      <a:pt x="1392" y="33"/>
                    </a:lnTo>
                    <a:lnTo>
                      <a:pt x="1397" y="33"/>
                    </a:lnTo>
                    <a:lnTo>
                      <a:pt x="1403" y="31"/>
                    </a:lnTo>
                    <a:lnTo>
                      <a:pt x="1410" y="28"/>
                    </a:lnTo>
                    <a:lnTo>
                      <a:pt x="1416" y="26"/>
                    </a:lnTo>
                    <a:lnTo>
                      <a:pt x="1421" y="20"/>
                    </a:lnTo>
                    <a:lnTo>
                      <a:pt x="1425" y="16"/>
                    </a:lnTo>
                    <a:lnTo>
                      <a:pt x="1428" y="11"/>
                    </a:lnTo>
                    <a:lnTo>
                      <a:pt x="1459" y="44"/>
                    </a:lnTo>
                    <a:lnTo>
                      <a:pt x="1465" y="51"/>
                    </a:lnTo>
                    <a:lnTo>
                      <a:pt x="1469" y="58"/>
                    </a:lnTo>
                    <a:lnTo>
                      <a:pt x="1472" y="63"/>
                    </a:lnTo>
                    <a:lnTo>
                      <a:pt x="1473" y="68"/>
                    </a:lnTo>
                    <a:lnTo>
                      <a:pt x="1472" y="73"/>
                    </a:lnTo>
                    <a:lnTo>
                      <a:pt x="1469" y="77"/>
                    </a:lnTo>
                    <a:lnTo>
                      <a:pt x="1467" y="81"/>
                    </a:lnTo>
                    <a:lnTo>
                      <a:pt x="1462" y="84"/>
                    </a:lnTo>
                    <a:lnTo>
                      <a:pt x="1440" y="96"/>
                    </a:lnTo>
                    <a:lnTo>
                      <a:pt x="1417" y="110"/>
                    </a:lnTo>
                    <a:lnTo>
                      <a:pt x="1412" y="115"/>
                    </a:lnTo>
                    <a:lnTo>
                      <a:pt x="1408" y="119"/>
                    </a:lnTo>
                    <a:lnTo>
                      <a:pt x="1406" y="123"/>
                    </a:lnTo>
                    <a:lnTo>
                      <a:pt x="1403" y="127"/>
                    </a:lnTo>
                    <a:lnTo>
                      <a:pt x="1402" y="134"/>
                    </a:lnTo>
                    <a:lnTo>
                      <a:pt x="1402" y="142"/>
                    </a:lnTo>
                    <a:lnTo>
                      <a:pt x="1403" y="150"/>
                    </a:lnTo>
                    <a:lnTo>
                      <a:pt x="1403" y="158"/>
                    </a:lnTo>
                    <a:lnTo>
                      <a:pt x="1403" y="167"/>
                    </a:lnTo>
                    <a:lnTo>
                      <a:pt x="1401" y="176"/>
                    </a:lnTo>
                    <a:lnTo>
                      <a:pt x="1398" y="182"/>
                    </a:lnTo>
                    <a:lnTo>
                      <a:pt x="1393" y="190"/>
                    </a:lnTo>
                    <a:lnTo>
                      <a:pt x="1388" y="197"/>
                    </a:lnTo>
                    <a:lnTo>
                      <a:pt x="1383" y="203"/>
                    </a:lnTo>
                    <a:lnTo>
                      <a:pt x="1370" y="215"/>
                    </a:lnTo>
                    <a:lnTo>
                      <a:pt x="1358" y="226"/>
                    </a:lnTo>
                    <a:lnTo>
                      <a:pt x="1348" y="239"/>
                    </a:lnTo>
                    <a:lnTo>
                      <a:pt x="1338" y="252"/>
                    </a:lnTo>
                    <a:lnTo>
                      <a:pt x="1333" y="265"/>
                    </a:lnTo>
                    <a:lnTo>
                      <a:pt x="1329" y="278"/>
                    </a:lnTo>
                    <a:lnTo>
                      <a:pt x="1328" y="291"/>
                    </a:lnTo>
                    <a:lnTo>
                      <a:pt x="1328" y="304"/>
                    </a:lnTo>
                    <a:lnTo>
                      <a:pt x="1331" y="317"/>
                    </a:lnTo>
                    <a:lnTo>
                      <a:pt x="1333" y="330"/>
                    </a:lnTo>
                    <a:lnTo>
                      <a:pt x="1341" y="356"/>
                    </a:lnTo>
                    <a:lnTo>
                      <a:pt x="1351" y="382"/>
                    </a:lnTo>
                    <a:lnTo>
                      <a:pt x="1357" y="395"/>
                    </a:lnTo>
                    <a:lnTo>
                      <a:pt x="1362" y="408"/>
                    </a:lnTo>
                    <a:lnTo>
                      <a:pt x="1366" y="421"/>
                    </a:lnTo>
                    <a:lnTo>
                      <a:pt x="1368" y="435"/>
                    </a:lnTo>
                    <a:lnTo>
                      <a:pt x="1370" y="443"/>
                    </a:lnTo>
                    <a:lnTo>
                      <a:pt x="1368" y="452"/>
                    </a:lnTo>
                    <a:lnTo>
                      <a:pt x="1367" y="460"/>
                    </a:lnTo>
                    <a:lnTo>
                      <a:pt x="1364" y="467"/>
                    </a:lnTo>
                    <a:lnTo>
                      <a:pt x="1360" y="484"/>
                    </a:lnTo>
                    <a:lnTo>
                      <a:pt x="1358" y="502"/>
                    </a:lnTo>
                    <a:lnTo>
                      <a:pt x="1359" y="532"/>
                    </a:lnTo>
                    <a:lnTo>
                      <a:pt x="1363" y="558"/>
                    </a:lnTo>
                    <a:lnTo>
                      <a:pt x="1368" y="583"/>
                    </a:lnTo>
                    <a:lnTo>
                      <a:pt x="1375" y="610"/>
                    </a:lnTo>
                    <a:lnTo>
                      <a:pt x="1377" y="619"/>
                    </a:lnTo>
                    <a:lnTo>
                      <a:pt x="1381" y="627"/>
                    </a:lnTo>
                    <a:lnTo>
                      <a:pt x="1386" y="634"/>
                    </a:lnTo>
                    <a:lnTo>
                      <a:pt x="1392" y="641"/>
                    </a:lnTo>
                    <a:lnTo>
                      <a:pt x="1403" y="655"/>
                    </a:lnTo>
                    <a:lnTo>
                      <a:pt x="1414" y="671"/>
                    </a:lnTo>
                    <a:lnTo>
                      <a:pt x="1416" y="675"/>
                    </a:lnTo>
                    <a:lnTo>
                      <a:pt x="1417" y="680"/>
                    </a:lnTo>
                    <a:lnTo>
                      <a:pt x="1419" y="686"/>
                    </a:lnTo>
                    <a:lnTo>
                      <a:pt x="1419" y="693"/>
                    </a:lnTo>
                    <a:lnTo>
                      <a:pt x="1419" y="706"/>
                    </a:lnTo>
                    <a:lnTo>
                      <a:pt x="1416" y="721"/>
                    </a:lnTo>
                    <a:lnTo>
                      <a:pt x="1412" y="735"/>
                    </a:lnTo>
                    <a:lnTo>
                      <a:pt x="1407" y="748"/>
                    </a:lnTo>
                    <a:lnTo>
                      <a:pt x="1402" y="760"/>
                    </a:lnTo>
                    <a:lnTo>
                      <a:pt x="1394" y="769"/>
                    </a:lnTo>
                    <a:lnTo>
                      <a:pt x="1372" y="790"/>
                    </a:lnTo>
                    <a:lnTo>
                      <a:pt x="1350" y="809"/>
                    </a:lnTo>
                    <a:lnTo>
                      <a:pt x="1340" y="820"/>
                    </a:lnTo>
                    <a:lnTo>
                      <a:pt x="1331" y="831"/>
                    </a:lnTo>
                    <a:lnTo>
                      <a:pt x="1323" y="844"/>
                    </a:lnTo>
                    <a:lnTo>
                      <a:pt x="1316" y="859"/>
                    </a:lnTo>
                    <a:lnTo>
                      <a:pt x="1313" y="893"/>
                    </a:lnTo>
                    <a:lnTo>
                      <a:pt x="1292" y="895"/>
                    </a:lnTo>
                    <a:lnTo>
                      <a:pt x="1271" y="899"/>
                    </a:lnTo>
                    <a:lnTo>
                      <a:pt x="1252" y="904"/>
                    </a:lnTo>
                    <a:lnTo>
                      <a:pt x="1232" y="910"/>
                    </a:lnTo>
                    <a:lnTo>
                      <a:pt x="1213" y="917"/>
                    </a:lnTo>
                    <a:lnTo>
                      <a:pt x="1193" y="923"/>
                    </a:lnTo>
                    <a:lnTo>
                      <a:pt x="1174" y="928"/>
                    </a:lnTo>
                    <a:lnTo>
                      <a:pt x="1153" y="932"/>
                    </a:lnTo>
                    <a:lnTo>
                      <a:pt x="1143" y="932"/>
                    </a:lnTo>
                    <a:lnTo>
                      <a:pt x="1132" y="932"/>
                    </a:lnTo>
                    <a:lnTo>
                      <a:pt x="1123" y="930"/>
                    </a:lnTo>
                    <a:lnTo>
                      <a:pt x="1116" y="927"/>
                    </a:lnTo>
                    <a:lnTo>
                      <a:pt x="1108" y="923"/>
                    </a:lnTo>
                    <a:lnTo>
                      <a:pt x="1100" y="919"/>
                    </a:lnTo>
                    <a:lnTo>
                      <a:pt x="1092" y="914"/>
                    </a:lnTo>
                    <a:lnTo>
                      <a:pt x="1085" y="909"/>
                    </a:lnTo>
                    <a:lnTo>
                      <a:pt x="1072" y="896"/>
                    </a:lnTo>
                    <a:lnTo>
                      <a:pt x="1057" y="884"/>
                    </a:lnTo>
                    <a:lnTo>
                      <a:pt x="1042" y="873"/>
                    </a:lnTo>
                    <a:lnTo>
                      <a:pt x="1025" y="864"/>
                    </a:lnTo>
                    <a:lnTo>
                      <a:pt x="1013" y="856"/>
                    </a:lnTo>
                    <a:lnTo>
                      <a:pt x="1004" y="849"/>
                    </a:lnTo>
                    <a:lnTo>
                      <a:pt x="996" y="842"/>
                    </a:lnTo>
                    <a:lnTo>
                      <a:pt x="991" y="834"/>
                    </a:lnTo>
                    <a:lnTo>
                      <a:pt x="981" y="817"/>
                    </a:lnTo>
                    <a:lnTo>
                      <a:pt x="967" y="796"/>
                    </a:lnTo>
                    <a:lnTo>
                      <a:pt x="947" y="776"/>
                    </a:lnTo>
                    <a:lnTo>
                      <a:pt x="921" y="751"/>
                    </a:lnTo>
                    <a:lnTo>
                      <a:pt x="908" y="741"/>
                    </a:lnTo>
                    <a:lnTo>
                      <a:pt x="894" y="732"/>
                    </a:lnTo>
                    <a:lnTo>
                      <a:pt x="888" y="728"/>
                    </a:lnTo>
                    <a:lnTo>
                      <a:pt x="881" y="725"/>
                    </a:lnTo>
                    <a:lnTo>
                      <a:pt x="875" y="722"/>
                    </a:lnTo>
                    <a:lnTo>
                      <a:pt x="869" y="721"/>
                    </a:lnTo>
                    <a:lnTo>
                      <a:pt x="858" y="721"/>
                    </a:lnTo>
                    <a:lnTo>
                      <a:pt x="847" y="721"/>
                    </a:lnTo>
                    <a:lnTo>
                      <a:pt x="836" y="722"/>
                    </a:lnTo>
                    <a:lnTo>
                      <a:pt x="825" y="725"/>
                    </a:lnTo>
                    <a:lnTo>
                      <a:pt x="803" y="733"/>
                    </a:lnTo>
                    <a:lnTo>
                      <a:pt x="780" y="742"/>
                    </a:lnTo>
                    <a:lnTo>
                      <a:pt x="758" y="751"/>
                    </a:lnTo>
                    <a:lnTo>
                      <a:pt x="735" y="761"/>
                    </a:lnTo>
                    <a:lnTo>
                      <a:pt x="713" y="770"/>
                    </a:lnTo>
                    <a:lnTo>
                      <a:pt x="691" y="776"/>
                    </a:lnTo>
                    <a:lnTo>
                      <a:pt x="613" y="789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8" name="Freeform 59">
                <a:extLst>
                  <a:ext uri="{FF2B5EF4-FFF2-40B4-BE49-F238E27FC236}">
                    <a16:creationId xmlns:a16="http://schemas.microsoft.com/office/drawing/2014/main" id="{6D139BD2-2DC7-CE49-9663-BF1A79016A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61666" y="2165890"/>
                <a:ext cx="83798" cy="61414"/>
              </a:xfrm>
              <a:custGeom>
                <a:avLst/>
                <a:gdLst/>
                <a:ahLst/>
                <a:cxnLst>
                  <a:cxn ang="0">
                    <a:pos x="76" y="111"/>
                  </a:cxn>
                  <a:cxn ang="0">
                    <a:pos x="70" y="103"/>
                  </a:cxn>
                  <a:cxn ang="0">
                    <a:pos x="66" y="95"/>
                  </a:cxn>
                  <a:cxn ang="0">
                    <a:pos x="56" y="90"/>
                  </a:cxn>
                  <a:cxn ang="0">
                    <a:pos x="35" y="90"/>
                  </a:cxn>
                  <a:cxn ang="0">
                    <a:pos x="16" y="85"/>
                  </a:cxn>
                  <a:cxn ang="0">
                    <a:pos x="4" y="79"/>
                  </a:cxn>
                  <a:cxn ang="0">
                    <a:pos x="0" y="71"/>
                  </a:cxn>
                  <a:cxn ang="0">
                    <a:pos x="2" y="67"/>
                  </a:cxn>
                  <a:cxn ang="0">
                    <a:pos x="8" y="63"/>
                  </a:cxn>
                  <a:cxn ang="0">
                    <a:pos x="29" y="57"/>
                  </a:cxn>
                  <a:cxn ang="0">
                    <a:pos x="44" y="48"/>
                  </a:cxn>
                  <a:cxn ang="0">
                    <a:pos x="57" y="27"/>
                  </a:cxn>
                  <a:cxn ang="0">
                    <a:pos x="68" y="11"/>
                  </a:cxn>
                  <a:cxn ang="0">
                    <a:pos x="74" y="3"/>
                  </a:cxn>
                  <a:cxn ang="0">
                    <a:pos x="83" y="0"/>
                  </a:cxn>
                  <a:cxn ang="0">
                    <a:pos x="92" y="2"/>
                  </a:cxn>
                  <a:cxn ang="0">
                    <a:pos x="105" y="11"/>
                  </a:cxn>
                  <a:cxn ang="0">
                    <a:pos x="120" y="19"/>
                  </a:cxn>
                  <a:cxn ang="0">
                    <a:pos x="143" y="28"/>
                  </a:cxn>
                  <a:cxn ang="0">
                    <a:pos x="168" y="41"/>
                  </a:cxn>
                  <a:cxn ang="0">
                    <a:pos x="178" y="51"/>
                  </a:cxn>
                  <a:cxn ang="0">
                    <a:pos x="182" y="62"/>
                  </a:cxn>
                  <a:cxn ang="0">
                    <a:pos x="183" y="71"/>
                  </a:cxn>
                  <a:cxn ang="0">
                    <a:pos x="179" y="77"/>
                  </a:cxn>
                  <a:cxn ang="0">
                    <a:pos x="170" y="84"/>
                  </a:cxn>
                  <a:cxn ang="0">
                    <a:pos x="152" y="90"/>
                  </a:cxn>
                  <a:cxn ang="0">
                    <a:pos x="135" y="97"/>
                  </a:cxn>
                  <a:cxn ang="0">
                    <a:pos x="122" y="112"/>
                  </a:cxn>
                  <a:cxn ang="0">
                    <a:pos x="108" y="129"/>
                  </a:cxn>
                  <a:cxn ang="0">
                    <a:pos x="100" y="133"/>
                  </a:cxn>
                  <a:cxn ang="0">
                    <a:pos x="92" y="132"/>
                  </a:cxn>
                  <a:cxn ang="0">
                    <a:pos x="81" y="115"/>
                  </a:cxn>
                </a:cxnLst>
                <a:rect l="0" t="0" r="r" b="b"/>
                <a:pathLst>
                  <a:path w="183" h="133">
                    <a:moveTo>
                      <a:pt x="81" y="115"/>
                    </a:moveTo>
                    <a:lnTo>
                      <a:pt x="76" y="111"/>
                    </a:lnTo>
                    <a:lnTo>
                      <a:pt x="73" y="107"/>
                    </a:lnTo>
                    <a:lnTo>
                      <a:pt x="70" y="103"/>
                    </a:lnTo>
                    <a:lnTo>
                      <a:pt x="68" y="99"/>
                    </a:lnTo>
                    <a:lnTo>
                      <a:pt x="66" y="95"/>
                    </a:lnTo>
                    <a:lnTo>
                      <a:pt x="63" y="93"/>
                    </a:lnTo>
                    <a:lnTo>
                      <a:pt x="56" y="90"/>
                    </a:lnTo>
                    <a:lnTo>
                      <a:pt x="48" y="90"/>
                    </a:lnTo>
                    <a:lnTo>
                      <a:pt x="35" y="90"/>
                    </a:lnTo>
                    <a:lnTo>
                      <a:pt x="22" y="88"/>
                    </a:lnTo>
                    <a:lnTo>
                      <a:pt x="16" y="85"/>
                    </a:lnTo>
                    <a:lnTo>
                      <a:pt x="9" y="82"/>
                    </a:lnTo>
                    <a:lnTo>
                      <a:pt x="4" y="79"/>
                    </a:lnTo>
                    <a:lnTo>
                      <a:pt x="0" y="72"/>
                    </a:lnTo>
                    <a:lnTo>
                      <a:pt x="0" y="71"/>
                    </a:lnTo>
                    <a:lnTo>
                      <a:pt x="0" y="70"/>
                    </a:lnTo>
                    <a:lnTo>
                      <a:pt x="2" y="67"/>
                    </a:lnTo>
                    <a:lnTo>
                      <a:pt x="3" y="66"/>
                    </a:lnTo>
                    <a:lnTo>
                      <a:pt x="8" y="63"/>
                    </a:lnTo>
                    <a:lnTo>
                      <a:pt x="15" y="60"/>
                    </a:lnTo>
                    <a:lnTo>
                      <a:pt x="29" y="57"/>
                    </a:lnTo>
                    <a:lnTo>
                      <a:pt x="38" y="53"/>
                    </a:lnTo>
                    <a:lnTo>
                      <a:pt x="44" y="48"/>
                    </a:lnTo>
                    <a:lnTo>
                      <a:pt x="51" y="38"/>
                    </a:lnTo>
                    <a:lnTo>
                      <a:pt x="57" y="27"/>
                    </a:lnTo>
                    <a:lnTo>
                      <a:pt x="64" y="16"/>
                    </a:lnTo>
                    <a:lnTo>
                      <a:pt x="68" y="11"/>
                    </a:lnTo>
                    <a:lnTo>
                      <a:pt x="70" y="7"/>
                    </a:lnTo>
                    <a:lnTo>
                      <a:pt x="74" y="3"/>
                    </a:lnTo>
                    <a:lnTo>
                      <a:pt x="79" y="1"/>
                    </a:lnTo>
                    <a:lnTo>
                      <a:pt x="83" y="0"/>
                    </a:lnTo>
                    <a:lnTo>
                      <a:pt x="87" y="0"/>
                    </a:lnTo>
                    <a:lnTo>
                      <a:pt x="92" y="2"/>
                    </a:lnTo>
                    <a:lnTo>
                      <a:pt x="98" y="6"/>
                    </a:lnTo>
                    <a:lnTo>
                      <a:pt x="105" y="11"/>
                    </a:lnTo>
                    <a:lnTo>
                      <a:pt x="112" y="15"/>
                    </a:lnTo>
                    <a:lnTo>
                      <a:pt x="120" y="19"/>
                    </a:lnTo>
                    <a:lnTo>
                      <a:pt x="127" y="23"/>
                    </a:lnTo>
                    <a:lnTo>
                      <a:pt x="143" y="28"/>
                    </a:lnTo>
                    <a:lnTo>
                      <a:pt x="158" y="36"/>
                    </a:lnTo>
                    <a:lnTo>
                      <a:pt x="168" y="41"/>
                    </a:lnTo>
                    <a:lnTo>
                      <a:pt x="175" y="48"/>
                    </a:lnTo>
                    <a:lnTo>
                      <a:pt x="178" y="51"/>
                    </a:lnTo>
                    <a:lnTo>
                      <a:pt x="180" y="57"/>
                    </a:lnTo>
                    <a:lnTo>
                      <a:pt x="182" y="62"/>
                    </a:lnTo>
                    <a:lnTo>
                      <a:pt x="183" y="67"/>
                    </a:lnTo>
                    <a:lnTo>
                      <a:pt x="183" y="71"/>
                    </a:lnTo>
                    <a:lnTo>
                      <a:pt x="182" y="75"/>
                    </a:lnTo>
                    <a:lnTo>
                      <a:pt x="179" y="77"/>
                    </a:lnTo>
                    <a:lnTo>
                      <a:pt x="177" y="80"/>
                    </a:lnTo>
                    <a:lnTo>
                      <a:pt x="170" y="84"/>
                    </a:lnTo>
                    <a:lnTo>
                      <a:pt x="161" y="88"/>
                    </a:lnTo>
                    <a:lnTo>
                      <a:pt x="152" y="90"/>
                    </a:lnTo>
                    <a:lnTo>
                      <a:pt x="144" y="93"/>
                    </a:lnTo>
                    <a:lnTo>
                      <a:pt x="135" y="97"/>
                    </a:lnTo>
                    <a:lnTo>
                      <a:pt x="130" y="102"/>
                    </a:lnTo>
                    <a:lnTo>
                      <a:pt x="122" y="112"/>
                    </a:lnTo>
                    <a:lnTo>
                      <a:pt x="113" y="125"/>
                    </a:lnTo>
                    <a:lnTo>
                      <a:pt x="108" y="129"/>
                    </a:lnTo>
                    <a:lnTo>
                      <a:pt x="103" y="133"/>
                    </a:lnTo>
                    <a:lnTo>
                      <a:pt x="100" y="133"/>
                    </a:lnTo>
                    <a:lnTo>
                      <a:pt x="96" y="133"/>
                    </a:lnTo>
                    <a:lnTo>
                      <a:pt x="92" y="132"/>
                    </a:lnTo>
                    <a:lnTo>
                      <a:pt x="88" y="130"/>
                    </a:lnTo>
                    <a:lnTo>
                      <a:pt x="81" y="11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69" name="Freeform 60">
                <a:extLst>
                  <a:ext uri="{FF2B5EF4-FFF2-40B4-BE49-F238E27FC236}">
                    <a16:creationId xmlns:a16="http://schemas.microsoft.com/office/drawing/2014/main" id="{ED95F975-34BD-544F-95E5-404D8DA0CF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34341" y="2256205"/>
                <a:ext cx="147558" cy="146311"/>
              </a:xfrm>
              <a:custGeom>
                <a:avLst/>
                <a:gdLst/>
                <a:ahLst/>
                <a:cxnLst>
                  <a:cxn ang="0">
                    <a:pos x="127" y="207"/>
                  </a:cxn>
                  <a:cxn ang="0">
                    <a:pos x="157" y="194"/>
                  </a:cxn>
                  <a:cxn ang="0">
                    <a:pos x="202" y="178"/>
                  </a:cxn>
                  <a:cxn ang="0">
                    <a:pos x="220" y="163"/>
                  </a:cxn>
                  <a:cxn ang="0">
                    <a:pos x="252" y="118"/>
                  </a:cxn>
                  <a:cxn ang="0">
                    <a:pos x="270" y="89"/>
                  </a:cxn>
                  <a:cxn ang="0">
                    <a:pos x="279" y="71"/>
                  </a:cxn>
                  <a:cxn ang="0">
                    <a:pos x="292" y="65"/>
                  </a:cxn>
                  <a:cxn ang="0">
                    <a:pos x="315" y="61"/>
                  </a:cxn>
                  <a:cxn ang="0">
                    <a:pos x="328" y="52"/>
                  </a:cxn>
                  <a:cxn ang="0">
                    <a:pos x="290" y="30"/>
                  </a:cxn>
                  <a:cxn ang="0">
                    <a:pos x="246" y="5"/>
                  </a:cxn>
                  <a:cxn ang="0">
                    <a:pos x="231" y="0"/>
                  </a:cxn>
                  <a:cxn ang="0">
                    <a:pos x="204" y="5"/>
                  </a:cxn>
                  <a:cxn ang="0">
                    <a:pos x="173" y="9"/>
                  </a:cxn>
                  <a:cxn ang="0">
                    <a:pos x="148" y="1"/>
                  </a:cxn>
                  <a:cxn ang="0">
                    <a:pos x="125" y="4"/>
                  </a:cxn>
                  <a:cxn ang="0">
                    <a:pos x="108" y="25"/>
                  </a:cxn>
                  <a:cxn ang="0">
                    <a:pos x="88" y="51"/>
                  </a:cxn>
                  <a:cxn ang="0">
                    <a:pos x="70" y="71"/>
                  </a:cxn>
                  <a:cxn ang="0">
                    <a:pos x="59" y="99"/>
                  </a:cxn>
                  <a:cxn ang="0">
                    <a:pos x="52" y="99"/>
                  </a:cxn>
                  <a:cxn ang="0">
                    <a:pos x="39" y="88"/>
                  </a:cxn>
                  <a:cxn ang="0">
                    <a:pos x="20" y="79"/>
                  </a:cxn>
                  <a:cxn ang="0">
                    <a:pos x="5" y="88"/>
                  </a:cxn>
                  <a:cxn ang="0">
                    <a:pos x="5" y="105"/>
                  </a:cxn>
                  <a:cxn ang="0">
                    <a:pos x="24" y="123"/>
                  </a:cxn>
                  <a:cxn ang="0">
                    <a:pos x="27" y="134"/>
                  </a:cxn>
                  <a:cxn ang="0">
                    <a:pos x="14" y="149"/>
                  </a:cxn>
                  <a:cxn ang="0">
                    <a:pos x="2" y="172"/>
                  </a:cxn>
                  <a:cxn ang="0">
                    <a:pos x="3" y="187"/>
                  </a:cxn>
                  <a:cxn ang="0">
                    <a:pos x="17" y="196"/>
                  </a:cxn>
                  <a:cxn ang="0">
                    <a:pos x="36" y="198"/>
                  </a:cxn>
                  <a:cxn ang="0">
                    <a:pos x="57" y="203"/>
                  </a:cxn>
                  <a:cxn ang="0">
                    <a:pos x="66" y="224"/>
                  </a:cxn>
                  <a:cxn ang="0">
                    <a:pos x="56" y="245"/>
                  </a:cxn>
                  <a:cxn ang="0">
                    <a:pos x="46" y="263"/>
                  </a:cxn>
                  <a:cxn ang="0">
                    <a:pos x="48" y="280"/>
                  </a:cxn>
                  <a:cxn ang="0">
                    <a:pos x="48" y="303"/>
                  </a:cxn>
                  <a:cxn ang="0">
                    <a:pos x="48" y="316"/>
                  </a:cxn>
                  <a:cxn ang="0">
                    <a:pos x="51" y="323"/>
                  </a:cxn>
                  <a:cxn ang="0">
                    <a:pos x="65" y="317"/>
                  </a:cxn>
                  <a:cxn ang="0">
                    <a:pos x="81" y="295"/>
                  </a:cxn>
                  <a:cxn ang="0">
                    <a:pos x="93" y="255"/>
                  </a:cxn>
                </a:cxnLst>
                <a:rect l="0" t="0" r="r" b="b"/>
                <a:pathLst>
                  <a:path w="328" h="323">
                    <a:moveTo>
                      <a:pt x="114" y="218"/>
                    </a:moveTo>
                    <a:lnTo>
                      <a:pt x="119" y="213"/>
                    </a:lnTo>
                    <a:lnTo>
                      <a:pt x="127" y="207"/>
                    </a:lnTo>
                    <a:lnTo>
                      <a:pt x="134" y="203"/>
                    </a:lnTo>
                    <a:lnTo>
                      <a:pt x="141" y="200"/>
                    </a:lnTo>
                    <a:lnTo>
                      <a:pt x="157" y="194"/>
                    </a:lnTo>
                    <a:lnTo>
                      <a:pt x="173" y="189"/>
                    </a:lnTo>
                    <a:lnTo>
                      <a:pt x="188" y="184"/>
                    </a:lnTo>
                    <a:lnTo>
                      <a:pt x="202" y="178"/>
                    </a:lnTo>
                    <a:lnTo>
                      <a:pt x="209" y="174"/>
                    </a:lnTo>
                    <a:lnTo>
                      <a:pt x="215" y="168"/>
                    </a:lnTo>
                    <a:lnTo>
                      <a:pt x="220" y="163"/>
                    </a:lnTo>
                    <a:lnTo>
                      <a:pt x="224" y="157"/>
                    </a:lnTo>
                    <a:lnTo>
                      <a:pt x="237" y="136"/>
                    </a:lnTo>
                    <a:lnTo>
                      <a:pt x="252" y="118"/>
                    </a:lnTo>
                    <a:lnTo>
                      <a:pt x="258" y="109"/>
                    </a:lnTo>
                    <a:lnTo>
                      <a:pt x="264" y="100"/>
                    </a:lnTo>
                    <a:lnTo>
                      <a:pt x="270" y="89"/>
                    </a:lnTo>
                    <a:lnTo>
                      <a:pt x="275" y="78"/>
                    </a:lnTo>
                    <a:lnTo>
                      <a:pt x="277" y="75"/>
                    </a:lnTo>
                    <a:lnTo>
                      <a:pt x="279" y="71"/>
                    </a:lnTo>
                    <a:lnTo>
                      <a:pt x="281" y="69"/>
                    </a:lnTo>
                    <a:lnTo>
                      <a:pt x="285" y="67"/>
                    </a:lnTo>
                    <a:lnTo>
                      <a:pt x="292" y="65"/>
                    </a:lnTo>
                    <a:lnTo>
                      <a:pt x="299" y="62"/>
                    </a:lnTo>
                    <a:lnTo>
                      <a:pt x="307" y="62"/>
                    </a:lnTo>
                    <a:lnTo>
                      <a:pt x="315" y="61"/>
                    </a:lnTo>
                    <a:lnTo>
                      <a:pt x="322" y="58"/>
                    </a:lnTo>
                    <a:lnTo>
                      <a:pt x="328" y="54"/>
                    </a:lnTo>
                    <a:lnTo>
                      <a:pt x="328" y="52"/>
                    </a:lnTo>
                    <a:lnTo>
                      <a:pt x="328" y="51"/>
                    </a:lnTo>
                    <a:lnTo>
                      <a:pt x="310" y="39"/>
                    </a:lnTo>
                    <a:lnTo>
                      <a:pt x="290" y="30"/>
                    </a:lnTo>
                    <a:lnTo>
                      <a:pt x="271" y="21"/>
                    </a:lnTo>
                    <a:lnTo>
                      <a:pt x="253" y="9"/>
                    </a:lnTo>
                    <a:lnTo>
                      <a:pt x="246" y="5"/>
                    </a:lnTo>
                    <a:lnTo>
                      <a:pt x="241" y="3"/>
                    </a:lnTo>
                    <a:lnTo>
                      <a:pt x="236" y="1"/>
                    </a:lnTo>
                    <a:lnTo>
                      <a:pt x="231" y="0"/>
                    </a:lnTo>
                    <a:lnTo>
                      <a:pt x="222" y="0"/>
                    </a:lnTo>
                    <a:lnTo>
                      <a:pt x="213" y="3"/>
                    </a:lnTo>
                    <a:lnTo>
                      <a:pt x="204" y="5"/>
                    </a:lnTo>
                    <a:lnTo>
                      <a:pt x="193" y="8"/>
                    </a:lnTo>
                    <a:lnTo>
                      <a:pt x="183" y="9"/>
                    </a:lnTo>
                    <a:lnTo>
                      <a:pt x="173" y="9"/>
                    </a:lnTo>
                    <a:lnTo>
                      <a:pt x="165" y="7"/>
                    </a:lnTo>
                    <a:lnTo>
                      <a:pt x="157" y="4"/>
                    </a:lnTo>
                    <a:lnTo>
                      <a:pt x="148" y="1"/>
                    </a:lnTo>
                    <a:lnTo>
                      <a:pt x="140" y="1"/>
                    </a:lnTo>
                    <a:lnTo>
                      <a:pt x="131" y="3"/>
                    </a:lnTo>
                    <a:lnTo>
                      <a:pt x="125" y="4"/>
                    </a:lnTo>
                    <a:lnTo>
                      <a:pt x="117" y="9"/>
                    </a:lnTo>
                    <a:lnTo>
                      <a:pt x="112" y="16"/>
                    </a:lnTo>
                    <a:lnTo>
                      <a:pt x="108" y="25"/>
                    </a:lnTo>
                    <a:lnTo>
                      <a:pt x="103" y="34"/>
                    </a:lnTo>
                    <a:lnTo>
                      <a:pt x="96" y="43"/>
                    </a:lnTo>
                    <a:lnTo>
                      <a:pt x="88" y="51"/>
                    </a:lnTo>
                    <a:lnTo>
                      <a:pt x="82" y="56"/>
                    </a:lnTo>
                    <a:lnTo>
                      <a:pt x="75" y="64"/>
                    </a:lnTo>
                    <a:lnTo>
                      <a:pt x="70" y="71"/>
                    </a:lnTo>
                    <a:lnTo>
                      <a:pt x="66" y="79"/>
                    </a:lnTo>
                    <a:lnTo>
                      <a:pt x="62" y="92"/>
                    </a:lnTo>
                    <a:lnTo>
                      <a:pt x="59" y="99"/>
                    </a:lnTo>
                    <a:lnTo>
                      <a:pt x="56" y="100"/>
                    </a:lnTo>
                    <a:lnTo>
                      <a:pt x="55" y="100"/>
                    </a:lnTo>
                    <a:lnTo>
                      <a:pt x="52" y="99"/>
                    </a:lnTo>
                    <a:lnTo>
                      <a:pt x="49" y="97"/>
                    </a:lnTo>
                    <a:lnTo>
                      <a:pt x="46" y="93"/>
                    </a:lnTo>
                    <a:lnTo>
                      <a:pt x="39" y="88"/>
                    </a:lnTo>
                    <a:lnTo>
                      <a:pt x="33" y="83"/>
                    </a:lnTo>
                    <a:lnTo>
                      <a:pt x="26" y="79"/>
                    </a:lnTo>
                    <a:lnTo>
                      <a:pt x="20" y="79"/>
                    </a:lnTo>
                    <a:lnTo>
                      <a:pt x="13" y="80"/>
                    </a:lnTo>
                    <a:lnTo>
                      <a:pt x="9" y="84"/>
                    </a:lnTo>
                    <a:lnTo>
                      <a:pt x="5" y="88"/>
                    </a:lnTo>
                    <a:lnTo>
                      <a:pt x="4" y="93"/>
                    </a:lnTo>
                    <a:lnTo>
                      <a:pt x="4" y="99"/>
                    </a:lnTo>
                    <a:lnTo>
                      <a:pt x="5" y="105"/>
                    </a:lnTo>
                    <a:lnTo>
                      <a:pt x="9" y="109"/>
                    </a:lnTo>
                    <a:lnTo>
                      <a:pt x="16" y="115"/>
                    </a:lnTo>
                    <a:lnTo>
                      <a:pt x="24" y="123"/>
                    </a:lnTo>
                    <a:lnTo>
                      <a:pt x="26" y="127"/>
                    </a:lnTo>
                    <a:lnTo>
                      <a:pt x="27" y="131"/>
                    </a:lnTo>
                    <a:lnTo>
                      <a:pt x="27" y="134"/>
                    </a:lnTo>
                    <a:lnTo>
                      <a:pt x="25" y="137"/>
                    </a:lnTo>
                    <a:lnTo>
                      <a:pt x="20" y="143"/>
                    </a:lnTo>
                    <a:lnTo>
                      <a:pt x="14" y="149"/>
                    </a:lnTo>
                    <a:lnTo>
                      <a:pt x="9" y="156"/>
                    </a:lnTo>
                    <a:lnTo>
                      <a:pt x="4" y="163"/>
                    </a:lnTo>
                    <a:lnTo>
                      <a:pt x="2" y="172"/>
                    </a:lnTo>
                    <a:lnTo>
                      <a:pt x="0" y="180"/>
                    </a:lnTo>
                    <a:lnTo>
                      <a:pt x="2" y="183"/>
                    </a:lnTo>
                    <a:lnTo>
                      <a:pt x="3" y="187"/>
                    </a:lnTo>
                    <a:lnTo>
                      <a:pt x="5" y="191"/>
                    </a:lnTo>
                    <a:lnTo>
                      <a:pt x="9" y="193"/>
                    </a:lnTo>
                    <a:lnTo>
                      <a:pt x="17" y="196"/>
                    </a:lnTo>
                    <a:lnTo>
                      <a:pt x="24" y="198"/>
                    </a:lnTo>
                    <a:lnTo>
                      <a:pt x="30" y="198"/>
                    </a:lnTo>
                    <a:lnTo>
                      <a:pt x="36" y="198"/>
                    </a:lnTo>
                    <a:lnTo>
                      <a:pt x="44" y="198"/>
                    </a:lnTo>
                    <a:lnTo>
                      <a:pt x="51" y="200"/>
                    </a:lnTo>
                    <a:lnTo>
                      <a:pt x="57" y="203"/>
                    </a:lnTo>
                    <a:lnTo>
                      <a:pt x="65" y="211"/>
                    </a:lnTo>
                    <a:lnTo>
                      <a:pt x="66" y="218"/>
                    </a:lnTo>
                    <a:lnTo>
                      <a:pt x="66" y="224"/>
                    </a:lnTo>
                    <a:lnTo>
                      <a:pt x="65" y="231"/>
                    </a:lnTo>
                    <a:lnTo>
                      <a:pt x="61" y="237"/>
                    </a:lnTo>
                    <a:lnTo>
                      <a:pt x="56" y="245"/>
                    </a:lnTo>
                    <a:lnTo>
                      <a:pt x="49" y="253"/>
                    </a:lnTo>
                    <a:lnTo>
                      <a:pt x="47" y="258"/>
                    </a:lnTo>
                    <a:lnTo>
                      <a:pt x="46" y="263"/>
                    </a:lnTo>
                    <a:lnTo>
                      <a:pt x="46" y="267"/>
                    </a:lnTo>
                    <a:lnTo>
                      <a:pt x="47" y="273"/>
                    </a:lnTo>
                    <a:lnTo>
                      <a:pt x="48" y="280"/>
                    </a:lnTo>
                    <a:lnTo>
                      <a:pt x="49" y="288"/>
                    </a:lnTo>
                    <a:lnTo>
                      <a:pt x="49" y="295"/>
                    </a:lnTo>
                    <a:lnTo>
                      <a:pt x="48" y="303"/>
                    </a:lnTo>
                    <a:lnTo>
                      <a:pt x="48" y="307"/>
                    </a:lnTo>
                    <a:lnTo>
                      <a:pt x="48" y="314"/>
                    </a:lnTo>
                    <a:lnTo>
                      <a:pt x="48" y="316"/>
                    </a:lnTo>
                    <a:lnTo>
                      <a:pt x="48" y="320"/>
                    </a:lnTo>
                    <a:lnTo>
                      <a:pt x="49" y="321"/>
                    </a:lnTo>
                    <a:lnTo>
                      <a:pt x="51" y="323"/>
                    </a:lnTo>
                    <a:lnTo>
                      <a:pt x="56" y="323"/>
                    </a:lnTo>
                    <a:lnTo>
                      <a:pt x="61" y="321"/>
                    </a:lnTo>
                    <a:lnTo>
                      <a:pt x="65" y="317"/>
                    </a:lnTo>
                    <a:lnTo>
                      <a:pt x="69" y="314"/>
                    </a:lnTo>
                    <a:lnTo>
                      <a:pt x="77" y="303"/>
                    </a:lnTo>
                    <a:lnTo>
                      <a:pt x="81" y="295"/>
                    </a:lnTo>
                    <a:lnTo>
                      <a:pt x="86" y="282"/>
                    </a:lnTo>
                    <a:lnTo>
                      <a:pt x="90" y="270"/>
                    </a:lnTo>
                    <a:lnTo>
                      <a:pt x="93" y="255"/>
                    </a:lnTo>
                    <a:lnTo>
                      <a:pt x="97" y="242"/>
                    </a:lnTo>
                    <a:lnTo>
                      <a:pt x="114" y="21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0" name="Freeform 61">
                <a:extLst>
                  <a:ext uri="{FF2B5EF4-FFF2-40B4-BE49-F238E27FC236}">
                    <a16:creationId xmlns:a16="http://schemas.microsoft.com/office/drawing/2014/main" id="{8FC434E8-F56A-DE46-B334-3EAEE0D945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92828" y="2032223"/>
                <a:ext cx="511896" cy="420870"/>
              </a:xfrm>
              <a:custGeom>
                <a:avLst/>
                <a:gdLst/>
                <a:ahLst/>
                <a:cxnLst>
                  <a:cxn ang="0">
                    <a:pos x="288" y="641"/>
                  </a:cxn>
                  <a:cxn ang="0">
                    <a:pos x="308" y="590"/>
                  </a:cxn>
                  <a:cxn ang="0">
                    <a:pos x="240" y="580"/>
                  </a:cxn>
                  <a:cxn ang="0">
                    <a:pos x="232" y="624"/>
                  </a:cxn>
                  <a:cxn ang="0">
                    <a:pos x="203" y="660"/>
                  </a:cxn>
                  <a:cxn ang="0">
                    <a:pos x="168" y="624"/>
                  </a:cxn>
                  <a:cxn ang="0">
                    <a:pos x="100" y="607"/>
                  </a:cxn>
                  <a:cxn ang="0">
                    <a:pos x="65" y="577"/>
                  </a:cxn>
                  <a:cxn ang="0">
                    <a:pos x="53" y="527"/>
                  </a:cxn>
                  <a:cxn ang="0">
                    <a:pos x="36" y="497"/>
                  </a:cxn>
                  <a:cxn ang="0">
                    <a:pos x="18" y="443"/>
                  </a:cxn>
                  <a:cxn ang="0">
                    <a:pos x="66" y="423"/>
                  </a:cxn>
                  <a:cxn ang="0">
                    <a:pos x="86" y="405"/>
                  </a:cxn>
                  <a:cxn ang="0">
                    <a:pos x="40" y="403"/>
                  </a:cxn>
                  <a:cxn ang="0">
                    <a:pos x="4" y="386"/>
                  </a:cxn>
                  <a:cxn ang="0">
                    <a:pos x="22" y="307"/>
                  </a:cxn>
                  <a:cxn ang="0">
                    <a:pos x="0" y="277"/>
                  </a:cxn>
                  <a:cxn ang="0">
                    <a:pos x="17" y="230"/>
                  </a:cxn>
                  <a:cxn ang="0">
                    <a:pos x="19" y="195"/>
                  </a:cxn>
                  <a:cxn ang="0">
                    <a:pos x="96" y="198"/>
                  </a:cxn>
                  <a:cxn ang="0">
                    <a:pos x="141" y="158"/>
                  </a:cxn>
                  <a:cxn ang="0">
                    <a:pos x="168" y="121"/>
                  </a:cxn>
                  <a:cxn ang="0">
                    <a:pos x="233" y="89"/>
                  </a:cxn>
                  <a:cxn ang="0">
                    <a:pos x="264" y="57"/>
                  </a:cxn>
                  <a:cxn ang="0">
                    <a:pos x="312" y="79"/>
                  </a:cxn>
                  <a:cxn ang="0">
                    <a:pos x="328" y="35"/>
                  </a:cxn>
                  <a:cxn ang="0">
                    <a:pos x="351" y="37"/>
                  </a:cxn>
                  <a:cxn ang="0">
                    <a:pos x="396" y="45"/>
                  </a:cxn>
                  <a:cxn ang="0">
                    <a:pos x="470" y="58"/>
                  </a:cxn>
                  <a:cxn ang="0">
                    <a:pos x="487" y="20"/>
                  </a:cxn>
                  <a:cxn ang="0">
                    <a:pos x="525" y="6"/>
                  </a:cxn>
                  <a:cxn ang="0">
                    <a:pos x="587" y="19"/>
                  </a:cxn>
                  <a:cxn ang="0">
                    <a:pos x="671" y="10"/>
                  </a:cxn>
                  <a:cxn ang="0">
                    <a:pos x="742" y="14"/>
                  </a:cxn>
                  <a:cxn ang="0">
                    <a:pos x="810" y="27"/>
                  </a:cxn>
                  <a:cxn ang="0">
                    <a:pos x="947" y="27"/>
                  </a:cxn>
                  <a:cxn ang="0">
                    <a:pos x="1035" y="35"/>
                  </a:cxn>
                  <a:cxn ang="0">
                    <a:pos x="1075" y="16"/>
                  </a:cxn>
                  <a:cxn ang="0">
                    <a:pos x="1123" y="68"/>
                  </a:cxn>
                  <a:cxn ang="0">
                    <a:pos x="1062" y="115"/>
                  </a:cxn>
                  <a:cxn ang="0">
                    <a:pos x="1053" y="158"/>
                  </a:cxn>
                  <a:cxn ang="0">
                    <a:pos x="1020" y="215"/>
                  </a:cxn>
                  <a:cxn ang="0">
                    <a:pos x="978" y="304"/>
                  </a:cxn>
                  <a:cxn ang="0">
                    <a:pos x="1016" y="421"/>
                  </a:cxn>
                  <a:cxn ang="0">
                    <a:pos x="1008" y="502"/>
                  </a:cxn>
                  <a:cxn ang="0">
                    <a:pos x="1036" y="634"/>
                  </a:cxn>
                  <a:cxn ang="0">
                    <a:pos x="1069" y="693"/>
                  </a:cxn>
                  <a:cxn ang="0">
                    <a:pos x="1022" y="790"/>
                  </a:cxn>
                  <a:cxn ang="0">
                    <a:pos x="963" y="893"/>
                  </a:cxn>
                  <a:cxn ang="0">
                    <a:pos x="824" y="928"/>
                  </a:cxn>
                  <a:cxn ang="0">
                    <a:pos x="750" y="919"/>
                  </a:cxn>
                  <a:cxn ang="0">
                    <a:pos x="663" y="856"/>
                  </a:cxn>
                  <a:cxn ang="0">
                    <a:pos x="571" y="751"/>
                  </a:cxn>
                  <a:cxn ang="0">
                    <a:pos x="508" y="721"/>
                  </a:cxn>
                  <a:cxn ang="0">
                    <a:pos x="385" y="761"/>
                  </a:cxn>
                </a:cxnLst>
                <a:rect l="0" t="0" r="r" b="b"/>
                <a:pathLst>
                  <a:path w="1123" h="932">
                    <a:moveTo>
                      <a:pt x="263" y="789"/>
                    </a:moveTo>
                    <a:lnTo>
                      <a:pt x="264" y="779"/>
                    </a:lnTo>
                    <a:lnTo>
                      <a:pt x="264" y="769"/>
                    </a:lnTo>
                    <a:lnTo>
                      <a:pt x="269" y="725"/>
                    </a:lnTo>
                    <a:lnTo>
                      <a:pt x="276" y="682"/>
                    </a:lnTo>
                    <a:lnTo>
                      <a:pt x="281" y="662"/>
                    </a:lnTo>
                    <a:lnTo>
                      <a:pt x="288" y="641"/>
                    </a:lnTo>
                    <a:lnTo>
                      <a:pt x="291" y="631"/>
                    </a:lnTo>
                    <a:lnTo>
                      <a:pt x="295" y="620"/>
                    </a:lnTo>
                    <a:lnTo>
                      <a:pt x="301" y="611"/>
                    </a:lnTo>
                    <a:lnTo>
                      <a:pt x="307" y="602"/>
                    </a:lnTo>
                    <a:lnTo>
                      <a:pt x="310" y="598"/>
                    </a:lnTo>
                    <a:lnTo>
                      <a:pt x="310" y="594"/>
                    </a:lnTo>
                    <a:lnTo>
                      <a:pt x="308" y="590"/>
                    </a:lnTo>
                    <a:lnTo>
                      <a:pt x="306" y="588"/>
                    </a:lnTo>
                    <a:lnTo>
                      <a:pt x="297" y="583"/>
                    </a:lnTo>
                    <a:lnTo>
                      <a:pt x="284" y="580"/>
                    </a:lnTo>
                    <a:lnTo>
                      <a:pt x="271" y="579"/>
                    </a:lnTo>
                    <a:lnTo>
                      <a:pt x="257" y="579"/>
                    </a:lnTo>
                    <a:lnTo>
                      <a:pt x="246" y="579"/>
                    </a:lnTo>
                    <a:lnTo>
                      <a:pt x="240" y="580"/>
                    </a:lnTo>
                    <a:lnTo>
                      <a:pt x="236" y="583"/>
                    </a:lnTo>
                    <a:lnTo>
                      <a:pt x="233" y="586"/>
                    </a:lnTo>
                    <a:lnTo>
                      <a:pt x="232" y="589"/>
                    </a:lnTo>
                    <a:lnTo>
                      <a:pt x="232" y="594"/>
                    </a:lnTo>
                    <a:lnTo>
                      <a:pt x="232" y="603"/>
                    </a:lnTo>
                    <a:lnTo>
                      <a:pt x="233" y="612"/>
                    </a:lnTo>
                    <a:lnTo>
                      <a:pt x="232" y="624"/>
                    </a:lnTo>
                    <a:lnTo>
                      <a:pt x="231" y="634"/>
                    </a:lnTo>
                    <a:lnTo>
                      <a:pt x="228" y="642"/>
                    </a:lnTo>
                    <a:lnTo>
                      <a:pt x="224" y="650"/>
                    </a:lnTo>
                    <a:lnTo>
                      <a:pt x="220" y="655"/>
                    </a:lnTo>
                    <a:lnTo>
                      <a:pt x="215" y="658"/>
                    </a:lnTo>
                    <a:lnTo>
                      <a:pt x="210" y="660"/>
                    </a:lnTo>
                    <a:lnTo>
                      <a:pt x="203" y="660"/>
                    </a:lnTo>
                    <a:lnTo>
                      <a:pt x="198" y="659"/>
                    </a:lnTo>
                    <a:lnTo>
                      <a:pt x="192" y="656"/>
                    </a:lnTo>
                    <a:lnTo>
                      <a:pt x="187" y="653"/>
                    </a:lnTo>
                    <a:lnTo>
                      <a:pt x="181" y="647"/>
                    </a:lnTo>
                    <a:lnTo>
                      <a:pt x="176" y="641"/>
                    </a:lnTo>
                    <a:lnTo>
                      <a:pt x="171" y="633"/>
                    </a:lnTo>
                    <a:lnTo>
                      <a:pt x="168" y="624"/>
                    </a:lnTo>
                    <a:lnTo>
                      <a:pt x="165" y="615"/>
                    </a:lnTo>
                    <a:lnTo>
                      <a:pt x="158" y="611"/>
                    </a:lnTo>
                    <a:lnTo>
                      <a:pt x="152" y="610"/>
                    </a:lnTo>
                    <a:lnTo>
                      <a:pt x="144" y="608"/>
                    </a:lnTo>
                    <a:lnTo>
                      <a:pt x="135" y="607"/>
                    </a:lnTo>
                    <a:lnTo>
                      <a:pt x="117" y="607"/>
                    </a:lnTo>
                    <a:lnTo>
                      <a:pt x="100" y="607"/>
                    </a:lnTo>
                    <a:lnTo>
                      <a:pt x="92" y="606"/>
                    </a:lnTo>
                    <a:lnTo>
                      <a:pt x="84" y="605"/>
                    </a:lnTo>
                    <a:lnTo>
                      <a:pt x="78" y="602"/>
                    </a:lnTo>
                    <a:lnTo>
                      <a:pt x="73" y="598"/>
                    </a:lnTo>
                    <a:lnTo>
                      <a:pt x="69" y="593"/>
                    </a:lnTo>
                    <a:lnTo>
                      <a:pt x="66" y="586"/>
                    </a:lnTo>
                    <a:lnTo>
                      <a:pt x="65" y="577"/>
                    </a:lnTo>
                    <a:lnTo>
                      <a:pt x="66" y="567"/>
                    </a:lnTo>
                    <a:lnTo>
                      <a:pt x="66" y="558"/>
                    </a:lnTo>
                    <a:lnTo>
                      <a:pt x="66" y="550"/>
                    </a:lnTo>
                    <a:lnTo>
                      <a:pt x="66" y="545"/>
                    </a:lnTo>
                    <a:lnTo>
                      <a:pt x="63" y="540"/>
                    </a:lnTo>
                    <a:lnTo>
                      <a:pt x="60" y="532"/>
                    </a:lnTo>
                    <a:lnTo>
                      <a:pt x="53" y="527"/>
                    </a:lnTo>
                    <a:lnTo>
                      <a:pt x="48" y="523"/>
                    </a:lnTo>
                    <a:lnTo>
                      <a:pt x="41" y="519"/>
                    </a:lnTo>
                    <a:lnTo>
                      <a:pt x="40" y="517"/>
                    </a:lnTo>
                    <a:lnTo>
                      <a:pt x="38" y="513"/>
                    </a:lnTo>
                    <a:lnTo>
                      <a:pt x="36" y="510"/>
                    </a:lnTo>
                    <a:lnTo>
                      <a:pt x="36" y="505"/>
                    </a:lnTo>
                    <a:lnTo>
                      <a:pt x="36" y="497"/>
                    </a:lnTo>
                    <a:lnTo>
                      <a:pt x="34" y="488"/>
                    </a:lnTo>
                    <a:lnTo>
                      <a:pt x="30" y="480"/>
                    </a:lnTo>
                    <a:lnTo>
                      <a:pt x="27" y="472"/>
                    </a:lnTo>
                    <a:lnTo>
                      <a:pt x="23" y="466"/>
                    </a:lnTo>
                    <a:lnTo>
                      <a:pt x="21" y="458"/>
                    </a:lnTo>
                    <a:lnTo>
                      <a:pt x="18" y="450"/>
                    </a:lnTo>
                    <a:lnTo>
                      <a:pt x="18" y="443"/>
                    </a:lnTo>
                    <a:lnTo>
                      <a:pt x="19" y="439"/>
                    </a:lnTo>
                    <a:lnTo>
                      <a:pt x="22" y="435"/>
                    </a:lnTo>
                    <a:lnTo>
                      <a:pt x="25" y="432"/>
                    </a:lnTo>
                    <a:lnTo>
                      <a:pt x="30" y="430"/>
                    </a:lnTo>
                    <a:lnTo>
                      <a:pt x="41" y="426"/>
                    </a:lnTo>
                    <a:lnTo>
                      <a:pt x="53" y="425"/>
                    </a:lnTo>
                    <a:lnTo>
                      <a:pt x="66" y="423"/>
                    </a:lnTo>
                    <a:lnTo>
                      <a:pt x="78" y="422"/>
                    </a:lnTo>
                    <a:lnTo>
                      <a:pt x="82" y="421"/>
                    </a:lnTo>
                    <a:lnTo>
                      <a:pt x="86" y="421"/>
                    </a:lnTo>
                    <a:lnTo>
                      <a:pt x="87" y="419"/>
                    </a:lnTo>
                    <a:lnTo>
                      <a:pt x="88" y="417"/>
                    </a:lnTo>
                    <a:lnTo>
                      <a:pt x="87" y="410"/>
                    </a:lnTo>
                    <a:lnTo>
                      <a:pt x="86" y="405"/>
                    </a:lnTo>
                    <a:lnTo>
                      <a:pt x="82" y="401"/>
                    </a:lnTo>
                    <a:lnTo>
                      <a:pt x="78" y="399"/>
                    </a:lnTo>
                    <a:lnTo>
                      <a:pt x="73" y="397"/>
                    </a:lnTo>
                    <a:lnTo>
                      <a:pt x="67" y="397"/>
                    </a:lnTo>
                    <a:lnTo>
                      <a:pt x="61" y="397"/>
                    </a:lnTo>
                    <a:lnTo>
                      <a:pt x="54" y="399"/>
                    </a:lnTo>
                    <a:lnTo>
                      <a:pt x="40" y="403"/>
                    </a:lnTo>
                    <a:lnTo>
                      <a:pt x="27" y="404"/>
                    </a:lnTo>
                    <a:lnTo>
                      <a:pt x="22" y="404"/>
                    </a:lnTo>
                    <a:lnTo>
                      <a:pt x="17" y="404"/>
                    </a:lnTo>
                    <a:lnTo>
                      <a:pt x="13" y="401"/>
                    </a:lnTo>
                    <a:lnTo>
                      <a:pt x="9" y="399"/>
                    </a:lnTo>
                    <a:lnTo>
                      <a:pt x="6" y="392"/>
                    </a:lnTo>
                    <a:lnTo>
                      <a:pt x="4" y="386"/>
                    </a:lnTo>
                    <a:lnTo>
                      <a:pt x="4" y="379"/>
                    </a:lnTo>
                    <a:lnTo>
                      <a:pt x="4" y="371"/>
                    </a:lnTo>
                    <a:lnTo>
                      <a:pt x="6" y="356"/>
                    </a:lnTo>
                    <a:lnTo>
                      <a:pt x="12" y="339"/>
                    </a:lnTo>
                    <a:lnTo>
                      <a:pt x="17" y="325"/>
                    </a:lnTo>
                    <a:lnTo>
                      <a:pt x="21" y="312"/>
                    </a:lnTo>
                    <a:lnTo>
                      <a:pt x="22" y="307"/>
                    </a:lnTo>
                    <a:lnTo>
                      <a:pt x="23" y="301"/>
                    </a:lnTo>
                    <a:lnTo>
                      <a:pt x="23" y="299"/>
                    </a:lnTo>
                    <a:lnTo>
                      <a:pt x="22" y="298"/>
                    </a:lnTo>
                    <a:lnTo>
                      <a:pt x="9" y="289"/>
                    </a:lnTo>
                    <a:lnTo>
                      <a:pt x="3" y="282"/>
                    </a:lnTo>
                    <a:lnTo>
                      <a:pt x="1" y="279"/>
                    </a:lnTo>
                    <a:lnTo>
                      <a:pt x="0" y="277"/>
                    </a:lnTo>
                    <a:lnTo>
                      <a:pt x="0" y="274"/>
                    </a:lnTo>
                    <a:lnTo>
                      <a:pt x="1" y="273"/>
                    </a:lnTo>
                    <a:lnTo>
                      <a:pt x="4" y="268"/>
                    </a:lnTo>
                    <a:lnTo>
                      <a:pt x="8" y="261"/>
                    </a:lnTo>
                    <a:lnTo>
                      <a:pt x="13" y="252"/>
                    </a:lnTo>
                    <a:lnTo>
                      <a:pt x="16" y="242"/>
                    </a:lnTo>
                    <a:lnTo>
                      <a:pt x="17" y="230"/>
                    </a:lnTo>
                    <a:lnTo>
                      <a:pt x="16" y="220"/>
                    </a:lnTo>
                    <a:lnTo>
                      <a:pt x="14" y="208"/>
                    </a:lnTo>
                    <a:lnTo>
                      <a:pt x="14" y="198"/>
                    </a:lnTo>
                    <a:lnTo>
                      <a:pt x="14" y="197"/>
                    </a:lnTo>
                    <a:lnTo>
                      <a:pt x="16" y="195"/>
                    </a:lnTo>
                    <a:lnTo>
                      <a:pt x="18" y="195"/>
                    </a:lnTo>
                    <a:lnTo>
                      <a:pt x="19" y="195"/>
                    </a:lnTo>
                    <a:lnTo>
                      <a:pt x="26" y="197"/>
                    </a:lnTo>
                    <a:lnTo>
                      <a:pt x="32" y="199"/>
                    </a:lnTo>
                    <a:lnTo>
                      <a:pt x="47" y="203"/>
                    </a:lnTo>
                    <a:lnTo>
                      <a:pt x="57" y="206"/>
                    </a:lnTo>
                    <a:lnTo>
                      <a:pt x="69" y="204"/>
                    </a:lnTo>
                    <a:lnTo>
                      <a:pt x="82" y="202"/>
                    </a:lnTo>
                    <a:lnTo>
                      <a:pt x="96" y="198"/>
                    </a:lnTo>
                    <a:lnTo>
                      <a:pt x="110" y="193"/>
                    </a:lnTo>
                    <a:lnTo>
                      <a:pt x="123" y="186"/>
                    </a:lnTo>
                    <a:lnTo>
                      <a:pt x="133" y="177"/>
                    </a:lnTo>
                    <a:lnTo>
                      <a:pt x="137" y="173"/>
                    </a:lnTo>
                    <a:lnTo>
                      <a:pt x="140" y="168"/>
                    </a:lnTo>
                    <a:lnTo>
                      <a:pt x="141" y="163"/>
                    </a:lnTo>
                    <a:lnTo>
                      <a:pt x="141" y="158"/>
                    </a:lnTo>
                    <a:lnTo>
                      <a:pt x="141" y="150"/>
                    </a:lnTo>
                    <a:lnTo>
                      <a:pt x="143" y="143"/>
                    </a:lnTo>
                    <a:lnTo>
                      <a:pt x="146" y="137"/>
                    </a:lnTo>
                    <a:lnTo>
                      <a:pt x="150" y="132"/>
                    </a:lnTo>
                    <a:lnTo>
                      <a:pt x="155" y="128"/>
                    </a:lnTo>
                    <a:lnTo>
                      <a:pt x="162" y="124"/>
                    </a:lnTo>
                    <a:lnTo>
                      <a:pt x="168" y="121"/>
                    </a:lnTo>
                    <a:lnTo>
                      <a:pt x="176" y="119"/>
                    </a:lnTo>
                    <a:lnTo>
                      <a:pt x="192" y="114"/>
                    </a:lnTo>
                    <a:lnTo>
                      <a:pt x="207" y="107"/>
                    </a:lnTo>
                    <a:lnTo>
                      <a:pt x="215" y="103"/>
                    </a:lnTo>
                    <a:lnTo>
                      <a:pt x="222" y="99"/>
                    </a:lnTo>
                    <a:lnTo>
                      <a:pt x="228" y="94"/>
                    </a:lnTo>
                    <a:lnTo>
                      <a:pt x="233" y="89"/>
                    </a:lnTo>
                    <a:lnTo>
                      <a:pt x="240" y="79"/>
                    </a:lnTo>
                    <a:lnTo>
                      <a:pt x="246" y="64"/>
                    </a:lnTo>
                    <a:lnTo>
                      <a:pt x="251" y="59"/>
                    </a:lnTo>
                    <a:lnTo>
                      <a:pt x="257" y="55"/>
                    </a:lnTo>
                    <a:lnTo>
                      <a:pt x="259" y="55"/>
                    </a:lnTo>
                    <a:lnTo>
                      <a:pt x="262" y="55"/>
                    </a:lnTo>
                    <a:lnTo>
                      <a:pt x="264" y="57"/>
                    </a:lnTo>
                    <a:lnTo>
                      <a:pt x="267" y="58"/>
                    </a:lnTo>
                    <a:lnTo>
                      <a:pt x="282" y="70"/>
                    </a:lnTo>
                    <a:lnTo>
                      <a:pt x="295" y="77"/>
                    </a:lnTo>
                    <a:lnTo>
                      <a:pt x="301" y="79"/>
                    </a:lnTo>
                    <a:lnTo>
                      <a:pt x="306" y="80"/>
                    </a:lnTo>
                    <a:lnTo>
                      <a:pt x="310" y="80"/>
                    </a:lnTo>
                    <a:lnTo>
                      <a:pt x="312" y="79"/>
                    </a:lnTo>
                    <a:lnTo>
                      <a:pt x="316" y="76"/>
                    </a:lnTo>
                    <a:lnTo>
                      <a:pt x="319" y="75"/>
                    </a:lnTo>
                    <a:lnTo>
                      <a:pt x="320" y="71"/>
                    </a:lnTo>
                    <a:lnTo>
                      <a:pt x="321" y="68"/>
                    </a:lnTo>
                    <a:lnTo>
                      <a:pt x="324" y="61"/>
                    </a:lnTo>
                    <a:lnTo>
                      <a:pt x="326" y="51"/>
                    </a:lnTo>
                    <a:lnTo>
                      <a:pt x="328" y="35"/>
                    </a:lnTo>
                    <a:lnTo>
                      <a:pt x="332" y="23"/>
                    </a:lnTo>
                    <a:lnTo>
                      <a:pt x="332" y="20"/>
                    </a:lnTo>
                    <a:lnTo>
                      <a:pt x="334" y="20"/>
                    </a:lnTo>
                    <a:lnTo>
                      <a:pt x="336" y="20"/>
                    </a:lnTo>
                    <a:lnTo>
                      <a:pt x="338" y="22"/>
                    </a:lnTo>
                    <a:lnTo>
                      <a:pt x="343" y="27"/>
                    </a:lnTo>
                    <a:lnTo>
                      <a:pt x="351" y="37"/>
                    </a:lnTo>
                    <a:lnTo>
                      <a:pt x="355" y="41"/>
                    </a:lnTo>
                    <a:lnTo>
                      <a:pt x="358" y="45"/>
                    </a:lnTo>
                    <a:lnTo>
                      <a:pt x="361" y="48"/>
                    </a:lnTo>
                    <a:lnTo>
                      <a:pt x="365" y="50"/>
                    </a:lnTo>
                    <a:lnTo>
                      <a:pt x="373" y="51"/>
                    </a:lnTo>
                    <a:lnTo>
                      <a:pt x="380" y="51"/>
                    </a:lnTo>
                    <a:lnTo>
                      <a:pt x="396" y="45"/>
                    </a:lnTo>
                    <a:lnTo>
                      <a:pt x="413" y="36"/>
                    </a:lnTo>
                    <a:lnTo>
                      <a:pt x="429" y="42"/>
                    </a:lnTo>
                    <a:lnTo>
                      <a:pt x="446" y="53"/>
                    </a:lnTo>
                    <a:lnTo>
                      <a:pt x="455" y="57"/>
                    </a:lnTo>
                    <a:lnTo>
                      <a:pt x="462" y="59"/>
                    </a:lnTo>
                    <a:lnTo>
                      <a:pt x="466" y="58"/>
                    </a:lnTo>
                    <a:lnTo>
                      <a:pt x="470" y="58"/>
                    </a:lnTo>
                    <a:lnTo>
                      <a:pt x="474" y="55"/>
                    </a:lnTo>
                    <a:lnTo>
                      <a:pt x="478" y="53"/>
                    </a:lnTo>
                    <a:lnTo>
                      <a:pt x="481" y="46"/>
                    </a:lnTo>
                    <a:lnTo>
                      <a:pt x="483" y="40"/>
                    </a:lnTo>
                    <a:lnTo>
                      <a:pt x="485" y="33"/>
                    </a:lnTo>
                    <a:lnTo>
                      <a:pt x="486" y="27"/>
                    </a:lnTo>
                    <a:lnTo>
                      <a:pt x="487" y="20"/>
                    </a:lnTo>
                    <a:lnTo>
                      <a:pt x="490" y="14"/>
                    </a:lnTo>
                    <a:lnTo>
                      <a:pt x="494" y="10"/>
                    </a:lnTo>
                    <a:lnTo>
                      <a:pt x="499" y="7"/>
                    </a:lnTo>
                    <a:lnTo>
                      <a:pt x="505" y="5"/>
                    </a:lnTo>
                    <a:lnTo>
                      <a:pt x="512" y="5"/>
                    </a:lnTo>
                    <a:lnTo>
                      <a:pt x="518" y="5"/>
                    </a:lnTo>
                    <a:lnTo>
                      <a:pt x="525" y="6"/>
                    </a:lnTo>
                    <a:lnTo>
                      <a:pt x="535" y="10"/>
                    </a:lnTo>
                    <a:lnTo>
                      <a:pt x="545" y="15"/>
                    </a:lnTo>
                    <a:lnTo>
                      <a:pt x="556" y="19"/>
                    </a:lnTo>
                    <a:lnTo>
                      <a:pt x="567" y="22"/>
                    </a:lnTo>
                    <a:lnTo>
                      <a:pt x="573" y="22"/>
                    </a:lnTo>
                    <a:lnTo>
                      <a:pt x="579" y="22"/>
                    </a:lnTo>
                    <a:lnTo>
                      <a:pt x="587" y="19"/>
                    </a:lnTo>
                    <a:lnTo>
                      <a:pt x="595" y="16"/>
                    </a:lnTo>
                    <a:lnTo>
                      <a:pt x="614" y="6"/>
                    </a:lnTo>
                    <a:lnTo>
                      <a:pt x="631" y="0"/>
                    </a:lnTo>
                    <a:lnTo>
                      <a:pt x="640" y="0"/>
                    </a:lnTo>
                    <a:lnTo>
                      <a:pt x="649" y="0"/>
                    </a:lnTo>
                    <a:lnTo>
                      <a:pt x="658" y="4"/>
                    </a:lnTo>
                    <a:lnTo>
                      <a:pt x="671" y="10"/>
                    </a:lnTo>
                    <a:lnTo>
                      <a:pt x="678" y="13"/>
                    </a:lnTo>
                    <a:lnTo>
                      <a:pt x="684" y="15"/>
                    </a:lnTo>
                    <a:lnTo>
                      <a:pt x="692" y="16"/>
                    </a:lnTo>
                    <a:lnTo>
                      <a:pt x="698" y="18"/>
                    </a:lnTo>
                    <a:lnTo>
                      <a:pt x="713" y="18"/>
                    </a:lnTo>
                    <a:lnTo>
                      <a:pt x="727" y="16"/>
                    </a:lnTo>
                    <a:lnTo>
                      <a:pt x="742" y="14"/>
                    </a:lnTo>
                    <a:lnTo>
                      <a:pt x="757" y="13"/>
                    </a:lnTo>
                    <a:lnTo>
                      <a:pt x="764" y="14"/>
                    </a:lnTo>
                    <a:lnTo>
                      <a:pt x="771" y="14"/>
                    </a:lnTo>
                    <a:lnTo>
                      <a:pt x="779" y="16"/>
                    </a:lnTo>
                    <a:lnTo>
                      <a:pt x="786" y="19"/>
                    </a:lnTo>
                    <a:lnTo>
                      <a:pt x="798" y="23"/>
                    </a:lnTo>
                    <a:lnTo>
                      <a:pt x="810" y="27"/>
                    </a:lnTo>
                    <a:lnTo>
                      <a:pt x="821" y="29"/>
                    </a:lnTo>
                    <a:lnTo>
                      <a:pt x="833" y="32"/>
                    </a:lnTo>
                    <a:lnTo>
                      <a:pt x="855" y="35"/>
                    </a:lnTo>
                    <a:lnTo>
                      <a:pt x="878" y="36"/>
                    </a:lnTo>
                    <a:lnTo>
                      <a:pt x="902" y="33"/>
                    </a:lnTo>
                    <a:lnTo>
                      <a:pt x="924" y="31"/>
                    </a:lnTo>
                    <a:lnTo>
                      <a:pt x="947" y="27"/>
                    </a:lnTo>
                    <a:lnTo>
                      <a:pt x="972" y="23"/>
                    </a:lnTo>
                    <a:lnTo>
                      <a:pt x="983" y="22"/>
                    </a:lnTo>
                    <a:lnTo>
                      <a:pt x="995" y="23"/>
                    </a:lnTo>
                    <a:lnTo>
                      <a:pt x="1005" y="26"/>
                    </a:lnTo>
                    <a:lnTo>
                      <a:pt x="1016" y="29"/>
                    </a:lnTo>
                    <a:lnTo>
                      <a:pt x="1025" y="32"/>
                    </a:lnTo>
                    <a:lnTo>
                      <a:pt x="1035" y="35"/>
                    </a:lnTo>
                    <a:lnTo>
                      <a:pt x="1042" y="33"/>
                    </a:lnTo>
                    <a:lnTo>
                      <a:pt x="1047" y="33"/>
                    </a:lnTo>
                    <a:lnTo>
                      <a:pt x="1053" y="31"/>
                    </a:lnTo>
                    <a:lnTo>
                      <a:pt x="1060" y="28"/>
                    </a:lnTo>
                    <a:lnTo>
                      <a:pt x="1066" y="26"/>
                    </a:lnTo>
                    <a:lnTo>
                      <a:pt x="1071" y="20"/>
                    </a:lnTo>
                    <a:lnTo>
                      <a:pt x="1075" y="16"/>
                    </a:lnTo>
                    <a:lnTo>
                      <a:pt x="1078" y="11"/>
                    </a:lnTo>
                    <a:lnTo>
                      <a:pt x="1078" y="11"/>
                    </a:lnTo>
                    <a:lnTo>
                      <a:pt x="1109" y="44"/>
                    </a:lnTo>
                    <a:lnTo>
                      <a:pt x="1115" y="51"/>
                    </a:lnTo>
                    <a:lnTo>
                      <a:pt x="1119" y="58"/>
                    </a:lnTo>
                    <a:lnTo>
                      <a:pt x="1122" y="63"/>
                    </a:lnTo>
                    <a:lnTo>
                      <a:pt x="1123" y="68"/>
                    </a:lnTo>
                    <a:lnTo>
                      <a:pt x="1122" y="73"/>
                    </a:lnTo>
                    <a:lnTo>
                      <a:pt x="1119" y="77"/>
                    </a:lnTo>
                    <a:lnTo>
                      <a:pt x="1117" y="81"/>
                    </a:lnTo>
                    <a:lnTo>
                      <a:pt x="1112" y="84"/>
                    </a:lnTo>
                    <a:lnTo>
                      <a:pt x="1090" y="96"/>
                    </a:lnTo>
                    <a:lnTo>
                      <a:pt x="1067" y="110"/>
                    </a:lnTo>
                    <a:lnTo>
                      <a:pt x="1062" y="115"/>
                    </a:lnTo>
                    <a:lnTo>
                      <a:pt x="1058" y="119"/>
                    </a:lnTo>
                    <a:lnTo>
                      <a:pt x="1056" y="123"/>
                    </a:lnTo>
                    <a:lnTo>
                      <a:pt x="1053" y="127"/>
                    </a:lnTo>
                    <a:lnTo>
                      <a:pt x="1052" y="134"/>
                    </a:lnTo>
                    <a:lnTo>
                      <a:pt x="1052" y="142"/>
                    </a:lnTo>
                    <a:lnTo>
                      <a:pt x="1053" y="150"/>
                    </a:lnTo>
                    <a:lnTo>
                      <a:pt x="1053" y="158"/>
                    </a:lnTo>
                    <a:lnTo>
                      <a:pt x="1053" y="167"/>
                    </a:lnTo>
                    <a:lnTo>
                      <a:pt x="1051" y="176"/>
                    </a:lnTo>
                    <a:lnTo>
                      <a:pt x="1048" y="182"/>
                    </a:lnTo>
                    <a:lnTo>
                      <a:pt x="1043" y="190"/>
                    </a:lnTo>
                    <a:lnTo>
                      <a:pt x="1038" y="197"/>
                    </a:lnTo>
                    <a:lnTo>
                      <a:pt x="1033" y="203"/>
                    </a:lnTo>
                    <a:lnTo>
                      <a:pt x="1020" y="215"/>
                    </a:lnTo>
                    <a:lnTo>
                      <a:pt x="1008" y="226"/>
                    </a:lnTo>
                    <a:lnTo>
                      <a:pt x="998" y="239"/>
                    </a:lnTo>
                    <a:lnTo>
                      <a:pt x="988" y="252"/>
                    </a:lnTo>
                    <a:lnTo>
                      <a:pt x="983" y="265"/>
                    </a:lnTo>
                    <a:lnTo>
                      <a:pt x="979" y="278"/>
                    </a:lnTo>
                    <a:lnTo>
                      <a:pt x="978" y="291"/>
                    </a:lnTo>
                    <a:lnTo>
                      <a:pt x="978" y="304"/>
                    </a:lnTo>
                    <a:lnTo>
                      <a:pt x="981" y="317"/>
                    </a:lnTo>
                    <a:lnTo>
                      <a:pt x="983" y="330"/>
                    </a:lnTo>
                    <a:lnTo>
                      <a:pt x="991" y="356"/>
                    </a:lnTo>
                    <a:lnTo>
                      <a:pt x="1001" y="382"/>
                    </a:lnTo>
                    <a:lnTo>
                      <a:pt x="1007" y="395"/>
                    </a:lnTo>
                    <a:lnTo>
                      <a:pt x="1012" y="408"/>
                    </a:lnTo>
                    <a:lnTo>
                      <a:pt x="1016" y="421"/>
                    </a:lnTo>
                    <a:lnTo>
                      <a:pt x="1018" y="435"/>
                    </a:lnTo>
                    <a:lnTo>
                      <a:pt x="1020" y="443"/>
                    </a:lnTo>
                    <a:lnTo>
                      <a:pt x="1018" y="452"/>
                    </a:lnTo>
                    <a:lnTo>
                      <a:pt x="1017" y="460"/>
                    </a:lnTo>
                    <a:lnTo>
                      <a:pt x="1014" y="467"/>
                    </a:lnTo>
                    <a:lnTo>
                      <a:pt x="1010" y="484"/>
                    </a:lnTo>
                    <a:lnTo>
                      <a:pt x="1008" y="502"/>
                    </a:lnTo>
                    <a:lnTo>
                      <a:pt x="1009" y="532"/>
                    </a:lnTo>
                    <a:lnTo>
                      <a:pt x="1013" y="558"/>
                    </a:lnTo>
                    <a:lnTo>
                      <a:pt x="1018" y="583"/>
                    </a:lnTo>
                    <a:lnTo>
                      <a:pt x="1025" y="610"/>
                    </a:lnTo>
                    <a:lnTo>
                      <a:pt x="1027" y="619"/>
                    </a:lnTo>
                    <a:lnTo>
                      <a:pt x="1031" y="627"/>
                    </a:lnTo>
                    <a:lnTo>
                      <a:pt x="1036" y="634"/>
                    </a:lnTo>
                    <a:lnTo>
                      <a:pt x="1042" y="641"/>
                    </a:lnTo>
                    <a:lnTo>
                      <a:pt x="1053" y="655"/>
                    </a:lnTo>
                    <a:lnTo>
                      <a:pt x="1064" y="671"/>
                    </a:lnTo>
                    <a:lnTo>
                      <a:pt x="1066" y="675"/>
                    </a:lnTo>
                    <a:lnTo>
                      <a:pt x="1067" y="680"/>
                    </a:lnTo>
                    <a:lnTo>
                      <a:pt x="1069" y="686"/>
                    </a:lnTo>
                    <a:lnTo>
                      <a:pt x="1069" y="693"/>
                    </a:lnTo>
                    <a:lnTo>
                      <a:pt x="1069" y="706"/>
                    </a:lnTo>
                    <a:lnTo>
                      <a:pt x="1066" y="721"/>
                    </a:lnTo>
                    <a:lnTo>
                      <a:pt x="1062" y="735"/>
                    </a:lnTo>
                    <a:lnTo>
                      <a:pt x="1057" y="748"/>
                    </a:lnTo>
                    <a:lnTo>
                      <a:pt x="1052" y="760"/>
                    </a:lnTo>
                    <a:lnTo>
                      <a:pt x="1044" y="769"/>
                    </a:lnTo>
                    <a:lnTo>
                      <a:pt x="1022" y="790"/>
                    </a:lnTo>
                    <a:lnTo>
                      <a:pt x="1000" y="809"/>
                    </a:lnTo>
                    <a:lnTo>
                      <a:pt x="990" y="820"/>
                    </a:lnTo>
                    <a:lnTo>
                      <a:pt x="981" y="831"/>
                    </a:lnTo>
                    <a:lnTo>
                      <a:pt x="973" y="844"/>
                    </a:lnTo>
                    <a:lnTo>
                      <a:pt x="966" y="859"/>
                    </a:lnTo>
                    <a:lnTo>
                      <a:pt x="963" y="893"/>
                    </a:lnTo>
                    <a:lnTo>
                      <a:pt x="963" y="893"/>
                    </a:lnTo>
                    <a:lnTo>
                      <a:pt x="942" y="895"/>
                    </a:lnTo>
                    <a:lnTo>
                      <a:pt x="921" y="899"/>
                    </a:lnTo>
                    <a:lnTo>
                      <a:pt x="902" y="904"/>
                    </a:lnTo>
                    <a:lnTo>
                      <a:pt x="882" y="910"/>
                    </a:lnTo>
                    <a:lnTo>
                      <a:pt x="863" y="917"/>
                    </a:lnTo>
                    <a:lnTo>
                      <a:pt x="843" y="923"/>
                    </a:lnTo>
                    <a:lnTo>
                      <a:pt x="824" y="928"/>
                    </a:lnTo>
                    <a:lnTo>
                      <a:pt x="803" y="932"/>
                    </a:lnTo>
                    <a:lnTo>
                      <a:pt x="793" y="932"/>
                    </a:lnTo>
                    <a:lnTo>
                      <a:pt x="782" y="932"/>
                    </a:lnTo>
                    <a:lnTo>
                      <a:pt x="773" y="930"/>
                    </a:lnTo>
                    <a:lnTo>
                      <a:pt x="766" y="927"/>
                    </a:lnTo>
                    <a:lnTo>
                      <a:pt x="758" y="923"/>
                    </a:lnTo>
                    <a:lnTo>
                      <a:pt x="750" y="919"/>
                    </a:lnTo>
                    <a:lnTo>
                      <a:pt x="742" y="914"/>
                    </a:lnTo>
                    <a:lnTo>
                      <a:pt x="735" y="909"/>
                    </a:lnTo>
                    <a:lnTo>
                      <a:pt x="722" y="896"/>
                    </a:lnTo>
                    <a:lnTo>
                      <a:pt x="707" y="884"/>
                    </a:lnTo>
                    <a:lnTo>
                      <a:pt x="692" y="873"/>
                    </a:lnTo>
                    <a:lnTo>
                      <a:pt x="675" y="864"/>
                    </a:lnTo>
                    <a:lnTo>
                      <a:pt x="663" y="856"/>
                    </a:lnTo>
                    <a:lnTo>
                      <a:pt x="654" y="849"/>
                    </a:lnTo>
                    <a:lnTo>
                      <a:pt x="646" y="842"/>
                    </a:lnTo>
                    <a:lnTo>
                      <a:pt x="641" y="834"/>
                    </a:lnTo>
                    <a:lnTo>
                      <a:pt x="631" y="817"/>
                    </a:lnTo>
                    <a:lnTo>
                      <a:pt x="617" y="796"/>
                    </a:lnTo>
                    <a:lnTo>
                      <a:pt x="597" y="776"/>
                    </a:lnTo>
                    <a:lnTo>
                      <a:pt x="571" y="751"/>
                    </a:lnTo>
                    <a:lnTo>
                      <a:pt x="558" y="741"/>
                    </a:lnTo>
                    <a:lnTo>
                      <a:pt x="544" y="732"/>
                    </a:lnTo>
                    <a:lnTo>
                      <a:pt x="538" y="728"/>
                    </a:lnTo>
                    <a:lnTo>
                      <a:pt x="531" y="725"/>
                    </a:lnTo>
                    <a:lnTo>
                      <a:pt x="525" y="722"/>
                    </a:lnTo>
                    <a:lnTo>
                      <a:pt x="519" y="721"/>
                    </a:lnTo>
                    <a:lnTo>
                      <a:pt x="508" y="721"/>
                    </a:lnTo>
                    <a:lnTo>
                      <a:pt x="497" y="721"/>
                    </a:lnTo>
                    <a:lnTo>
                      <a:pt x="486" y="722"/>
                    </a:lnTo>
                    <a:lnTo>
                      <a:pt x="475" y="725"/>
                    </a:lnTo>
                    <a:lnTo>
                      <a:pt x="453" y="733"/>
                    </a:lnTo>
                    <a:lnTo>
                      <a:pt x="430" y="742"/>
                    </a:lnTo>
                    <a:lnTo>
                      <a:pt x="408" y="751"/>
                    </a:lnTo>
                    <a:lnTo>
                      <a:pt x="385" y="761"/>
                    </a:lnTo>
                    <a:lnTo>
                      <a:pt x="363" y="770"/>
                    </a:lnTo>
                    <a:lnTo>
                      <a:pt x="341" y="776"/>
                    </a:lnTo>
                    <a:lnTo>
                      <a:pt x="263" y="789"/>
                    </a:lnTo>
                    <a:lnTo>
                      <a:pt x="263" y="78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1" name="Freeform 62">
                <a:extLst>
                  <a:ext uri="{FF2B5EF4-FFF2-40B4-BE49-F238E27FC236}">
                    <a16:creationId xmlns:a16="http://schemas.microsoft.com/office/drawing/2014/main" id="{9F07581B-7AC3-0B4D-8C0D-B286468438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30504" y="2357358"/>
                <a:ext cx="841621" cy="469639"/>
              </a:xfrm>
              <a:custGeom>
                <a:avLst/>
                <a:gdLst/>
                <a:ahLst/>
                <a:cxnLst>
                  <a:cxn ang="0">
                    <a:pos x="24" y="872"/>
                  </a:cxn>
                  <a:cxn ang="0">
                    <a:pos x="0" y="736"/>
                  </a:cxn>
                  <a:cxn ang="0">
                    <a:pos x="16" y="656"/>
                  </a:cxn>
                  <a:cxn ang="0">
                    <a:pos x="65" y="565"/>
                  </a:cxn>
                  <a:cxn ang="0">
                    <a:pos x="93" y="443"/>
                  </a:cxn>
                  <a:cxn ang="0">
                    <a:pos x="113" y="359"/>
                  </a:cxn>
                  <a:cxn ang="0">
                    <a:pos x="183" y="248"/>
                  </a:cxn>
                  <a:cxn ang="0">
                    <a:pos x="226" y="207"/>
                  </a:cxn>
                  <a:cxn ang="0">
                    <a:pos x="336" y="176"/>
                  </a:cxn>
                  <a:cxn ang="0">
                    <a:pos x="410" y="157"/>
                  </a:cxn>
                  <a:cxn ang="0">
                    <a:pos x="419" y="179"/>
                  </a:cxn>
                  <a:cxn ang="0">
                    <a:pos x="423" y="226"/>
                  </a:cxn>
                  <a:cxn ang="0">
                    <a:pos x="467" y="275"/>
                  </a:cxn>
                  <a:cxn ang="0">
                    <a:pos x="649" y="481"/>
                  </a:cxn>
                  <a:cxn ang="0">
                    <a:pos x="704" y="503"/>
                  </a:cxn>
                  <a:cxn ang="0">
                    <a:pos x="779" y="479"/>
                  </a:cxn>
                  <a:cxn ang="0">
                    <a:pos x="837" y="419"/>
                  </a:cxn>
                  <a:cxn ang="0">
                    <a:pos x="851" y="354"/>
                  </a:cxn>
                  <a:cxn ang="0">
                    <a:pos x="840" y="200"/>
                  </a:cxn>
                  <a:cxn ang="0">
                    <a:pos x="841" y="68"/>
                  </a:cxn>
                  <a:cxn ang="0">
                    <a:pos x="1008" y="21"/>
                  </a:cxn>
                  <a:cxn ang="0">
                    <a:pos x="1086" y="0"/>
                  </a:cxn>
                  <a:cxn ang="0">
                    <a:pos x="1122" y="11"/>
                  </a:cxn>
                  <a:cxn ang="0">
                    <a:pos x="1209" y="96"/>
                  </a:cxn>
                  <a:cxn ang="0">
                    <a:pos x="1253" y="143"/>
                  </a:cxn>
                  <a:cxn ang="0">
                    <a:pos x="1320" y="193"/>
                  </a:cxn>
                  <a:cxn ang="0">
                    <a:pos x="1360" y="211"/>
                  </a:cxn>
                  <a:cxn ang="0">
                    <a:pos x="1441" y="196"/>
                  </a:cxn>
                  <a:cxn ang="0">
                    <a:pos x="1541" y="172"/>
                  </a:cxn>
                  <a:cxn ang="0">
                    <a:pos x="1607" y="210"/>
                  </a:cxn>
                  <a:cxn ang="0">
                    <a:pos x="1669" y="267"/>
                  </a:cxn>
                  <a:cxn ang="0">
                    <a:pos x="1680" y="360"/>
                  </a:cxn>
                  <a:cxn ang="0">
                    <a:pos x="1691" y="422"/>
                  </a:cxn>
                  <a:cxn ang="0">
                    <a:pos x="1734" y="491"/>
                  </a:cxn>
                  <a:cxn ang="0">
                    <a:pos x="1809" y="575"/>
                  </a:cxn>
                  <a:cxn ang="0">
                    <a:pos x="1840" y="632"/>
                  </a:cxn>
                  <a:cxn ang="0">
                    <a:pos x="1851" y="815"/>
                  </a:cxn>
                  <a:cxn ang="0">
                    <a:pos x="1761" y="924"/>
                  </a:cxn>
                  <a:cxn ang="0">
                    <a:pos x="1759" y="970"/>
                  </a:cxn>
                  <a:cxn ang="0">
                    <a:pos x="1736" y="996"/>
                  </a:cxn>
                  <a:cxn ang="0">
                    <a:pos x="1653" y="992"/>
                  </a:cxn>
                  <a:cxn ang="0">
                    <a:pos x="1572" y="989"/>
                  </a:cxn>
                  <a:cxn ang="0">
                    <a:pos x="1544" y="1012"/>
                  </a:cxn>
                  <a:cxn ang="0">
                    <a:pos x="1515" y="1040"/>
                  </a:cxn>
                  <a:cxn ang="0">
                    <a:pos x="1395" y="1021"/>
                  </a:cxn>
                  <a:cxn ang="0">
                    <a:pos x="1278" y="926"/>
                  </a:cxn>
                  <a:cxn ang="0">
                    <a:pos x="1219" y="878"/>
                  </a:cxn>
                  <a:cxn ang="0">
                    <a:pos x="1103" y="844"/>
                  </a:cxn>
                  <a:cxn ang="0">
                    <a:pos x="1025" y="785"/>
                  </a:cxn>
                  <a:cxn ang="0">
                    <a:pos x="949" y="784"/>
                  </a:cxn>
                  <a:cxn ang="0">
                    <a:pos x="868" y="807"/>
                  </a:cxn>
                  <a:cxn ang="0">
                    <a:pos x="801" y="796"/>
                  </a:cxn>
                  <a:cxn ang="0">
                    <a:pos x="770" y="812"/>
                  </a:cxn>
                  <a:cxn ang="0">
                    <a:pos x="702" y="812"/>
                  </a:cxn>
                  <a:cxn ang="0">
                    <a:pos x="546" y="815"/>
                  </a:cxn>
                  <a:cxn ang="0">
                    <a:pos x="324" y="809"/>
                  </a:cxn>
                  <a:cxn ang="0">
                    <a:pos x="231" y="823"/>
                  </a:cxn>
                  <a:cxn ang="0">
                    <a:pos x="183" y="859"/>
                  </a:cxn>
                </a:cxnLst>
                <a:rect l="0" t="0" r="r" b="b"/>
                <a:pathLst>
                  <a:path w="1851" h="1040">
                    <a:moveTo>
                      <a:pt x="25" y="950"/>
                    </a:moveTo>
                    <a:lnTo>
                      <a:pt x="22" y="930"/>
                    </a:lnTo>
                    <a:lnTo>
                      <a:pt x="21" y="912"/>
                    </a:lnTo>
                    <a:lnTo>
                      <a:pt x="21" y="893"/>
                    </a:lnTo>
                    <a:lnTo>
                      <a:pt x="24" y="872"/>
                    </a:lnTo>
                    <a:lnTo>
                      <a:pt x="13" y="827"/>
                    </a:lnTo>
                    <a:lnTo>
                      <a:pt x="5" y="788"/>
                    </a:lnTo>
                    <a:lnTo>
                      <a:pt x="3" y="770"/>
                    </a:lnTo>
                    <a:lnTo>
                      <a:pt x="2" y="753"/>
                    </a:lnTo>
                    <a:lnTo>
                      <a:pt x="0" y="736"/>
                    </a:lnTo>
                    <a:lnTo>
                      <a:pt x="2" y="720"/>
                    </a:lnTo>
                    <a:lnTo>
                      <a:pt x="3" y="704"/>
                    </a:lnTo>
                    <a:lnTo>
                      <a:pt x="5" y="688"/>
                    </a:lnTo>
                    <a:lnTo>
                      <a:pt x="11" y="673"/>
                    </a:lnTo>
                    <a:lnTo>
                      <a:pt x="16" y="656"/>
                    </a:lnTo>
                    <a:lnTo>
                      <a:pt x="24" y="639"/>
                    </a:lnTo>
                    <a:lnTo>
                      <a:pt x="31" y="621"/>
                    </a:lnTo>
                    <a:lnTo>
                      <a:pt x="43" y="601"/>
                    </a:lnTo>
                    <a:lnTo>
                      <a:pt x="55" y="582"/>
                    </a:lnTo>
                    <a:lnTo>
                      <a:pt x="65" y="565"/>
                    </a:lnTo>
                    <a:lnTo>
                      <a:pt x="73" y="548"/>
                    </a:lnTo>
                    <a:lnTo>
                      <a:pt x="78" y="530"/>
                    </a:lnTo>
                    <a:lnTo>
                      <a:pt x="83" y="513"/>
                    </a:lnTo>
                    <a:lnTo>
                      <a:pt x="90" y="478"/>
                    </a:lnTo>
                    <a:lnTo>
                      <a:pt x="93" y="443"/>
                    </a:lnTo>
                    <a:lnTo>
                      <a:pt x="96" y="425"/>
                    </a:lnTo>
                    <a:lnTo>
                      <a:pt x="99" y="408"/>
                    </a:lnTo>
                    <a:lnTo>
                      <a:pt x="103" y="391"/>
                    </a:lnTo>
                    <a:lnTo>
                      <a:pt x="106" y="376"/>
                    </a:lnTo>
                    <a:lnTo>
                      <a:pt x="113" y="359"/>
                    </a:lnTo>
                    <a:lnTo>
                      <a:pt x="119" y="343"/>
                    </a:lnTo>
                    <a:lnTo>
                      <a:pt x="128" y="328"/>
                    </a:lnTo>
                    <a:lnTo>
                      <a:pt x="140" y="314"/>
                    </a:lnTo>
                    <a:lnTo>
                      <a:pt x="162" y="283"/>
                    </a:lnTo>
                    <a:lnTo>
                      <a:pt x="183" y="248"/>
                    </a:lnTo>
                    <a:lnTo>
                      <a:pt x="195" y="232"/>
                    </a:lnTo>
                    <a:lnTo>
                      <a:pt x="206" y="219"/>
                    </a:lnTo>
                    <a:lnTo>
                      <a:pt x="213" y="214"/>
                    </a:lnTo>
                    <a:lnTo>
                      <a:pt x="219" y="210"/>
                    </a:lnTo>
                    <a:lnTo>
                      <a:pt x="226" y="207"/>
                    </a:lnTo>
                    <a:lnTo>
                      <a:pt x="233" y="206"/>
                    </a:lnTo>
                    <a:lnTo>
                      <a:pt x="252" y="204"/>
                    </a:lnTo>
                    <a:lnTo>
                      <a:pt x="277" y="196"/>
                    </a:lnTo>
                    <a:lnTo>
                      <a:pt x="306" y="187"/>
                    </a:lnTo>
                    <a:lnTo>
                      <a:pt x="336" y="176"/>
                    </a:lnTo>
                    <a:lnTo>
                      <a:pt x="364" y="166"/>
                    </a:lnTo>
                    <a:lnTo>
                      <a:pt x="389" y="160"/>
                    </a:lnTo>
                    <a:lnTo>
                      <a:pt x="399" y="157"/>
                    </a:lnTo>
                    <a:lnTo>
                      <a:pt x="407" y="157"/>
                    </a:lnTo>
                    <a:lnTo>
                      <a:pt x="410" y="157"/>
                    </a:lnTo>
                    <a:lnTo>
                      <a:pt x="412" y="158"/>
                    </a:lnTo>
                    <a:lnTo>
                      <a:pt x="413" y="158"/>
                    </a:lnTo>
                    <a:lnTo>
                      <a:pt x="415" y="161"/>
                    </a:lnTo>
                    <a:lnTo>
                      <a:pt x="417" y="170"/>
                    </a:lnTo>
                    <a:lnTo>
                      <a:pt x="419" y="179"/>
                    </a:lnTo>
                    <a:lnTo>
                      <a:pt x="419" y="188"/>
                    </a:lnTo>
                    <a:lnTo>
                      <a:pt x="419" y="198"/>
                    </a:lnTo>
                    <a:lnTo>
                      <a:pt x="419" y="207"/>
                    </a:lnTo>
                    <a:lnTo>
                      <a:pt x="420" y="217"/>
                    </a:lnTo>
                    <a:lnTo>
                      <a:pt x="423" y="226"/>
                    </a:lnTo>
                    <a:lnTo>
                      <a:pt x="426" y="235"/>
                    </a:lnTo>
                    <a:lnTo>
                      <a:pt x="434" y="245"/>
                    </a:lnTo>
                    <a:lnTo>
                      <a:pt x="445" y="255"/>
                    </a:lnTo>
                    <a:lnTo>
                      <a:pt x="455" y="266"/>
                    </a:lnTo>
                    <a:lnTo>
                      <a:pt x="467" y="275"/>
                    </a:lnTo>
                    <a:lnTo>
                      <a:pt x="490" y="296"/>
                    </a:lnTo>
                    <a:lnTo>
                      <a:pt x="509" y="316"/>
                    </a:lnTo>
                    <a:lnTo>
                      <a:pt x="614" y="448"/>
                    </a:lnTo>
                    <a:lnTo>
                      <a:pt x="630" y="463"/>
                    </a:lnTo>
                    <a:lnTo>
                      <a:pt x="649" y="481"/>
                    </a:lnTo>
                    <a:lnTo>
                      <a:pt x="660" y="489"/>
                    </a:lnTo>
                    <a:lnTo>
                      <a:pt x="670" y="496"/>
                    </a:lnTo>
                    <a:lnTo>
                      <a:pt x="680" y="502"/>
                    </a:lnTo>
                    <a:lnTo>
                      <a:pt x="688" y="503"/>
                    </a:lnTo>
                    <a:lnTo>
                      <a:pt x="704" y="503"/>
                    </a:lnTo>
                    <a:lnTo>
                      <a:pt x="719" y="502"/>
                    </a:lnTo>
                    <a:lnTo>
                      <a:pt x="735" y="499"/>
                    </a:lnTo>
                    <a:lnTo>
                      <a:pt x="749" y="495"/>
                    </a:lnTo>
                    <a:lnTo>
                      <a:pt x="765" y="487"/>
                    </a:lnTo>
                    <a:lnTo>
                      <a:pt x="779" y="479"/>
                    </a:lnTo>
                    <a:lnTo>
                      <a:pt x="793" y="469"/>
                    </a:lnTo>
                    <a:lnTo>
                      <a:pt x="806" y="457"/>
                    </a:lnTo>
                    <a:lnTo>
                      <a:pt x="818" y="446"/>
                    </a:lnTo>
                    <a:lnTo>
                      <a:pt x="828" y="432"/>
                    </a:lnTo>
                    <a:lnTo>
                      <a:pt x="837" y="419"/>
                    </a:lnTo>
                    <a:lnTo>
                      <a:pt x="845" y="403"/>
                    </a:lnTo>
                    <a:lnTo>
                      <a:pt x="849" y="391"/>
                    </a:lnTo>
                    <a:lnTo>
                      <a:pt x="851" y="378"/>
                    </a:lnTo>
                    <a:lnTo>
                      <a:pt x="851" y="365"/>
                    </a:lnTo>
                    <a:lnTo>
                      <a:pt x="851" y="354"/>
                    </a:lnTo>
                    <a:lnTo>
                      <a:pt x="850" y="328"/>
                    </a:lnTo>
                    <a:lnTo>
                      <a:pt x="847" y="302"/>
                    </a:lnTo>
                    <a:lnTo>
                      <a:pt x="846" y="267"/>
                    </a:lnTo>
                    <a:lnTo>
                      <a:pt x="844" y="233"/>
                    </a:lnTo>
                    <a:lnTo>
                      <a:pt x="840" y="200"/>
                    </a:lnTo>
                    <a:lnTo>
                      <a:pt x="836" y="165"/>
                    </a:lnTo>
                    <a:lnTo>
                      <a:pt x="836" y="140"/>
                    </a:lnTo>
                    <a:lnTo>
                      <a:pt x="836" y="115"/>
                    </a:lnTo>
                    <a:lnTo>
                      <a:pt x="838" y="91"/>
                    </a:lnTo>
                    <a:lnTo>
                      <a:pt x="841" y="68"/>
                    </a:lnTo>
                    <a:lnTo>
                      <a:pt x="919" y="55"/>
                    </a:lnTo>
                    <a:lnTo>
                      <a:pt x="941" y="49"/>
                    </a:lnTo>
                    <a:lnTo>
                      <a:pt x="963" y="40"/>
                    </a:lnTo>
                    <a:lnTo>
                      <a:pt x="986" y="30"/>
                    </a:lnTo>
                    <a:lnTo>
                      <a:pt x="1008" y="21"/>
                    </a:lnTo>
                    <a:lnTo>
                      <a:pt x="1031" y="12"/>
                    </a:lnTo>
                    <a:lnTo>
                      <a:pt x="1053" y="4"/>
                    </a:lnTo>
                    <a:lnTo>
                      <a:pt x="1064" y="1"/>
                    </a:lnTo>
                    <a:lnTo>
                      <a:pt x="1075" y="0"/>
                    </a:lnTo>
                    <a:lnTo>
                      <a:pt x="1086" y="0"/>
                    </a:lnTo>
                    <a:lnTo>
                      <a:pt x="1097" y="0"/>
                    </a:lnTo>
                    <a:lnTo>
                      <a:pt x="1103" y="1"/>
                    </a:lnTo>
                    <a:lnTo>
                      <a:pt x="1109" y="4"/>
                    </a:lnTo>
                    <a:lnTo>
                      <a:pt x="1116" y="7"/>
                    </a:lnTo>
                    <a:lnTo>
                      <a:pt x="1122" y="11"/>
                    </a:lnTo>
                    <a:lnTo>
                      <a:pt x="1136" y="20"/>
                    </a:lnTo>
                    <a:lnTo>
                      <a:pt x="1149" y="30"/>
                    </a:lnTo>
                    <a:lnTo>
                      <a:pt x="1175" y="55"/>
                    </a:lnTo>
                    <a:lnTo>
                      <a:pt x="1195" y="75"/>
                    </a:lnTo>
                    <a:lnTo>
                      <a:pt x="1209" y="96"/>
                    </a:lnTo>
                    <a:lnTo>
                      <a:pt x="1219" y="113"/>
                    </a:lnTo>
                    <a:lnTo>
                      <a:pt x="1224" y="121"/>
                    </a:lnTo>
                    <a:lnTo>
                      <a:pt x="1232" y="128"/>
                    </a:lnTo>
                    <a:lnTo>
                      <a:pt x="1241" y="135"/>
                    </a:lnTo>
                    <a:lnTo>
                      <a:pt x="1253" y="143"/>
                    </a:lnTo>
                    <a:lnTo>
                      <a:pt x="1270" y="152"/>
                    </a:lnTo>
                    <a:lnTo>
                      <a:pt x="1285" y="163"/>
                    </a:lnTo>
                    <a:lnTo>
                      <a:pt x="1300" y="175"/>
                    </a:lnTo>
                    <a:lnTo>
                      <a:pt x="1313" y="188"/>
                    </a:lnTo>
                    <a:lnTo>
                      <a:pt x="1320" y="193"/>
                    </a:lnTo>
                    <a:lnTo>
                      <a:pt x="1328" y="198"/>
                    </a:lnTo>
                    <a:lnTo>
                      <a:pt x="1336" y="202"/>
                    </a:lnTo>
                    <a:lnTo>
                      <a:pt x="1344" y="206"/>
                    </a:lnTo>
                    <a:lnTo>
                      <a:pt x="1351" y="209"/>
                    </a:lnTo>
                    <a:lnTo>
                      <a:pt x="1360" y="211"/>
                    </a:lnTo>
                    <a:lnTo>
                      <a:pt x="1371" y="211"/>
                    </a:lnTo>
                    <a:lnTo>
                      <a:pt x="1381" y="211"/>
                    </a:lnTo>
                    <a:lnTo>
                      <a:pt x="1402" y="207"/>
                    </a:lnTo>
                    <a:lnTo>
                      <a:pt x="1421" y="202"/>
                    </a:lnTo>
                    <a:lnTo>
                      <a:pt x="1441" y="196"/>
                    </a:lnTo>
                    <a:lnTo>
                      <a:pt x="1460" y="189"/>
                    </a:lnTo>
                    <a:lnTo>
                      <a:pt x="1480" y="183"/>
                    </a:lnTo>
                    <a:lnTo>
                      <a:pt x="1499" y="178"/>
                    </a:lnTo>
                    <a:lnTo>
                      <a:pt x="1520" y="174"/>
                    </a:lnTo>
                    <a:lnTo>
                      <a:pt x="1541" y="172"/>
                    </a:lnTo>
                    <a:lnTo>
                      <a:pt x="1546" y="179"/>
                    </a:lnTo>
                    <a:lnTo>
                      <a:pt x="1559" y="183"/>
                    </a:lnTo>
                    <a:lnTo>
                      <a:pt x="1574" y="189"/>
                    </a:lnTo>
                    <a:lnTo>
                      <a:pt x="1590" y="200"/>
                    </a:lnTo>
                    <a:lnTo>
                      <a:pt x="1607" y="210"/>
                    </a:lnTo>
                    <a:lnTo>
                      <a:pt x="1623" y="223"/>
                    </a:lnTo>
                    <a:lnTo>
                      <a:pt x="1638" y="235"/>
                    </a:lnTo>
                    <a:lnTo>
                      <a:pt x="1651" y="245"/>
                    </a:lnTo>
                    <a:lnTo>
                      <a:pt x="1660" y="255"/>
                    </a:lnTo>
                    <a:lnTo>
                      <a:pt x="1669" y="267"/>
                    </a:lnTo>
                    <a:lnTo>
                      <a:pt x="1675" y="279"/>
                    </a:lnTo>
                    <a:lnTo>
                      <a:pt x="1679" y="292"/>
                    </a:lnTo>
                    <a:lnTo>
                      <a:pt x="1680" y="305"/>
                    </a:lnTo>
                    <a:lnTo>
                      <a:pt x="1682" y="332"/>
                    </a:lnTo>
                    <a:lnTo>
                      <a:pt x="1680" y="360"/>
                    </a:lnTo>
                    <a:lnTo>
                      <a:pt x="1680" y="373"/>
                    </a:lnTo>
                    <a:lnTo>
                      <a:pt x="1682" y="386"/>
                    </a:lnTo>
                    <a:lnTo>
                      <a:pt x="1684" y="399"/>
                    </a:lnTo>
                    <a:lnTo>
                      <a:pt x="1688" y="411"/>
                    </a:lnTo>
                    <a:lnTo>
                      <a:pt x="1691" y="422"/>
                    </a:lnTo>
                    <a:lnTo>
                      <a:pt x="1696" y="433"/>
                    </a:lnTo>
                    <a:lnTo>
                      <a:pt x="1701" y="443"/>
                    </a:lnTo>
                    <a:lnTo>
                      <a:pt x="1706" y="454"/>
                    </a:lnTo>
                    <a:lnTo>
                      <a:pt x="1719" y="473"/>
                    </a:lnTo>
                    <a:lnTo>
                      <a:pt x="1734" y="491"/>
                    </a:lnTo>
                    <a:lnTo>
                      <a:pt x="1748" y="508"/>
                    </a:lnTo>
                    <a:lnTo>
                      <a:pt x="1765" y="525"/>
                    </a:lnTo>
                    <a:lnTo>
                      <a:pt x="1780" y="542"/>
                    </a:lnTo>
                    <a:lnTo>
                      <a:pt x="1794" y="559"/>
                    </a:lnTo>
                    <a:lnTo>
                      <a:pt x="1809" y="575"/>
                    </a:lnTo>
                    <a:lnTo>
                      <a:pt x="1822" y="592"/>
                    </a:lnTo>
                    <a:lnTo>
                      <a:pt x="1827" y="603"/>
                    </a:lnTo>
                    <a:lnTo>
                      <a:pt x="1832" y="612"/>
                    </a:lnTo>
                    <a:lnTo>
                      <a:pt x="1837" y="622"/>
                    </a:lnTo>
                    <a:lnTo>
                      <a:pt x="1840" y="632"/>
                    </a:lnTo>
                    <a:lnTo>
                      <a:pt x="1844" y="643"/>
                    </a:lnTo>
                    <a:lnTo>
                      <a:pt x="1846" y="653"/>
                    </a:lnTo>
                    <a:lnTo>
                      <a:pt x="1848" y="665"/>
                    </a:lnTo>
                    <a:lnTo>
                      <a:pt x="1848" y="678"/>
                    </a:lnTo>
                    <a:lnTo>
                      <a:pt x="1851" y="815"/>
                    </a:lnTo>
                    <a:lnTo>
                      <a:pt x="1772" y="897"/>
                    </a:lnTo>
                    <a:lnTo>
                      <a:pt x="1767" y="903"/>
                    </a:lnTo>
                    <a:lnTo>
                      <a:pt x="1763" y="910"/>
                    </a:lnTo>
                    <a:lnTo>
                      <a:pt x="1762" y="916"/>
                    </a:lnTo>
                    <a:lnTo>
                      <a:pt x="1761" y="924"/>
                    </a:lnTo>
                    <a:lnTo>
                      <a:pt x="1759" y="938"/>
                    </a:lnTo>
                    <a:lnTo>
                      <a:pt x="1761" y="951"/>
                    </a:lnTo>
                    <a:lnTo>
                      <a:pt x="1761" y="959"/>
                    </a:lnTo>
                    <a:lnTo>
                      <a:pt x="1759" y="965"/>
                    </a:lnTo>
                    <a:lnTo>
                      <a:pt x="1759" y="970"/>
                    </a:lnTo>
                    <a:lnTo>
                      <a:pt x="1757" y="977"/>
                    </a:lnTo>
                    <a:lnTo>
                      <a:pt x="1754" y="982"/>
                    </a:lnTo>
                    <a:lnTo>
                      <a:pt x="1750" y="987"/>
                    </a:lnTo>
                    <a:lnTo>
                      <a:pt x="1744" y="992"/>
                    </a:lnTo>
                    <a:lnTo>
                      <a:pt x="1736" y="996"/>
                    </a:lnTo>
                    <a:lnTo>
                      <a:pt x="1723" y="1000"/>
                    </a:lnTo>
                    <a:lnTo>
                      <a:pt x="1710" y="1002"/>
                    </a:lnTo>
                    <a:lnTo>
                      <a:pt x="1696" y="1000"/>
                    </a:lnTo>
                    <a:lnTo>
                      <a:pt x="1682" y="999"/>
                    </a:lnTo>
                    <a:lnTo>
                      <a:pt x="1653" y="992"/>
                    </a:lnTo>
                    <a:lnTo>
                      <a:pt x="1625" y="986"/>
                    </a:lnTo>
                    <a:lnTo>
                      <a:pt x="1611" y="983"/>
                    </a:lnTo>
                    <a:lnTo>
                      <a:pt x="1596" y="983"/>
                    </a:lnTo>
                    <a:lnTo>
                      <a:pt x="1583" y="985"/>
                    </a:lnTo>
                    <a:lnTo>
                      <a:pt x="1572" y="989"/>
                    </a:lnTo>
                    <a:lnTo>
                      <a:pt x="1565" y="991"/>
                    </a:lnTo>
                    <a:lnTo>
                      <a:pt x="1560" y="995"/>
                    </a:lnTo>
                    <a:lnTo>
                      <a:pt x="1555" y="1000"/>
                    </a:lnTo>
                    <a:lnTo>
                      <a:pt x="1550" y="1005"/>
                    </a:lnTo>
                    <a:lnTo>
                      <a:pt x="1544" y="1012"/>
                    </a:lnTo>
                    <a:lnTo>
                      <a:pt x="1541" y="1020"/>
                    </a:lnTo>
                    <a:lnTo>
                      <a:pt x="1537" y="1027"/>
                    </a:lnTo>
                    <a:lnTo>
                      <a:pt x="1533" y="1038"/>
                    </a:lnTo>
                    <a:lnTo>
                      <a:pt x="1524" y="1039"/>
                    </a:lnTo>
                    <a:lnTo>
                      <a:pt x="1515" y="1040"/>
                    </a:lnTo>
                    <a:lnTo>
                      <a:pt x="1504" y="1040"/>
                    </a:lnTo>
                    <a:lnTo>
                      <a:pt x="1494" y="1040"/>
                    </a:lnTo>
                    <a:lnTo>
                      <a:pt x="1472" y="1039"/>
                    </a:lnTo>
                    <a:lnTo>
                      <a:pt x="1452" y="1040"/>
                    </a:lnTo>
                    <a:lnTo>
                      <a:pt x="1395" y="1021"/>
                    </a:lnTo>
                    <a:lnTo>
                      <a:pt x="1359" y="995"/>
                    </a:lnTo>
                    <a:lnTo>
                      <a:pt x="1326" y="969"/>
                    </a:lnTo>
                    <a:lnTo>
                      <a:pt x="1309" y="956"/>
                    </a:lnTo>
                    <a:lnTo>
                      <a:pt x="1293" y="942"/>
                    </a:lnTo>
                    <a:lnTo>
                      <a:pt x="1278" y="926"/>
                    </a:lnTo>
                    <a:lnTo>
                      <a:pt x="1262" y="908"/>
                    </a:lnTo>
                    <a:lnTo>
                      <a:pt x="1253" y="899"/>
                    </a:lnTo>
                    <a:lnTo>
                      <a:pt x="1243" y="891"/>
                    </a:lnTo>
                    <a:lnTo>
                      <a:pt x="1231" y="884"/>
                    </a:lnTo>
                    <a:lnTo>
                      <a:pt x="1219" y="878"/>
                    </a:lnTo>
                    <a:lnTo>
                      <a:pt x="1195" y="869"/>
                    </a:lnTo>
                    <a:lnTo>
                      <a:pt x="1167" y="862"/>
                    </a:lnTo>
                    <a:lnTo>
                      <a:pt x="1142" y="855"/>
                    </a:lnTo>
                    <a:lnTo>
                      <a:pt x="1114" y="847"/>
                    </a:lnTo>
                    <a:lnTo>
                      <a:pt x="1103" y="844"/>
                    </a:lnTo>
                    <a:lnTo>
                      <a:pt x="1091" y="837"/>
                    </a:lnTo>
                    <a:lnTo>
                      <a:pt x="1079" y="831"/>
                    </a:lnTo>
                    <a:lnTo>
                      <a:pt x="1069" y="823"/>
                    </a:lnTo>
                    <a:lnTo>
                      <a:pt x="1043" y="799"/>
                    </a:lnTo>
                    <a:lnTo>
                      <a:pt x="1025" y="785"/>
                    </a:lnTo>
                    <a:lnTo>
                      <a:pt x="1016" y="780"/>
                    </a:lnTo>
                    <a:lnTo>
                      <a:pt x="1004" y="776"/>
                    </a:lnTo>
                    <a:lnTo>
                      <a:pt x="990" y="774"/>
                    </a:lnTo>
                    <a:lnTo>
                      <a:pt x="971" y="772"/>
                    </a:lnTo>
                    <a:lnTo>
                      <a:pt x="949" y="784"/>
                    </a:lnTo>
                    <a:lnTo>
                      <a:pt x="921" y="794"/>
                    </a:lnTo>
                    <a:lnTo>
                      <a:pt x="907" y="799"/>
                    </a:lnTo>
                    <a:lnTo>
                      <a:pt x="894" y="803"/>
                    </a:lnTo>
                    <a:lnTo>
                      <a:pt x="881" y="806"/>
                    </a:lnTo>
                    <a:lnTo>
                      <a:pt x="868" y="807"/>
                    </a:lnTo>
                    <a:lnTo>
                      <a:pt x="847" y="803"/>
                    </a:lnTo>
                    <a:lnTo>
                      <a:pt x="827" y="797"/>
                    </a:lnTo>
                    <a:lnTo>
                      <a:pt x="816" y="796"/>
                    </a:lnTo>
                    <a:lnTo>
                      <a:pt x="806" y="796"/>
                    </a:lnTo>
                    <a:lnTo>
                      <a:pt x="801" y="796"/>
                    </a:lnTo>
                    <a:lnTo>
                      <a:pt x="796" y="798"/>
                    </a:lnTo>
                    <a:lnTo>
                      <a:pt x="790" y="801"/>
                    </a:lnTo>
                    <a:lnTo>
                      <a:pt x="785" y="803"/>
                    </a:lnTo>
                    <a:lnTo>
                      <a:pt x="778" y="810"/>
                    </a:lnTo>
                    <a:lnTo>
                      <a:pt x="770" y="812"/>
                    </a:lnTo>
                    <a:lnTo>
                      <a:pt x="762" y="814"/>
                    </a:lnTo>
                    <a:lnTo>
                      <a:pt x="755" y="815"/>
                    </a:lnTo>
                    <a:lnTo>
                      <a:pt x="741" y="812"/>
                    </a:lnTo>
                    <a:lnTo>
                      <a:pt x="723" y="811"/>
                    </a:lnTo>
                    <a:lnTo>
                      <a:pt x="702" y="812"/>
                    </a:lnTo>
                    <a:lnTo>
                      <a:pt x="683" y="815"/>
                    </a:lnTo>
                    <a:lnTo>
                      <a:pt x="664" y="818"/>
                    </a:lnTo>
                    <a:lnTo>
                      <a:pt x="643" y="819"/>
                    </a:lnTo>
                    <a:lnTo>
                      <a:pt x="595" y="818"/>
                    </a:lnTo>
                    <a:lnTo>
                      <a:pt x="546" y="815"/>
                    </a:lnTo>
                    <a:lnTo>
                      <a:pt x="496" y="812"/>
                    </a:lnTo>
                    <a:lnTo>
                      <a:pt x="447" y="809"/>
                    </a:lnTo>
                    <a:lnTo>
                      <a:pt x="398" y="807"/>
                    </a:lnTo>
                    <a:lnTo>
                      <a:pt x="349" y="807"/>
                    </a:lnTo>
                    <a:lnTo>
                      <a:pt x="324" y="809"/>
                    </a:lnTo>
                    <a:lnTo>
                      <a:pt x="299" y="810"/>
                    </a:lnTo>
                    <a:lnTo>
                      <a:pt x="276" y="812"/>
                    </a:lnTo>
                    <a:lnTo>
                      <a:pt x="252" y="816"/>
                    </a:lnTo>
                    <a:lnTo>
                      <a:pt x="241" y="819"/>
                    </a:lnTo>
                    <a:lnTo>
                      <a:pt x="231" y="823"/>
                    </a:lnTo>
                    <a:lnTo>
                      <a:pt x="220" y="828"/>
                    </a:lnTo>
                    <a:lnTo>
                      <a:pt x="211" y="834"/>
                    </a:lnTo>
                    <a:lnTo>
                      <a:pt x="201" y="842"/>
                    </a:lnTo>
                    <a:lnTo>
                      <a:pt x="192" y="850"/>
                    </a:lnTo>
                    <a:lnTo>
                      <a:pt x="183" y="859"/>
                    </a:lnTo>
                    <a:lnTo>
                      <a:pt x="174" y="869"/>
                    </a:lnTo>
                    <a:lnTo>
                      <a:pt x="140" y="910"/>
                    </a:lnTo>
                    <a:lnTo>
                      <a:pt x="110" y="947"/>
                    </a:lnTo>
                    <a:lnTo>
                      <a:pt x="25" y="95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2" name="Freeform 63">
                <a:extLst>
                  <a:ext uri="{FF2B5EF4-FFF2-40B4-BE49-F238E27FC236}">
                    <a16:creationId xmlns:a16="http://schemas.microsoft.com/office/drawing/2014/main" id="{15C2E2DF-95A5-4047-B520-82AE8A5880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30504" y="2357358"/>
                <a:ext cx="841621" cy="469639"/>
              </a:xfrm>
              <a:custGeom>
                <a:avLst/>
                <a:gdLst/>
                <a:ahLst/>
                <a:cxnLst>
                  <a:cxn ang="0">
                    <a:pos x="24" y="872"/>
                  </a:cxn>
                  <a:cxn ang="0">
                    <a:pos x="0" y="736"/>
                  </a:cxn>
                  <a:cxn ang="0">
                    <a:pos x="16" y="656"/>
                  </a:cxn>
                  <a:cxn ang="0">
                    <a:pos x="65" y="565"/>
                  </a:cxn>
                  <a:cxn ang="0">
                    <a:pos x="93" y="443"/>
                  </a:cxn>
                  <a:cxn ang="0">
                    <a:pos x="113" y="359"/>
                  </a:cxn>
                  <a:cxn ang="0">
                    <a:pos x="183" y="248"/>
                  </a:cxn>
                  <a:cxn ang="0">
                    <a:pos x="226" y="207"/>
                  </a:cxn>
                  <a:cxn ang="0">
                    <a:pos x="336" y="176"/>
                  </a:cxn>
                  <a:cxn ang="0">
                    <a:pos x="410" y="157"/>
                  </a:cxn>
                  <a:cxn ang="0">
                    <a:pos x="419" y="179"/>
                  </a:cxn>
                  <a:cxn ang="0">
                    <a:pos x="423" y="226"/>
                  </a:cxn>
                  <a:cxn ang="0">
                    <a:pos x="467" y="275"/>
                  </a:cxn>
                  <a:cxn ang="0">
                    <a:pos x="649" y="481"/>
                  </a:cxn>
                  <a:cxn ang="0">
                    <a:pos x="704" y="503"/>
                  </a:cxn>
                  <a:cxn ang="0">
                    <a:pos x="779" y="479"/>
                  </a:cxn>
                  <a:cxn ang="0">
                    <a:pos x="837" y="419"/>
                  </a:cxn>
                  <a:cxn ang="0">
                    <a:pos x="851" y="354"/>
                  </a:cxn>
                  <a:cxn ang="0">
                    <a:pos x="840" y="200"/>
                  </a:cxn>
                  <a:cxn ang="0">
                    <a:pos x="841" y="68"/>
                  </a:cxn>
                  <a:cxn ang="0">
                    <a:pos x="986" y="30"/>
                  </a:cxn>
                  <a:cxn ang="0">
                    <a:pos x="1075" y="0"/>
                  </a:cxn>
                  <a:cxn ang="0">
                    <a:pos x="1116" y="7"/>
                  </a:cxn>
                  <a:cxn ang="0">
                    <a:pos x="1195" y="75"/>
                  </a:cxn>
                  <a:cxn ang="0">
                    <a:pos x="1241" y="135"/>
                  </a:cxn>
                  <a:cxn ang="0">
                    <a:pos x="1313" y="188"/>
                  </a:cxn>
                  <a:cxn ang="0">
                    <a:pos x="1351" y="209"/>
                  </a:cxn>
                  <a:cxn ang="0">
                    <a:pos x="1421" y="202"/>
                  </a:cxn>
                  <a:cxn ang="0">
                    <a:pos x="1520" y="174"/>
                  </a:cxn>
                  <a:cxn ang="0">
                    <a:pos x="1574" y="189"/>
                  </a:cxn>
                  <a:cxn ang="0">
                    <a:pos x="1651" y="245"/>
                  </a:cxn>
                  <a:cxn ang="0">
                    <a:pos x="1680" y="305"/>
                  </a:cxn>
                  <a:cxn ang="0">
                    <a:pos x="1684" y="399"/>
                  </a:cxn>
                  <a:cxn ang="0">
                    <a:pos x="1706" y="454"/>
                  </a:cxn>
                  <a:cxn ang="0">
                    <a:pos x="1780" y="542"/>
                  </a:cxn>
                  <a:cxn ang="0">
                    <a:pos x="1832" y="612"/>
                  </a:cxn>
                  <a:cxn ang="0">
                    <a:pos x="1848" y="665"/>
                  </a:cxn>
                  <a:cxn ang="0">
                    <a:pos x="1767" y="903"/>
                  </a:cxn>
                  <a:cxn ang="0">
                    <a:pos x="1761" y="951"/>
                  </a:cxn>
                  <a:cxn ang="0">
                    <a:pos x="1754" y="982"/>
                  </a:cxn>
                  <a:cxn ang="0">
                    <a:pos x="1710" y="1002"/>
                  </a:cxn>
                  <a:cxn ang="0">
                    <a:pos x="1611" y="983"/>
                  </a:cxn>
                  <a:cxn ang="0">
                    <a:pos x="1560" y="995"/>
                  </a:cxn>
                  <a:cxn ang="0">
                    <a:pos x="1537" y="1027"/>
                  </a:cxn>
                  <a:cxn ang="0">
                    <a:pos x="1494" y="1040"/>
                  </a:cxn>
                  <a:cxn ang="0">
                    <a:pos x="1359" y="995"/>
                  </a:cxn>
                  <a:cxn ang="0">
                    <a:pos x="1262" y="908"/>
                  </a:cxn>
                  <a:cxn ang="0">
                    <a:pos x="1195" y="869"/>
                  </a:cxn>
                  <a:cxn ang="0">
                    <a:pos x="1091" y="837"/>
                  </a:cxn>
                  <a:cxn ang="0">
                    <a:pos x="1016" y="780"/>
                  </a:cxn>
                  <a:cxn ang="0">
                    <a:pos x="921" y="794"/>
                  </a:cxn>
                  <a:cxn ang="0">
                    <a:pos x="847" y="803"/>
                  </a:cxn>
                  <a:cxn ang="0">
                    <a:pos x="796" y="798"/>
                  </a:cxn>
                  <a:cxn ang="0">
                    <a:pos x="762" y="814"/>
                  </a:cxn>
                  <a:cxn ang="0">
                    <a:pos x="683" y="815"/>
                  </a:cxn>
                  <a:cxn ang="0">
                    <a:pos x="496" y="812"/>
                  </a:cxn>
                  <a:cxn ang="0">
                    <a:pos x="299" y="810"/>
                  </a:cxn>
                  <a:cxn ang="0">
                    <a:pos x="220" y="828"/>
                  </a:cxn>
                  <a:cxn ang="0">
                    <a:pos x="174" y="869"/>
                  </a:cxn>
                </a:cxnLst>
                <a:rect l="0" t="0" r="r" b="b"/>
                <a:pathLst>
                  <a:path w="1851" h="1040">
                    <a:moveTo>
                      <a:pt x="25" y="950"/>
                    </a:moveTo>
                    <a:lnTo>
                      <a:pt x="22" y="930"/>
                    </a:lnTo>
                    <a:lnTo>
                      <a:pt x="21" y="912"/>
                    </a:lnTo>
                    <a:lnTo>
                      <a:pt x="21" y="893"/>
                    </a:lnTo>
                    <a:lnTo>
                      <a:pt x="24" y="872"/>
                    </a:lnTo>
                    <a:lnTo>
                      <a:pt x="13" y="827"/>
                    </a:lnTo>
                    <a:lnTo>
                      <a:pt x="5" y="788"/>
                    </a:lnTo>
                    <a:lnTo>
                      <a:pt x="3" y="770"/>
                    </a:lnTo>
                    <a:lnTo>
                      <a:pt x="2" y="753"/>
                    </a:lnTo>
                    <a:lnTo>
                      <a:pt x="0" y="736"/>
                    </a:lnTo>
                    <a:lnTo>
                      <a:pt x="2" y="720"/>
                    </a:lnTo>
                    <a:lnTo>
                      <a:pt x="3" y="704"/>
                    </a:lnTo>
                    <a:lnTo>
                      <a:pt x="5" y="688"/>
                    </a:lnTo>
                    <a:lnTo>
                      <a:pt x="11" y="673"/>
                    </a:lnTo>
                    <a:lnTo>
                      <a:pt x="16" y="656"/>
                    </a:lnTo>
                    <a:lnTo>
                      <a:pt x="24" y="639"/>
                    </a:lnTo>
                    <a:lnTo>
                      <a:pt x="31" y="621"/>
                    </a:lnTo>
                    <a:lnTo>
                      <a:pt x="43" y="601"/>
                    </a:lnTo>
                    <a:lnTo>
                      <a:pt x="55" y="582"/>
                    </a:lnTo>
                    <a:lnTo>
                      <a:pt x="65" y="565"/>
                    </a:lnTo>
                    <a:lnTo>
                      <a:pt x="73" y="548"/>
                    </a:lnTo>
                    <a:lnTo>
                      <a:pt x="78" y="530"/>
                    </a:lnTo>
                    <a:lnTo>
                      <a:pt x="83" y="513"/>
                    </a:lnTo>
                    <a:lnTo>
                      <a:pt x="90" y="478"/>
                    </a:lnTo>
                    <a:lnTo>
                      <a:pt x="93" y="443"/>
                    </a:lnTo>
                    <a:lnTo>
                      <a:pt x="96" y="425"/>
                    </a:lnTo>
                    <a:lnTo>
                      <a:pt x="99" y="408"/>
                    </a:lnTo>
                    <a:lnTo>
                      <a:pt x="103" y="391"/>
                    </a:lnTo>
                    <a:lnTo>
                      <a:pt x="106" y="376"/>
                    </a:lnTo>
                    <a:lnTo>
                      <a:pt x="113" y="359"/>
                    </a:lnTo>
                    <a:lnTo>
                      <a:pt x="119" y="343"/>
                    </a:lnTo>
                    <a:lnTo>
                      <a:pt x="128" y="328"/>
                    </a:lnTo>
                    <a:lnTo>
                      <a:pt x="140" y="314"/>
                    </a:lnTo>
                    <a:lnTo>
                      <a:pt x="162" y="283"/>
                    </a:lnTo>
                    <a:lnTo>
                      <a:pt x="183" y="248"/>
                    </a:lnTo>
                    <a:lnTo>
                      <a:pt x="195" y="232"/>
                    </a:lnTo>
                    <a:lnTo>
                      <a:pt x="206" y="219"/>
                    </a:lnTo>
                    <a:lnTo>
                      <a:pt x="213" y="214"/>
                    </a:lnTo>
                    <a:lnTo>
                      <a:pt x="219" y="210"/>
                    </a:lnTo>
                    <a:lnTo>
                      <a:pt x="226" y="207"/>
                    </a:lnTo>
                    <a:lnTo>
                      <a:pt x="233" y="206"/>
                    </a:lnTo>
                    <a:lnTo>
                      <a:pt x="252" y="204"/>
                    </a:lnTo>
                    <a:lnTo>
                      <a:pt x="277" y="196"/>
                    </a:lnTo>
                    <a:lnTo>
                      <a:pt x="306" y="187"/>
                    </a:lnTo>
                    <a:lnTo>
                      <a:pt x="336" y="176"/>
                    </a:lnTo>
                    <a:lnTo>
                      <a:pt x="364" y="166"/>
                    </a:lnTo>
                    <a:lnTo>
                      <a:pt x="389" y="160"/>
                    </a:lnTo>
                    <a:lnTo>
                      <a:pt x="399" y="157"/>
                    </a:lnTo>
                    <a:lnTo>
                      <a:pt x="407" y="157"/>
                    </a:lnTo>
                    <a:lnTo>
                      <a:pt x="410" y="157"/>
                    </a:lnTo>
                    <a:lnTo>
                      <a:pt x="412" y="158"/>
                    </a:lnTo>
                    <a:lnTo>
                      <a:pt x="413" y="158"/>
                    </a:lnTo>
                    <a:lnTo>
                      <a:pt x="415" y="161"/>
                    </a:lnTo>
                    <a:lnTo>
                      <a:pt x="417" y="170"/>
                    </a:lnTo>
                    <a:lnTo>
                      <a:pt x="419" y="179"/>
                    </a:lnTo>
                    <a:lnTo>
                      <a:pt x="419" y="188"/>
                    </a:lnTo>
                    <a:lnTo>
                      <a:pt x="419" y="198"/>
                    </a:lnTo>
                    <a:lnTo>
                      <a:pt x="419" y="207"/>
                    </a:lnTo>
                    <a:lnTo>
                      <a:pt x="420" y="217"/>
                    </a:lnTo>
                    <a:lnTo>
                      <a:pt x="423" y="226"/>
                    </a:lnTo>
                    <a:lnTo>
                      <a:pt x="426" y="235"/>
                    </a:lnTo>
                    <a:lnTo>
                      <a:pt x="434" y="245"/>
                    </a:lnTo>
                    <a:lnTo>
                      <a:pt x="445" y="255"/>
                    </a:lnTo>
                    <a:lnTo>
                      <a:pt x="455" y="266"/>
                    </a:lnTo>
                    <a:lnTo>
                      <a:pt x="467" y="275"/>
                    </a:lnTo>
                    <a:lnTo>
                      <a:pt x="490" y="296"/>
                    </a:lnTo>
                    <a:lnTo>
                      <a:pt x="509" y="316"/>
                    </a:lnTo>
                    <a:lnTo>
                      <a:pt x="614" y="448"/>
                    </a:lnTo>
                    <a:lnTo>
                      <a:pt x="630" y="463"/>
                    </a:lnTo>
                    <a:lnTo>
                      <a:pt x="649" y="481"/>
                    </a:lnTo>
                    <a:lnTo>
                      <a:pt x="660" y="489"/>
                    </a:lnTo>
                    <a:lnTo>
                      <a:pt x="670" y="496"/>
                    </a:lnTo>
                    <a:lnTo>
                      <a:pt x="680" y="502"/>
                    </a:lnTo>
                    <a:lnTo>
                      <a:pt x="688" y="503"/>
                    </a:lnTo>
                    <a:lnTo>
                      <a:pt x="704" y="503"/>
                    </a:lnTo>
                    <a:lnTo>
                      <a:pt x="719" y="502"/>
                    </a:lnTo>
                    <a:lnTo>
                      <a:pt x="735" y="499"/>
                    </a:lnTo>
                    <a:lnTo>
                      <a:pt x="749" y="495"/>
                    </a:lnTo>
                    <a:lnTo>
                      <a:pt x="765" y="487"/>
                    </a:lnTo>
                    <a:lnTo>
                      <a:pt x="779" y="479"/>
                    </a:lnTo>
                    <a:lnTo>
                      <a:pt x="793" y="469"/>
                    </a:lnTo>
                    <a:lnTo>
                      <a:pt x="806" y="457"/>
                    </a:lnTo>
                    <a:lnTo>
                      <a:pt x="818" y="446"/>
                    </a:lnTo>
                    <a:lnTo>
                      <a:pt x="828" y="432"/>
                    </a:lnTo>
                    <a:lnTo>
                      <a:pt x="837" y="419"/>
                    </a:lnTo>
                    <a:lnTo>
                      <a:pt x="845" y="403"/>
                    </a:lnTo>
                    <a:lnTo>
                      <a:pt x="849" y="391"/>
                    </a:lnTo>
                    <a:lnTo>
                      <a:pt x="851" y="378"/>
                    </a:lnTo>
                    <a:lnTo>
                      <a:pt x="851" y="365"/>
                    </a:lnTo>
                    <a:lnTo>
                      <a:pt x="851" y="354"/>
                    </a:lnTo>
                    <a:lnTo>
                      <a:pt x="850" y="328"/>
                    </a:lnTo>
                    <a:lnTo>
                      <a:pt x="847" y="302"/>
                    </a:lnTo>
                    <a:lnTo>
                      <a:pt x="846" y="267"/>
                    </a:lnTo>
                    <a:lnTo>
                      <a:pt x="844" y="233"/>
                    </a:lnTo>
                    <a:lnTo>
                      <a:pt x="840" y="200"/>
                    </a:lnTo>
                    <a:lnTo>
                      <a:pt x="836" y="165"/>
                    </a:lnTo>
                    <a:lnTo>
                      <a:pt x="836" y="140"/>
                    </a:lnTo>
                    <a:lnTo>
                      <a:pt x="836" y="115"/>
                    </a:lnTo>
                    <a:lnTo>
                      <a:pt x="838" y="91"/>
                    </a:lnTo>
                    <a:lnTo>
                      <a:pt x="841" y="68"/>
                    </a:lnTo>
                    <a:lnTo>
                      <a:pt x="841" y="68"/>
                    </a:lnTo>
                    <a:lnTo>
                      <a:pt x="919" y="55"/>
                    </a:lnTo>
                    <a:lnTo>
                      <a:pt x="941" y="49"/>
                    </a:lnTo>
                    <a:lnTo>
                      <a:pt x="963" y="40"/>
                    </a:lnTo>
                    <a:lnTo>
                      <a:pt x="986" y="30"/>
                    </a:lnTo>
                    <a:lnTo>
                      <a:pt x="1008" y="21"/>
                    </a:lnTo>
                    <a:lnTo>
                      <a:pt x="1031" y="12"/>
                    </a:lnTo>
                    <a:lnTo>
                      <a:pt x="1053" y="4"/>
                    </a:lnTo>
                    <a:lnTo>
                      <a:pt x="1064" y="1"/>
                    </a:lnTo>
                    <a:lnTo>
                      <a:pt x="1075" y="0"/>
                    </a:lnTo>
                    <a:lnTo>
                      <a:pt x="1086" y="0"/>
                    </a:lnTo>
                    <a:lnTo>
                      <a:pt x="1097" y="0"/>
                    </a:lnTo>
                    <a:lnTo>
                      <a:pt x="1103" y="1"/>
                    </a:lnTo>
                    <a:lnTo>
                      <a:pt x="1109" y="4"/>
                    </a:lnTo>
                    <a:lnTo>
                      <a:pt x="1116" y="7"/>
                    </a:lnTo>
                    <a:lnTo>
                      <a:pt x="1122" y="11"/>
                    </a:lnTo>
                    <a:lnTo>
                      <a:pt x="1136" y="20"/>
                    </a:lnTo>
                    <a:lnTo>
                      <a:pt x="1149" y="30"/>
                    </a:lnTo>
                    <a:lnTo>
                      <a:pt x="1175" y="55"/>
                    </a:lnTo>
                    <a:lnTo>
                      <a:pt x="1195" y="75"/>
                    </a:lnTo>
                    <a:lnTo>
                      <a:pt x="1209" y="96"/>
                    </a:lnTo>
                    <a:lnTo>
                      <a:pt x="1219" y="113"/>
                    </a:lnTo>
                    <a:lnTo>
                      <a:pt x="1224" y="121"/>
                    </a:lnTo>
                    <a:lnTo>
                      <a:pt x="1232" y="128"/>
                    </a:lnTo>
                    <a:lnTo>
                      <a:pt x="1241" y="135"/>
                    </a:lnTo>
                    <a:lnTo>
                      <a:pt x="1253" y="143"/>
                    </a:lnTo>
                    <a:lnTo>
                      <a:pt x="1270" y="152"/>
                    </a:lnTo>
                    <a:lnTo>
                      <a:pt x="1285" y="163"/>
                    </a:lnTo>
                    <a:lnTo>
                      <a:pt x="1300" y="175"/>
                    </a:lnTo>
                    <a:lnTo>
                      <a:pt x="1313" y="188"/>
                    </a:lnTo>
                    <a:lnTo>
                      <a:pt x="1320" y="193"/>
                    </a:lnTo>
                    <a:lnTo>
                      <a:pt x="1328" y="198"/>
                    </a:lnTo>
                    <a:lnTo>
                      <a:pt x="1336" y="202"/>
                    </a:lnTo>
                    <a:lnTo>
                      <a:pt x="1344" y="206"/>
                    </a:lnTo>
                    <a:lnTo>
                      <a:pt x="1351" y="209"/>
                    </a:lnTo>
                    <a:lnTo>
                      <a:pt x="1360" y="211"/>
                    </a:lnTo>
                    <a:lnTo>
                      <a:pt x="1371" y="211"/>
                    </a:lnTo>
                    <a:lnTo>
                      <a:pt x="1381" y="211"/>
                    </a:lnTo>
                    <a:lnTo>
                      <a:pt x="1402" y="207"/>
                    </a:lnTo>
                    <a:lnTo>
                      <a:pt x="1421" y="202"/>
                    </a:lnTo>
                    <a:lnTo>
                      <a:pt x="1441" y="196"/>
                    </a:lnTo>
                    <a:lnTo>
                      <a:pt x="1460" y="189"/>
                    </a:lnTo>
                    <a:lnTo>
                      <a:pt x="1480" y="183"/>
                    </a:lnTo>
                    <a:lnTo>
                      <a:pt x="1499" y="178"/>
                    </a:lnTo>
                    <a:lnTo>
                      <a:pt x="1520" y="174"/>
                    </a:lnTo>
                    <a:lnTo>
                      <a:pt x="1541" y="172"/>
                    </a:lnTo>
                    <a:lnTo>
                      <a:pt x="1541" y="172"/>
                    </a:lnTo>
                    <a:lnTo>
                      <a:pt x="1546" y="179"/>
                    </a:lnTo>
                    <a:lnTo>
                      <a:pt x="1559" y="183"/>
                    </a:lnTo>
                    <a:lnTo>
                      <a:pt x="1574" y="189"/>
                    </a:lnTo>
                    <a:lnTo>
                      <a:pt x="1590" y="200"/>
                    </a:lnTo>
                    <a:lnTo>
                      <a:pt x="1607" y="210"/>
                    </a:lnTo>
                    <a:lnTo>
                      <a:pt x="1623" y="223"/>
                    </a:lnTo>
                    <a:lnTo>
                      <a:pt x="1638" y="235"/>
                    </a:lnTo>
                    <a:lnTo>
                      <a:pt x="1651" y="245"/>
                    </a:lnTo>
                    <a:lnTo>
                      <a:pt x="1660" y="255"/>
                    </a:lnTo>
                    <a:lnTo>
                      <a:pt x="1669" y="267"/>
                    </a:lnTo>
                    <a:lnTo>
                      <a:pt x="1675" y="279"/>
                    </a:lnTo>
                    <a:lnTo>
                      <a:pt x="1679" y="292"/>
                    </a:lnTo>
                    <a:lnTo>
                      <a:pt x="1680" y="305"/>
                    </a:lnTo>
                    <a:lnTo>
                      <a:pt x="1682" y="332"/>
                    </a:lnTo>
                    <a:lnTo>
                      <a:pt x="1680" y="360"/>
                    </a:lnTo>
                    <a:lnTo>
                      <a:pt x="1680" y="373"/>
                    </a:lnTo>
                    <a:lnTo>
                      <a:pt x="1682" y="386"/>
                    </a:lnTo>
                    <a:lnTo>
                      <a:pt x="1684" y="399"/>
                    </a:lnTo>
                    <a:lnTo>
                      <a:pt x="1688" y="411"/>
                    </a:lnTo>
                    <a:lnTo>
                      <a:pt x="1691" y="422"/>
                    </a:lnTo>
                    <a:lnTo>
                      <a:pt x="1696" y="433"/>
                    </a:lnTo>
                    <a:lnTo>
                      <a:pt x="1701" y="443"/>
                    </a:lnTo>
                    <a:lnTo>
                      <a:pt x="1706" y="454"/>
                    </a:lnTo>
                    <a:lnTo>
                      <a:pt x="1719" y="473"/>
                    </a:lnTo>
                    <a:lnTo>
                      <a:pt x="1734" y="491"/>
                    </a:lnTo>
                    <a:lnTo>
                      <a:pt x="1748" y="508"/>
                    </a:lnTo>
                    <a:lnTo>
                      <a:pt x="1765" y="525"/>
                    </a:lnTo>
                    <a:lnTo>
                      <a:pt x="1780" y="542"/>
                    </a:lnTo>
                    <a:lnTo>
                      <a:pt x="1794" y="559"/>
                    </a:lnTo>
                    <a:lnTo>
                      <a:pt x="1809" y="575"/>
                    </a:lnTo>
                    <a:lnTo>
                      <a:pt x="1822" y="592"/>
                    </a:lnTo>
                    <a:lnTo>
                      <a:pt x="1827" y="603"/>
                    </a:lnTo>
                    <a:lnTo>
                      <a:pt x="1832" y="612"/>
                    </a:lnTo>
                    <a:lnTo>
                      <a:pt x="1837" y="622"/>
                    </a:lnTo>
                    <a:lnTo>
                      <a:pt x="1840" y="632"/>
                    </a:lnTo>
                    <a:lnTo>
                      <a:pt x="1844" y="643"/>
                    </a:lnTo>
                    <a:lnTo>
                      <a:pt x="1846" y="653"/>
                    </a:lnTo>
                    <a:lnTo>
                      <a:pt x="1848" y="665"/>
                    </a:lnTo>
                    <a:lnTo>
                      <a:pt x="1848" y="678"/>
                    </a:lnTo>
                    <a:lnTo>
                      <a:pt x="1851" y="815"/>
                    </a:lnTo>
                    <a:lnTo>
                      <a:pt x="1851" y="815"/>
                    </a:lnTo>
                    <a:lnTo>
                      <a:pt x="1772" y="897"/>
                    </a:lnTo>
                    <a:lnTo>
                      <a:pt x="1767" y="903"/>
                    </a:lnTo>
                    <a:lnTo>
                      <a:pt x="1763" y="910"/>
                    </a:lnTo>
                    <a:lnTo>
                      <a:pt x="1762" y="916"/>
                    </a:lnTo>
                    <a:lnTo>
                      <a:pt x="1761" y="924"/>
                    </a:lnTo>
                    <a:lnTo>
                      <a:pt x="1759" y="938"/>
                    </a:lnTo>
                    <a:lnTo>
                      <a:pt x="1761" y="951"/>
                    </a:lnTo>
                    <a:lnTo>
                      <a:pt x="1761" y="959"/>
                    </a:lnTo>
                    <a:lnTo>
                      <a:pt x="1759" y="965"/>
                    </a:lnTo>
                    <a:lnTo>
                      <a:pt x="1759" y="970"/>
                    </a:lnTo>
                    <a:lnTo>
                      <a:pt x="1757" y="977"/>
                    </a:lnTo>
                    <a:lnTo>
                      <a:pt x="1754" y="982"/>
                    </a:lnTo>
                    <a:lnTo>
                      <a:pt x="1750" y="987"/>
                    </a:lnTo>
                    <a:lnTo>
                      <a:pt x="1744" y="992"/>
                    </a:lnTo>
                    <a:lnTo>
                      <a:pt x="1736" y="996"/>
                    </a:lnTo>
                    <a:lnTo>
                      <a:pt x="1723" y="1000"/>
                    </a:lnTo>
                    <a:lnTo>
                      <a:pt x="1710" y="1002"/>
                    </a:lnTo>
                    <a:lnTo>
                      <a:pt x="1696" y="1000"/>
                    </a:lnTo>
                    <a:lnTo>
                      <a:pt x="1682" y="999"/>
                    </a:lnTo>
                    <a:lnTo>
                      <a:pt x="1653" y="992"/>
                    </a:lnTo>
                    <a:lnTo>
                      <a:pt x="1625" y="986"/>
                    </a:lnTo>
                    <a:lnTo>
                      <a:pt x="1611" y="983"/>
                    </a:lnTo>
                    <a:lnTo>
                      <a:pt x="1596" y="983"/>
                    </a:lnTo>
                    <a:lnTo>
                      <a:pt x="1583" y="985"/>
                    </a:lnTo>
                    <a:lnTo>
                      <a:pt x="1572" y="989"/>
                    </a:lnTo>
                    <a:lnTo>
                      <a:pt x="1565" y="991"/>
                    </a:lnTo>
                    <a:lnTo>
                      <a:pt x="1560" y="995"/>
                    </a:lnTo>
                    <a:lnTo>
                      <a:pt x="1555" y="1000"/>
                    </a:lnTo>
                    <a:lnTo>
                      <a:pt x="1550" y="1005"/>
                    </a:lnTo>
                    <a:lnTo>
                      <a:pt x="1544" y="1012"/>
                    </a:lnTo>
                    <a:lnTo>
                      <a:pt x="1541" y="1020"/>
                    </a:lnTo>
                    <a:lnTo>
                      <a:pt x="1537" y="1027"/>
                    </a:lnTo>
                    <a:lnTo>
                      <a:pt x="1533" y="1038"/>
                    </a:lnTo>
                    <a:lnTo>
                      <a:pt x="1524" y="1039"/>
                    </a:lnTo>
                    <a:lnTo>
                      <a:pt x="1515" y="1040"/>
                    </a:lnTo>
                    <a:lnTo>
                      <a:pt x="1504" y="1040"/>
                    </a:lnTo>
                    <a:lnTo>
                      <a:pt x="1494" y="1040"/>
                    </a:lnTo>
                    <a:lnTo>
                      <a:pt x="1472" y="1039"/>
                    </a:lnTo>
                    <a:lnTo>
                      <a:pt x="1452" y="1040"/>
                    </a:lnTo>
                    <a:lnTo>
                      <a:pt x="1452" y="1040"/>
                    </a:lnTo>
                    <a:lnTo>
                      <a:pt x="1395" y="1021"/>
                    </a:lnTo>
                    <a:lnTo>
                      <a:pt x="1359" y="995"/>
                    </a:lnTo>
                    <a:lnTo>
                      <a:pt x="1326" y="969"/>
                    </a:lnTo>
                    <a:lnTo>
                      <a:pt x="1309" y="956"/>
                    </a:lnTo>
                    <a:lnTo>
                      <a:pt x="1293" y="942"/>
                    </a:lnTo>
                    <a:lnTo>
                      <a:pt x="1278" y="926"/>
                    </a:lnTo>
                    <a:lnTo>
                      <a:pt x="1262" y="908"/>
                    </a:lnTo>
                    <a:lnTo>
                      <a:pt x="1253" y="899"/>
                    </a:lnTo>
                    <a:lnTo>
                      <a:pt x="1243" y="891"/>
                    </a:lnTo>
                    <a:lnTo>
                      <a:pt x="1231" y="884"/>
                    </a:lnTo>
                    <a:lnTo>
                      <a:pt x="1219" y="878"/>
                    </a:lnTo>
                    <a:lnTo>
                      <a:pt x="1195" y="869"/>
                    </a:lnTo>
                    <a:lnTo>
                      <a:pt x="1167" y="862"/>
                    </a:lnTo>
                    <a:lnTo>
                      <a:pt x="1142" y="855"/>
                    </a:lnTo>
                    <a:lnTo>
                      <a:pt x="1114" y="847"/>
                    </a:lnTo>
                    <a:lnTo>
                      <a:pt x="1103" y="844"/>
                    </a:lnTo>
                    <a:lnTo>
                      <a:pt x="1091" y="837"/>
                    </a:lnTo>
                    <a:lnTo>
                      <a:pt x="1079" y="831"/>
                    </a:lnTo>
                    <a:lnTo>
                      <a:pt x="1069" y="823"/>
                    </a:lnTo>
                    <a:lnTo>
                      <a:pt x="1043" y="799"/>
                    </a:lnTo>
                    <a:lnTo>
                      <a:pt x="1025" y="785"/>
                    </a:lnTo>
                    <a:lnTo>
                      <a:pt x="1016" y="780"/>
                    </a:lnTo>
                    <a:lnTo>
                      <a:pt x="1004" y="776"/>
                    </a:lnTo>
                    <a:lnTo>
                      <a:pt x="990" y="774"/>
                    </a:lnTo>
                    <a:lnTo>
                      <a:pt x="971" y="772"/>
                    </a:lnTo>
                    <a:lnTo>
                      <a:pt x="949" y="784"/>
                    </a:lnTo>
                    <a:lnTo>
                      <a:pt x="921" y="794"/>
                    </a:lnTo>
                    <a:lnTo>
                      <a:pt x="907" y="799"/>
                    </a:lnTo>
                    <a:lnTo>
                      <a:pt x="894" y="803"/>
                    </a:lnTo>
                    <a:lnTo>
                      <a:pt x="881" y="806"/>
                    </a:lnTo>
                    <a:lnTo>
                      <a:pt x="868" y="807"/>
                    </a:lnTo>
                    <a:lnTo>
                      <a:pt x="847" y="803"/>
                    </a:lnTo>
                    <a:lnTo>
                      <a:pt x="827" y="797"/>
                    </a:lnTo>
                    <a:lnTo>
                      <a:pt x="816" y="796"/>
                    </a:lnTo>
                    <a:lnTo>
                      <a:pt x="806" y="796"/>
                    </a:lnTo>
                    <a:lnTo>
                      <a:pt x="801" y="796"/>
                    </a:lnTo>
                    <a:lnTo>
                      <a:pt x="796" y="798"/>
                    </a:lnTo>
                    <a:lnTo>
                      <a:pt x="790" y="801"/>
                    </a:lnTo>
                    <a:lnTo>
                      <a:pt x="785" y="803"/>
                    </a:lnTo>
                    <a:lnTo>
                      <a:pt x="778" y="810"/>
                    </a:lnTo>
                    <a:lnTo>
                      <a:pt x="770" y="812"/>
                    </a:lnTo>
                    <a:lnTo>
                      <a:pt x="762" y="814"/>
                    </a:lnTo>
                    <a:lnTo>
                      <a:pt x="755" y="815"/>
                    </a:lnTo>
                    <a:lnTo>
                      <a:pt x="741" y="812"/>
                    </a:lnTo>
                    <a:lnTo>
                      <a:pt x="723" y="811"/>
                    </a:lnTo>
                    <a:lnTo>
                      <a:pt x="702" y="812"/>
                    </a:lnTo>
                    <a:lnTo>
                      <a:pt x="683" y="815"/>
                    </a:lnTo>
                    <a:lnTo>
                      <a:pt x="664" y="818"/>
                    </a:lnTo>
                    <a:lnTo>
                      <a:pt x="643" y="819"/>
                    </a:lnTo>
                    <a:lnTo>
                      <a:pt x="595" y="818"/>
                    </a:lnTo>
                    <a:lnTo>
                      <a:pt x="546" y="815"/>
                    </a:lnTo>
                    <a:lnTo>
                      <a:pt x="496" y="812"/>
                    </a:lnTo>
                    <a:lnTo>
                      <a:pt x="447" y="809"/>
                    </a:lnTo>
                    <a:lnTo>
                      <a:pt x="398" y="807"/>
                    </a:lnTo>
                    <a:lnTo>
                      <a:pt x="349" y="807"/>
                    </a:lnTo>
                    <a:lnTo>
                      <a:pt x="324" y="809"/>
                    </a:lnTo>
                    <a:lnTo>
                      <a:pt x="299" y="810"/>
                    </a:lnTo>
                    <a:lnTo>
                      <a:pt x="276" y="812"/>
                    </a:lnTo>
                    <a:lnTo>
                      <a:pt x="252" y="816"/>
                    </a:lnTo>
                    <a:lnTo>
                      <a:pt x="241" y="819"/>
                    </a:lnTo>
                    <a:lnTo>
                      <a:pt x="231" y="823"/>
                    </a:lnTo>
                    <a:lnTo>
                      <a:pt x="220" y="828"/>
                    </a:lnTo>
                    <a:lnTo>
                      <a:pt x="211" y="834"/>
                    </a:lnTo>
                    <a:lnTo>
                      <a:pt x="201" y="842"/>
                    </a:lnTo>
                    <a:lnTo>
                      <a:pt x="192" y="850"/>
                    </a:lnTo>
                    <a:lnTo>
                      <a:pt x="183" y="859"/>
                    </a:lnTo>
                    <a:lnTo>
                      <a:pt x="174" y="869"/>
                    </a:lnTo>
                    <a:lnTo>
                      <a:pt x="140" y="910"/>
                    </a:lnTo>
                    <a:lnTo>
                      <a:pt x="110" y="947"/>
                    </a:lnTo>
                    <a:lnTo>
                      <a:pt x="25" y="950"/>
                    </a:lnTo>
                    <a:lnTo>
                      <a:pt x="25" y="95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3" name="Freeform 64">
                <a:extLst>
                  <a:ext uri="{FF2B5EF4-FFF2-40B4-BE49-F238E27FC236}">
                    <a16:creationId xmlns:a16="http://schemas.microsoft.com/office/drawing/2014/main" id="{85A43CED-1FC3-6648-9E2F-52A17DE1A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41435" y="2705975"/>
                <a:ext cx="670382" cy="520216"/>
              </a:xfrm>
              <a:custGeom>
                <a:avLst/>
                <a:gdLst/>
                <a:ahLst/>
                <a:cxnLst>
                  <a:cxn ang="0">
                    <a:pos x="149" y="630"/>
                  </a:cxn>
                  <a:cxn ang="0">
                    <a:pos x="201" y="649"/>
                  </a:cxn>
                  <a:cxn ang="0">
                    <a:pos x="277" y="676"/>
                  </a:cxn>
                  <a:cxn ang="0">
                    <a:pos x="355" y="678"/>
                  </a:cxn>
                  <a:cxn ang="0">
                    <a:pos x="431" y="678"/>
                  </a:cxn>
                  <a:cxn ang="0">
                    <a:pos x="471" y="702"/>
                  </a:cxn>
                  <a:cxn ang="0">
                    <a:pos x="490" y="759"/>
                  </a:cxn>
                  <a:cxn ang="0">
                    <a:pos x="479" y="838"/>
                  </a:cxn>
                  <a:cxn ang="0">
                    <a:pos x="554" y="1000"/>
                  </a:cxn>
                  <a:cxn ang="0">
                    <a:pos x="637" y="1021"/>
                  </a:cxn>
                  <a:cxn ang="0">
                    <a:pos x="681" y="1051"/>
                  </a:cxn>
                  <a:cxn ang="0">
                    <a:pos x="719" y="1138"/>
                  </a:cxn>
                  <a:cxn ang="0">
                    <a:pos x="772" y="1136"/>
                  </a:cxn>
                  <a:cxn ang="0">
                    <a:pos x="852" y="1139"/>
                  </a:cxn>
                  <a:cxn ang="0">
                    <a:pos x="903" y="1135"/>
                  </a:cxn>
                  <a:cxn ang="0">
                    <a:pos x="966" y="1095"/>
                  </a:cxn>
                  <a:cxn ang="0">
                    <a:pos x="1013" y="1092"/>
                  </a:cxn>
                  <a:cxn ang="0">
                    <a:pos x="1049" y="1087"/>
                  </a:cxn>
                  <a:cxn ang="0">
                    <a:pos x="1045" y="1070"/>
                  </a:cxn>
                  <a:cxn ang="0">
                    <a:pos x="1025" y="1046"/>
                  </a:cxn>
                  <a:cxn ang="0">
                    <a:pos x="1036" y="1025"/>
                  </a:cxn>
                  <a:cxn ang="0">
                    <a:pos x="1135" y="991"/>
                  </a:cxn>
                  <a:cxn ang="0">
                    <a:pos x="1176" y="990"/>
                  </a:cxn>
                  <a:cxn ang="0">
                    <a:pos x="1256" y="1021"/>
                  </a:cxn>
                  <a:cxn ang="0">
                    <a:pos x="1285" y="1012"/>
                  </a:cxn>
                  <a:cxn ang="0">
                    <a:pos x="1289" y="989"/>
                  </a:cxn>
                  <a:cxn ang="0">
                    <a:pos x="1263" y="964"/>
                  </a:cxn>
                  <a:cxn ang="0">
                    <a:pos x="1256" y="933"/>
                  </a:cxn>
                  <a:cxn ang="0">
                    <a:pos x="1277" y="838"/>
                  </a:cxn>
                  <a:cxn ang="0">
                    <a:pos x="1268" y="750"/>
                  </a:cxn>
                  <a:cxn ang="0">
                    <a:pos x="1268" y="698"/>
                  </a:cxn>
                  <a:cxn ang="0">
                    <a:pos x="1306" y="670"/>
                  </a:cxn>
                  <a:cxn ang="0">
                    <a:pos x="1355" y="674"/>
                  </a:cxn>
                  <a:cxn ang="0">
                    <a:pos x="1390" y="654"/>
                  </a:cxn>
                  <a:cxn ang="0">
                    <a:pos x="1411" y="600"/>
                  </a:cxn>
                  <a:cxn ang="0">
                    <a:pos x="1411" y="560"/>
                  </a:cxn>
                  <a:cxn ang="0">
                    <a:pos x="1461" y="508"/>
                  </a:cxn>
                  <a:cxn ang="0">
                    <a:pos x="1468" y="474"/>
                  </a:cxn>
                  <a:cxn ang="0">
                    <a:pos x="1426" y="438"/>
                  </a:cxn>
                  <a:cxn ang="0">
                    <a:pos x="1416" y="399"/>
                  </a:cxn>
                  <a:cxn ang="0">
                    <a:pos x="1431" y="363"/>
                  </a:cxn>
                  <a:cxn ang="0">
                    <a:pos x="1429" y="288"/>
                  </a:cxn>
                  <a:cxn ang="0">
                    <a:pos x="1284" y="184"/>
                  </a:cxn>
                  <a:cxn ang="0">
                    <a:pos x="1218" y="119"/>
                  </a:cxn>
                  <a:cxn ang="0">
                    <a:pos x="1117" y="83"/>
                  </a:cxn>
                  <a:cxn ang="0">
                    <a:pos x="1044" y="51"/>
                  </a:cxn>
                  <a:cxn ang="0">
                    <a:pos x="965" y="2"/>
                  </a:cxn>
                  <a:cxn ang="0">
                    <a:pos x="869" y="31"/>
                  </a:cxn>
                  <a:cxn ang="0">
                    <a:pos x="791" y="24"/>
                  </a:cxn>
                  <a:cxn ang="0">
                    <a:pos x="760" y="31"/>
                  </a:cxn>
                  <a:cxn ang="0">
                    <a:pos x="716" y="40"/>
                  </a:cxn>
                  <a:cxn ang="0">
                    <a:pos x="618" y="47"/>
                  </a:cxn>
                  <a:cxn ang="0">
                    <a:pos x="373" y="35"/>
                  </a:cxn>
                  <a:cxn ang="0">
                    <a:pos x="227" y="44"/>
                  </a:cxn>
                  <a:cxn ang="0">
                    <a:pos x="176" y="70"/>
                  </a:cxn>
                  <a:cxn ang="0">
                    <a:pos x="85" y="175"/>
                  </a:cxn>
                  <a:cxn ang="0">
                    <a:pos x="28" y="276"/>
                  </a:cxn>
                  <a:cxn ang="0">
                    <a:pos x="56" y="399"/>
                  </a:cxn>
                  <a:cxn ang="0">
                    <a:pos x="62" y="495"/>
                  </a:cxn>
                  <a:cxn ang="0">
                    <a:pos x="81" y="557"/>
                  </a:cxn>
                </a:cxnLst>
                <a:rect l="0" t="0" r="r" b="b"/>
                <a:pathLst>
                  <a:path w="1472" h="1153">
                    <a:moveTo>
                      <a:pt x="81" y="560"/>
                    </a:moveTo>
                    <a:lnTo>
                      <a:pt x="120" y="600"/>
                    </a:lnTo>
                    <a:lnTo>
                      <a:pt x="132" y="612"/>
                    </a:lnTo>
                    <a:lnTo>
                      <a:pt x="144" y="623"/>
                    </a:lnTo>
                    <a:lnTo>
                      <a:pt x="149" y="630"/>
                    </a:lnTo>
                    <a:lnTo>
                      <a:pt x="155" y="635"/>
                    </a:lnTo>
                    <a:lnTo>
                      <a:pt x="163" y="639"/>
                    </a:lnTo>
                    <a:lnTo>
                      <a:pt x="171" y="643"/>
                    </a:lnTo>
                    <a:lnTo>
                      <a:pt x="185" y="648"/>
                    </a:lnTo>
                    <a:lnTo>
                      <a:pt x="201" y="649"/>
                    </a:lnTo>
                    <a:lnTo>
                      <a:pt x="216" y="652"/>
                    </a:lnTo>
                    <a:lnTo>
                      <a:pt x="232" y="657"/>
                    </a:lnTo>
                    <a:lnTo>
                      <a:pt x="249" y="666"/>
                    </a:lnTo>
                    <a:lnTo>
                      <a:pt x="263" y="673"/>
                    </a:lnTo>
                    <a:lnTo>
                      <a:pt x="277" y="676"/>
                    </a:lnTo>
                    <a:lnTo>
                      <a:pt x="290" y="680"/>
                    </a:lnTo>
                    <a:lnTo>
                      <a:pt x="304" y="682"/>
                    </a:lnTo>
                    <a:lnTo>
                      <a:pt x="319" y="682"/>
                    </a:lnTo>
                    <a:lnTo>
                      <a:pt x="335" y="680"/>
                    </a:lnTo>
                    <a:lnTo>
                      <a:pt x="355" y="678"/>
                    </a:lnTo>
                    <a:lnTo>
                      <a:pt x="378" y="675"/>
                    </a:lnTo>
                    <a:lnTo>
                      <a:pt x="400" y="674"/>
                    </a:lnTo>
                    <a:lnTo>
                      <a:pt x="412" y="675"/>
                    </a:lnTo>
                    <a:lnTo>
                      <a:pt x="422" y="675"/>
                    </a:lnTo>
                    <a:lnTo>
                      <a:pt x="431" y="678"/>
                    </a:lnTo>
                    <a:lnTo>
                      <a:pt x="440" y="680"/>
                    </a:lnTo>
                    <a:lnTo>
                      <a:pt x="449" y="684"/>
                    </a:lnTo>
                    <a:lnTo>
                      <a:pt x="457" y="689"/>
                    </a:lnTo>
                    <a:lnTo>
                      <a:pt x="465" y="696"/>
                    </a:lnTo>
                    <a:lnTo>
                      <a:pt x="471" y="702"/>
                    </a:lnTo>
                    <a:lnTo>
                      <a:pt x="477" y="711"/>
                    </a:lnTo>
                    <a:lnTo>
                      <a:pt x="482" y="722"/>
                    </a:lnTo>
                    <a:lnTo>
                      <a:pt x="486" y="733"/>
                    </a:lnTo>
                    <a:lnTo>
                      <a:pt x="488" y="748"/>
                    </a:lnTo>
                    <a:lnTo>
                      <a:pt x="490" y="759"/>
                    </a:lnTo>
                    <a:lnTo>
                      <a:pt x="491" y="771"/>
                    </a:lnTo>
                    <a:lnTo>
                      <a:pt x="491" y="781"/>
                    </a:lnTo>
                    <a:lnTo>
                      <a:pt x="490" y="793"/>
                    </a:lnTo>
                    <a:lnTo>
                      <a:pt x="486" y="816"/>
                    </a:lnTo>
                    <a:lnTo>
                      <a:pt x="479" y="838"/>
                    </a:lnTo>
                    <a:lnTo>
                      <a:pt x="465" y="884"/>
                    </a:lnTo>
                    <a:lnTo>
                      <a:pt x="451" y="928"/>
                    </a:lnTo>
                    <a:lnTo>
                      <a:pt x="456" y="1000"/>
                    </a:lnTo>
                    <a:lnTo>
                      <a:pt x="508" y="999"/>
                    </a:lnTo>
                    <a:lnTo>
                      <a:pt x="554" y="1000"/>
                    </a:lnTo>
                    <a:lnTo>
                      <a:pt x="578" y="1003"/>
                    </a:lnTo>
                    <a:lnTo>
                      <a:pt x="601" y="1008"/>
                    </a:lnTo>
                    <a:lnTo>
                      <a:pt x="613" y="1012"/>
                    </a:lnTo>
                    <a:lnTo>
                      <a:pt x="624" y="1016"/>
                    </a:lnTo>
                    <a:lnTo>
                      <a:pt x="637" y="1021"/>
                    </a:lnTo>
                    <a:lnTo>
                      <a:pt x="650" y="1028"/>
                    </a:lnTo>
                    <a:lnTo>
                      <a:pt x="661" y="1034"/>
                    </a:lnTo>
                    <a:lnTo>
                      <a:pt x="668" y="1039"/>
                    </a:lnTo>
                    <a:lnTo>
                      <a:pt x="676" y="1044"/>
                    </a:lnTo>
                    <a:lnTo>
                      <a:pt x="681" y="1051"/>
                    </a:lnTo>
                    <a:lnTo>
                      <a:pt x="692" y="1065"/>
                    </a:lnTo>
                    <a:lnTo>
                      <a:pt x="702" y="1083"/>
                    </a:lnTo>
                    <a:lnTo>
                      <a:pt x="708" y="1099"/>
                    </a:lnTo>
                    <a:lnTo>
                      <a:pt x="715" y="1117"/>
                    </a:lnTo>
                    <a:lnTo>
                      <a:pt x="719" y="1138"/>
                    </a:lnTo>
                    <a:lnTo>
                      <a:pt x="720" y="1153"/>
                    </a:lnTo>
                    <a:lnTo>
                      <a:pt x="737" y="1149"/>
                    </a:lnTo>
                    <a:lnTo>
                      <a:pt x="750" y="1145"/>
                    </a:lnTo>
                    <a:lnTo>
                      <a:pt x="762" y="1142"/>
                    </a:lnTo>
                    <a:lnTo>
                      <a:pt x="772" y="1136"/>
                    </a:lnTo>
                    <a:lnTo>
                      <a:pt x="782" y="1134"/>
                    </a:lnTo>
                    <a:lnTo>
                      <a:pt x="795" y="1132"/>
                    </a:lnTo>
                    <a:lnTo>
                      <a:pt x="811" y="1132"/>
                    </a:lnTo>
                    <a:lnTo>
                      <a:pt x="830" y="1135"/>
                    </a:lnTo>
                    <a:lnTo>
                      <a:pt x="852" y="1139"/>
                    </a:lnTo>
                    <a:lnTo>
                      <a:pt x="872" y="1140"/>
                    </a:lnTo>
                    <a:lnTo>
                      <a:pt x="881" y="1140"/>
                    </a:lnTo>
                    <a:lnTo>
                      <a:pt x="889" y="1139"/>
                    </a:lnTo>
                    <a:lnTo>
                      <a:pt x="895" y="1138"/>
                    </a:lnTo>
                    <a:lnTo>
                      <a:pt x="903" y="1135"/>
                    </a:lnTo>
                    <a:lnTo>
                      <a:pt x="916" y="1130"/>
                    </a:lnTo>
                    <a:lnTo>
                      <a:pt x="930" y="1121"/>
                    </a:lnTo>
                    <a:lnTo>
                      <a:pt x="946" y="1110"/>
                    </a:lnTo>
                    <a:lnTo>
                      <a:pt x="962" y="1099"/>
                    </a:lnTo>
                    <a:lnTo>
                      <a:pt x="966" y="1095"/>
                    </a:lnTo>
                    <a:lnTo>
                      <a:pt x="973" y="1094"/>
                    </a:lnTo>
                    <a:lnTo>
                      <a:pt x="978" y="1092"/>
                    </a:lnTo>
                    <a:lnTo>
                      <a:pt x="984" y="1091"/>
                    </a:lnTo>
                    <a:lnTo>
                      <a:pt x="999" y="1092"/>
                    </a:lnTo>
                    <a:lnTo>
                      <a:pt x="1013" y="1092"/>
                    </a:lnTo>
                    <a:lnTo>
                      <a:pt x="1026" y="1094"/>
                    </a:lnTo>
                    <a:lnTo>
                      <a:pt x="1038" y="1092"/>
                    </a:lnTo>
                    <a:lnTo>
                      <a:pt x="1043" y="1092"/>
                    </a:lnTo>
                    <a:lnTo>
                      <a:pt x="1047" y="1090"/>
                    </a:lnTo>
                    <a:lnTo>
                      <a:pt x="1049" y="1087"/>
                    </a:lnTo>
                    <a:lnTo>
                      <a:pt x="1052" y="1085"/>
                    </a:lnTo>
                    <a:lnTo>
                      <a:pt x="1052" y="1081"/>
                    </a:lnTo>
                    <a:lnTo>
                      <a:pt x="1050" y="1078"/>
                    </a:lnTo>
                    <a:lnTo>
                      <a:pt x="1049" y="1074"/>
                    </a:lnTo>
                    <a:lnTo>
                      <a:pt x="1045" y="1070"/>
                    </a:lnTo>
                    <a:lnTo>
                      <a:pt x="1039" y="1064"/>
                    </a:lnTo>
                    <a:lnTo>
                      <a:pt x="1031" y="1056"/>
                    </a:lnTo>
                    <a:lnTo>
                      <a:pt x="1028" y="1052"/>
                    </a:lnTo>
                    <a:lnTo>
                      <a:pt x="1026" y="1048"/>
                    </a:lnTo>
                    <a:lnTo>
                      <a:pt x="1025" y="1046"/>
                    </a:lnTo>
                    <a:lnTo>
                      <a:pt x="1023" y="1042"/>
                    </a:lnTo>
                    <a:lnTo>
                      <a:pt x="1025" y="1038"/>
                    </a:lnTo>
                    <a:lnTo>
                      <a:pt x="1026" y="1034"/>
                    </a:lnTo>
                    <a:lnTo>
                      <a:pt x="1030" y="1029"/>
                    </a:lnTo>
                    <a:lnTo>
                      <a:pt x="1036" y="1025"/>
                    </a:lnTo>
                    <a:lnTo>
                      <a:pt x="1052" y="1025"/>
                    </a:lnTo>
                    <a:lnTo>
                      <a:pt x="1065" y="1026"/>
                    </a:lnTo>
                    <a:lnTo>
                      <a:pt x="1100" y="1009"/>
                    </a:lnTo>
                    <a:lnTo>
                      <a:pt x="1127" y="995"/>
                    </a:lnTo>
                    <a:lnTo>
                      <a:pt x="1135" y="991"/>
                    </a:lnTo>
                    <a:lnTo>
                      <a:pt x="1141" y="990"/>
                    </a:lnTo>
                    <a:lnTo>
                      <a:pt x="1149" y="989"/>
                    </a:lnTo>
                    <a:lnTo>
                      <a:pt x="1158" y="987"/>
                    </a:lnTo>
                    <a:lnTo>
                      <a:pt x="1167" y="989"/>
                    </a:lnTo>
                    <a:lnTo>
                      <a:pt x="1176" y="990"/>
                    </a:lnTo>
                    <a:lnTo>
                      <a:pt x="1188" y="993"/>
                    </a:lnTo>
                    <a:lnTo>
                      <a:pt x="1199" y="996"/>
                    </a:lnTo>
                    <a:lnTo>
                      <a:pt x="1221" y="1007"/>
                    </a:lnTo>
                    <a:lnTo>
                      <a:pt x="1249" y="1018"/>
                    </a:lnTo>
                    <a:lnTo>
                      <a:pt x="1256" y="1021"/>
                    </a:lnTo>
                    <a:lnTo>
                      <a:pt x="1263" y="1021"/>
                    </a:lnTo>
                    <a:lnTo>
                      <a:pt x="1269" y="1021"/>
                    </a:lnTo>
                    <a:lnTo>
                      <a:pt x="1275" y="1020"/>
                    </a:lnTo>
                    <a:lnTo>
                      <a:pt x="1280" y="1017"/>
                    </a:lnTo>
                    <a:lnTo>
                      <a:pt x="1285" y="1012"/>
                    </a:lnTo>
                    <a:lnTo>
                      <a:pt x="1288" y="1006"/>
                    </a:lnTo>
                    <a:lnTo>
                      <a:pt x="1290" y="998"/>
                    </a:lnTo>
                    <a:lnTo>
                      <a:pt x="1290" y="994"/>
                    </a:lnTo>
                    <a:lnTo>
                      <a:pt x="1290" y="991"/>
                    </a:lnTo>
                    <a:lnTo>
                      <a:pt x="1289" y="989"/>
                    </a:lnTo>
                    <a:lnTo>
                      <a:pt x="1286" y="986"/>
                    </a:lnTo>
                    <a:lnTo>
                      <a:pt x="1281" y="981"/>
                    </a:lnTo>
                    <a:lnTo>
                      <a:pt x="1275" y="976"/>
                    </a:lnTo>
                    <a:lnTo>
                      <a:pt x="1268" y="969"/>
                    </a:lnTo>
                    <a:lnTo>
                      <a:pt x="1263" y="964"/>
                    </a:lnTo>
                    <a:lnTo>
                      <a:pt x="1260" y="960"/>
                    </a:lnTo>
                    <a:lnTo>
                      <a:pt x="1259" y="956"/>
                    </a:lnTo>
                    <a:lnTo>
                      <a:pt x="1258" y="952"/>
                    </a:lnTo>
                    <a:lnTo>
                      <a:pt x="1256" y="949"/>
                    </a:lnTo>
                    <a:lnTo>
                      <a:pt x="1256" y="933"/>
                    </a:lnTo>
                    <a:lnTo>
                      <a:pt x="1258" y="919"/>
                    </a:lnTo>
                    <a:lnTo>
                      <a:pt x="1260" y="904"/>
                    </a:lnTo>
                    <a:lnTo>
                      <a:pt x="1264" y="892"/>
                    </a:lnTo>
                    <a:lnTo>
                      <a:pt x="1272" y="866"/>
                    </a:lnTo>
                    <a:lnTo>
                      <a:pt x="1277" y="838"/>
                    </a:lnTo>
                    <a:lnTo>
                      <a:pt x="1278" y="820"/>
                    </a:lnTo>
                    <a:lnTo>
                      <a:pt x="1277" y="803"/>
                    </a:lnTo>
                    <a:lnTo>
                      <a:pt x="1275" y="785"/>
                    </a:lnTo>
                    <a:lnTo>
                      <a:pt x="1271" y="767"/>
                    </a:lnTo>
                    <a:lnTo>
                      <a:pt x="1268" y="750"/>
                    </a:lnTo>
                    <a:lnTo>
                      <a:pt x="1266" y="733"/>
                    </a:lnTo>
                    <a:lnTo>
                      <a:pt x="1266" y="724"/>
                    </a:lnTo>
                    <a:lnTo>
                      <a:pt x="1266" y="715"/>
                    </a:lnTo>
                    <a:lnTo>
                      <a:pt x="1267" y="708"/>
                    </a:lnTo>
                    <a:lnTo>
                      <a:pt x="1268" y="698"/>
                    </a:lnTo>
                    <a:lnTo>
                      <a:pt x="1276" y="688"/>
                    </a:lnTo>
                    <a:lnTo>
                      <a:pt x="1284" y="680"/>
                    </a:lnTo>
                    <a:lnTo>
                      <a:pt x="1291" y="675"/>
                    </a:lnTo>
                    <a:lnTo>
                      <a:pt x="1298" y="671"/>
                    </a:lnTo>
                    <a:lnTo>
                      <a:pt x="1306" y="670"/>
                    </a:lnTo>
                    <a:lnTo>
                      <a:pt x="1313" y="669"/>
                    </a:lnTo>
                    <a:lnTo>
                      <a:pt x="1320" y="670"/>
                    </a:lnTo>
                    <a:lnTo>
                      <a:pt x="1328" y="670"/>
                    </a:lnTo>
                    <a:lnTo>
                      <a:pt x="1341" y="673"/>
                    </a:lnTo>
                    <a:lnTo>
                      <a:pt x="1355" y="674"/>
                    </a:lnTo>
                    <a:lnTo>
                      <a:pt x="1361" y="674"/>
                    </a:lnTo>
                    <a:lnTo>
                      <a:pt x="1369" y="671"/>
                    </a:lnTo>
                    <a:lnTo>
                      <a:pt x="1376" y="667"/>
                    </a:lnTo>
                    <a:lnTo>
                      <a:pt x="1382" y="662"/>
                    </a:lnTo>
                    <a:lnTo>
                      <a:pt x="1390" y="654"/>
                    </a:lnTo>
                    <a:lnTo>
                      <a:pt x="1396" y="644"/>
                    </a:lnTo>
                    <a:lnTo>
                      <a:pt x="1402" y="634"/>
                    </a:lnTo>
                    <a:lnTo>
                      <a:pt x="1405" y="623"/>
                    </a:lnTo>
                    <a:lnTo>
                      <a:pt x="1409" y="612"/>
                    </a:lnTo>
                    <a:lnTo>
                      <a:pt x="1411" y="600"/>
                    </a:lnTo>
                    <a:lnTo>
                      <a:pt x="1412" y="588"/>
                    </a:lnTo>
                    <a:lnTo>
                      <a:pt x="1411" y="578"/>
                    </a:lnTo>
                    <a:lnTo>
                      <a:pt x="1409" y="572"/>
                    </a:lnTo>
                    <a:lnTo>
                      <a:pt x="1409" y="565"/>
                    </a:lnTo>
                    <a:lnTo>
                      <a:pt x="1411" y="560"/>
                    </a:lnTo>
                    <a:lnTo>
                      <a:pt x="1413" y="555"/>
                    </a:lnTo>
                    <a:lnTo>
                      <a:pt x="1418" y="547"/>
                    </a:lnTo>
                    <a:lnTo>
                      <a:pt x="1425" y="539"/>
                    </a:lnTo>
                    <a:lnTo>
                      <a:pt x="1443" y="525"/>
                    </a:lnTo>
                    <a:lnTo>
                      <a:pt x="1461" y="508"/>
                    </a:lnTo>
                    <a:lnTo>
                      <a:pt x="1468" y="499"/>
                    </a:lnTo>
                    <a:lnTo>
                      <a:pt x="1472" y="493"/>
                    </a:lnTo>
                    <a:lnTo>
                      <a:pt x="1472" y="485"/>
                    </a:lnTo>
                    <a:lnTo>
                      <a:pt x="1472" y="480"/>
                    </a:lnTo>
                    <a:lnTo>
                      <a:pt x="1468" y="474"/>
                    </a:lnTo>
                    <a:lnTo>
                      <a:pt x="1464" y="469"/>
                    </a:lnTo>
                    <a:lnTo>
                      <a:pt x="1459" y="464"/>
                    </a:lnTo>
                    <a:lnTo>
                      <a:pt x="1452" y="459"/>
                    </a:lnTo>
                    <a:lnTo>
                      <a:pt x="1439" y="450"/>
                    </a:lnTo>
                    <a:lnTo>
                      <a:pt x="1426" y="438"/>
                    </a:lnTo>
                    <a:lnTo>
                      <a:pt x="1422" y="432"/>
                    </a:lnTo>
                    <a:lnTo>
                      <a:pt x="1418" y="425"/>
                    </a:lnTo>
                    <a:lnTo>
                      <a:pt x="1416" y="416"/>
                    </a:lnTo>
                    <a:lnTo>
                      <a:pt x="1415" y="407"/>
                    </a:lnTo>
                    <a:lnTo>
                      <a:pt x="1416" y="399"/>
                    </a:lnTo>
                    <a:lnTo>
                      <a:pt x="1418" y="393"/>
                    </a:lnTo>
                    <a:lnTo>
                      <a:pt x="1421" y="385"/>
                    </a:lnTo>
                    <a:lnTo>
                      <a:pt x="1425" y="379"/>
                    </a:lnTo>
                    <a:lnTo>
                      <a:pt x="1427" y="371"/>
                    </a:lnTo>
                    <a:lnTo>
                      <a:pt x="1431" y="363"/>
                    </a:lnTo>
                    <a:lnTo>
                      <a:pt x="1434" y="355"/>
                    </a:lnTo>
                    <a:lnTo>
                      <a:pt x="1434" y="346"/>
                    </a:lnTo>
                    <a:lnTo>
                      <a:pt x="1434" y="328"/>
                    </a:lnTo>
                    <a:lnTo>
                      <a:pt x="1431" y="309"/>
                    </a:lnTo>
                    <a:lnTo>
                      <a:pt x="1429" y="288"/>
                    </a:lnTo>
                    <a:lnTo>
                      <a:pt x="1427" y="268"/>
                    </a:lnTo>
                    <a:lnTo>
                      <a:pt x="1370" y="249"/>
                    </a:lnTo>
                    <a:lnTo>
                      <a:pt x="1334" y="223"/>
                    </a:lnTo>
                    <a:lnTo>
                      <a:pt x="1301" y="197"/>
                    </a:lnTo>
                    <a:lnTo>
                      <a:pt x="1284" y="184"/>
                    </a:lnTo>
                    <a:lnTo>
                      <a:pt x="1268" y="170"/>
                    </a:lnTo>
                    <a:lnTo>
                      <a:pt x="1253" y="154"/>
                    </a:lnTo>
                    <a:lnTo>
                      <a:pt x="1237" y="136"/>
                    </a:lnTo>
                    <a:lnTo>
                      <a:pt x="1228" y="127"/>
                    </a:lnTo>
                    <a:lnTo>
                      <a:pt x="1218" y="119"/>
                    </a:lnTo>
                    <a:lnTo>
                      <a:pt x="1206" y="112"/>
                    </a:lnTo>
                    <a:lnTo>
                      <a:pt x="1194" y="106"/>
                    </a:lnTo>
                    <a:lnTo>
                      <a:pt x="1170" y="97"/>
                    </a:lnTo>
                    <a:lnTo>
                      <a:pt x="1142" y="90"/>
                    </a:lnTo>
                    <a:lnTo>
                      <a:pt x="1117" y="83"/>
                    </a:lnTo>
                    <a:lnTo>
                      <a:pt x="1089" y="75"/>
                    </a:lnTo>
                    <a:lnTo>
                      <a:pt x="1078" y="72"/>
                    </a:lnTo>
                    <a:lnTo>
                      <a:pt x="1066" y="65"/>
                    </a:lnTo>
                    <a:lnTo>
                      <a:pt x="1054" y="59"/>
                    </a:lnTo>
                    <a:lnTo>
                      <a:pt x="1044" y="51"/>
                    </a:lnTo>
                    <a:lnTo>
                      <a:pt x="1018" y="27"/>
                    </a:lnTo>
                    <a:lnTo>
                      <a:pt x="1000" y="13"/>
                    </a:lnTo>
                    <a:lnTo>
                      <a:pt x="991" y="8"/>
                    </a:lnTo>
                    <a:lnTo>
                      <a:pt x="979" y="4"/>
                    </a:lnTo>
                    <a:lnTo>
                      <a:pt x="965" y="2"/>
                    </a:lnTo>
                    <a:lnTo>
                      <a:pt x="946" y="0"/>
                    </a:lnTo>
                    <a:lnTo>
                      <a:pt x="924" y="12"/>
                    </a:lnTo>
                    <a:lnTo>
                      <a:pt x="896" y="22"/>
                    </a:lnTo>
                    <a:lnTo>
                      <a:pt x="882" y="27"/>
                    </a:lnTo>
                    <a:lnTo>
                      <a:pt x="869" y="31"/>
                    </a:lnTo>
                    <a:lnTo>
                      <a:pt x="856" y="34"/>
                    </a:lnTo>
                    <a:lnTo>
                      <a:pt x="843" y="35"/>
                    </a:lnTo>
                    <a:lnTo>
                      <a:pt x="822" y="31"/>
                    </a:lnTo>
                    <a:lnTo>
                      <a:pt x="802" y="25"/>
                    </a:lnTo>
                    <a:lnTo>
                      <a:pt x="791" y="24"/>
                    </a:lnTo>
                    <a:lnTo>
                      <a:pt x="781" y="24"/>
                    </a:lnTo>
                    <a:lnTo>
                      <a:pt x="776" y="24"/>
                    </a:lnTo>
                    <a:lnTo>
                      <a:pt x="771" y="26"/>
                    </a:lnTo>
                    <a:lnTo>
                      <a:pt x="765" y="29"/>
                    </a:lnTo>
                    <a:lnTo>
                      <a:pt x="760" y="31"/>
                    </a:lnTo>
                    <a:lnTo>
                      <a:pt x="753" y="38"/>
                    </a:lnTo>
                    <a:lnTo>
                      <a:pt x="745" y="40"/>
                    </a:lnTo>
                    <a:lnTo>
                      <a:pt x="737" y="42"/>
                    </a:lnTo>
                    <a:lnTo>
                      <a:pt x="730" y="43"/>
                    </a:lnTo>
                    <a:lnTo>
                      <a:pt x="716" y="40"/>
                    </a:lnTo>
                    <a:lnTo>
                      <a:pt x="698" y="39"/>
                    </a:lnTo>
                    <a:lnTo>
                      <a:pt x="677" y="40"/>
                    </a:lnTo>
                    <a:lnTo>
                      <a:pt x="658" y="43"/>
                    </a:lnTo>
                    <a:lnTo>
                      <a:pt x="639" y="46"/>
                    </a:lnTo>
                    <a:lnTo>
                      <a:pt x="618" y="47"/>
                    </a:lnTo>
                    <a:lnTo>
                      <a:pt x="570" y="46"/>
                    </a:lnTo>
                    <a:lnTo>
                      <a:pt x="521" y="43"/>
                    </a:lnTo>
                    <a:lnTo>
                      <a:pt x="471" y="40"/>
                    </a:lnTo>
                    <a:lnTo>
                      <a:pt x="422" y="37"/>
                    </a:lnTo>
                    <a:lnTo>
                      <a:pt x="373" y="35"/>
                    </a:lnTo>
                    <a:lnTo>
                      <a:pt x="324" y="35"/>
                    </a:lnTo>
                    <a:lnTo>
                      <a:pt x="299" y="37"/>
                    </a:lnTo>
                    <a:lnTo>
                      <a:pt x="274" y="38"/>
                    </a:lnTo>
                    <a:lnTo>
                      <a:pt x="251" y="40"/>
                    </a:lnTo>
                    <a:lnTo>
                      <a:pt x="227" y="44"/>
                    </a:lnTo>
                    <a:lnTo>
                      <a:pt x="216" y="47"/>
                    </a:lnTo>
                    <a:lnTo>
                      <a:pt x="206" y="51"/>
                    </a:lnTo>
                    <a:lnTo>
                      <a:pt x="195" y="56"/>
                    </a:lnTo>
                    <a:lnTo>
                      <a:pt x="186" y="62"/>
                    </a:lnTo>
                    <a:lnTo>
                      <a:pt x="176" y="70"/>
                    </a:lnTo>
                    <a:lnTo>
                      <a:pt x="167" y="78"/>
                    </a:lnTo>
                    <a:lnTo>
                      <a:pt x="158" y="87"/>
                    </a:lnTo>
                    <a:lnTo>
                      <a:pt x="149" y="97"/>
                    </a:lnTo>
                    <a:lnTo>
                      <a:pt x="115" y="138"/>
                    </a:lnTo>
                    <a:lnTo>
                      <a:pt x="85" y="175"/>
                    </a:lnTo>
                    <a:lnTo>
                      <a:pt x="0" y="178"/>
                    </a:lnTo>
                    <a:lnTo>
                      <a:pt x="5" y="202"/>
                    </a:lnTo>
                    <a:lnTo>
                      <a:pt x="13" y="227"/>
                    </a:lnTo>
                    <a:lnTo>
                      <a:pt x="21" y="252"/>
                    </a:lnTo>
                    <a:lnTo>
                      <a:pt x="28" y="276"/>
                    </a:lnTo>
                    <a:lnTo>
                      <a:pt x="36" y="301"/>
                    </a:lnTo>
                    <a:lnTo>
                      <a:pt x="44" y="324"/>
                    </a:lnTo>
                    <a:lnTo>
                      <a:pt x="49" y="349"/>
                    </a:lnTo>
                    <a:lnTo>
                      <a:pt x="53" y="373"/>
                    </a:lnTo>
                    <a:lnTo>
                      <a:pt x="56" y="399"/>
                    </a:lnTo>
                    <a:lnTo>
                      <a:pt x="56" y="424"/>
                    </a:lnTo>
                    <a:lnTo>
                      <a:pt x="56" y="450"/>
                    </a:lnTo>
                    <a:lnTo>
                      <a:pt x="57" y="474"/>
                    </a:lnTo>
                    <a:lnTo>
                      <a:pt x="59" y="485"/>
                    </a:lnTo>
                    <a:lnTo>
                      <a:pt x="62" y="495"/>
                    </a:lnTo>
                    <a:lnTo>
                      <a:pt x="65" y="505"/>
                    </a:lnTo>
                    <a:lnTo>
                      <a:pt x="68" y="516"/>
                    </a:lnTo>
                    <a:lnTo>
                      <a:pt x="76" y="534"/>
                    </a:lnTo>
                    <a:lnTo>
                      <a:pt x="80" y="553"/>
                    </a:lnTo>
                    <a:lnTo>
                      <a:pt x="81" y="557"/>
                    </a:lnTo>
                    <a:lnTo>
                      <a:pt x="81" y="56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4" name="Freeform 68">
                <a:extLst>
                  <a:ext uri="{FF2B5EF4-FFF2-40B4-BE49-F238E27FC236}">
                    <a16:creationId xmlns:a16="http://schemas.microsoft.com/office/drawing/2014/main" id="{B59132A7-F823-F243-83C1-D0CABA7ACFFA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785240" y="3063624"/>
                <a:ext cx="1297044" cy="1202999"/>
              </a:xfrm>
              <a:custGeom>
                <a:avLst/>
                <a:gdLst/>
                <a:ahLst/>
                <a:cxnLst>
                  <a:cxn ang="0">
                    <a:pos x="87" y="398"/>
                  </a:cxn>
                  <a:cxn ang="0">
                    <a:pos x="98" y="477"/>
                  </a:cxn>
                  <a:cxn ang="0">
                    <a:pos x="162" y="616"/>
                  </a:cxn>
                  <a:cxn ang="0">
                    <a:pos x="155" y="524"/>
                  </a:cxn>
                  <a:cxn ang="0">
                    <a:pos x="208" y="380"/>
                  </a:cxn>
                  <a:cxn ang="0">
                    <a:pos x="107" y="390"/>
                  </a:cxn>
                  <a:cxn ang="0">
                    <a:pos x="254" y="300"/>
                  </a:cxn>
                  <a:cxn ang="0">
                    <a:pos x="546" y="256"/>
                  </a:cxn>
                  <a:cxn ang="0">
                    <a:pos x="761" y="100"/>
                  </a:cxn>
                  <a:cxn ang="0">
                    <a:pos x="881" y="34"/>
                  </a:cxn>
                  <a:cxn ang="0">
                    <a:pos x="1155" y="0"/>
                  </a:cxn>
                  <a:cxn ang="0">
                    <a:pos x="1279" y="76"/>
                  </a:cxn>
                  <a:cxn ang="0">
                    <a:pos x="1178" y="16"/>
                  </a:cxn>
                  <a:cxn ang="0">
                    <a:pos x="1222" y="100"/>
                  </a:cxn>
                  <a:cxn ang="0">
                    <a:pos x="1377" y="230"/>
                  </a:cxn>
                  <a:cxn ang="0">
                    <a:pos x="1515" y="164"/>
                  </a:cxn>
                  <a:cxn ang="0">
                    <a:pos x="2047" y="214"/>
                  </a:cxn>
                  <a:cxn ang="0">
                    <a:pos x="2387" y="209"/>
                  </a:cxn>
                  <a:cxn ang="0">
                    <a:pos x="2571" y="275"/>
                  </a:cxn>
                  <a:cxn ang="0">
                    <a:pos x="2602" y="467"/>
                  </a:cxn>
                  <a:cxn ang="0">
                    <a:pos x="2718" y="713"/>
                  </a:cxn>
                  <a:cxn ang="0">
                    <a:pos x="2711" y="951"/>
                  </a:cxn>
                  <a:cxn ang="0">
                    <a:pos x="2568" y="1160"/>
                  </a:cxn>
                  <a:cxn ang="0">
                    <a:pos x="2655" y="1238"/>
                  </a:cxn>
                  <a:cxn ang="0">
                    <a:pos x="2687" y="1429"/>
                  </a:cxn>
                  <a:cxn ang="0">
                    <a:pos x="2730" y="1561"/>
                  </a:cxn>
                  <a:cxn ang="0">
                    <a:pos x="2742" y="1670"/>
                  </a:cxn>
                  <a:cxn ang="0">
                    <a:pos x="2814" y="1784"/>
                  </a:cxn>
                  <a:cxn ang="0">
                    <a:pos x="2808" y="1861"/>
                  </a:cxn>
                  <a:cxn ang="0">
                    <a:pos x="2837" y="1976"/>
                  </a:cxn>
                  <a:cxn ang="0">
                    <a:pos x="2559" y="2283"/>
                  </a:cxn>
                  <a:cxn ang="0">
                    <a:pos x="2479" y="2477"/>
                  </a:cxn>
                  <a:cxn ang="0">
                    <a:pos x="2305" y="2621"/>
                  </a:cxn>
                  <a:cxn ang="0">
                    <a:pos x="2153" y="2517"/>
                  </a:cxn>
                  <a:cxn ang="0">
                    <a:pos x="1920" y="2547"/>
                  </a:cxn>
                  <a:cxn ang="0">
                    <a:pos x="1804" y="2506"/>
                  </a:cxn>
                  <a:cxn ang="0">
                    <a:pos x="1631" y="2569"/>
                  </a:cxn>
                  <a:cxn ang="0">
                    <a:pos x="1538" y="2470"/>
                  </a:cxn>
                  <a:cxn ang="0">
                    <a:pos x="1410" y="2433"/>
                  </a:cxn>
                  <a:cxn ang="0">
                    <a:pos x="1318" y="2457"/>
                  </a:cxn>
                  <a:cxn ang="0">
                    <a:pos x="1216" y="2262"/>
                  </a:cxn>
                  <a:cxn ang="0">
                    <a:pos x="1103" y="2232"/>
                  </a:cxn>
                  <a:cxn ang="0">
                    <a:pos x="1025" y="2205"/>
                  </a:cxn>
                  <a:cxn ang="0">
                    <a:pos x="967" y="2113"/>
                  </a:cxn>
                  <a:cxn ang="0">
                    <a:pos x="896" y="2077"/>
                  </a:cxn>
                  <a:cxn ang="0">
                    <a:pos x="723" y="2039"/>
                  </a:cxn>
                  <a:cxn ang="0">
                    <a:pos x="696" y="2129"/>
                  </a:cxn>
                  <a:cxn ang="0">
                    <a:pos x="652" y="2168"/>
                  </a:cxn>
                  <a:cxn ang="0">
                    <a:pos x="548" y="2007"/>
                  </a:cxn>
                  <a:cxn ang="0">
                    <a:pos x="478" y="1907"/>
                  </a:cxn>
                  <a:cxn ang="0">
                    <a:pos x="283" y="1775"/>
                  </a:cxn>
                  <a:cxn ang="0">
                    <a:pos x="196" y="1766"/>
                  </a:cxn>
                  <a:cxn ang="0">
                    <a:pos x="98" y="1731"/>
                  </a:cxn>
                  <a:cxn ang="0">
                    <a:pos x="202" y="1561"/>
                  </a:cxn>
                  <a:cxn ang="0">
                    <a:pos x="139" y="1350"/>
                  </a:cxn>
                  <a:cxn ang="0">
                    <a:pos x="127" y="1156"/>
                  </a:cxn>
                  <a:cxn ang="0">
                    <a:pos x="114" y="1043"/>
                  </a:cxn>
                  <a:cxn ang="0">
                    <a:pos x="38" y="881"/>
                  </a:cxn>
                  <a:cxn ang="0">
                    <a:pos x="82" y="726"/>
                  </a:cxn>
                </a:cxnLst>
                <a:rect l="0" t="0" r="r" b="b"/>
                <a:pathLst>
                  <a:path w="2848" h="2668">
                    <a:moveTo>
                      <a:pt x="52" y="337"/>
                    </a:moveTo>
                    <a:lnTo>
                      <a:pt x="34" y="385"/>
                    </a:lnTo>
                    <a:lnTo>
                      <a:pt x="42" y="390"/>
                    </a:lnTo>
                    <a:lnTo>
                      <a:pt x="51" y="397"/>
                    </a:lnTo>
                    <a:lnTo>
                      <a:pt x="61" y="403"/>
                    </a:lnTo>
                    <a:lnTo>
                      <a:pt x="72" y="407"/>
                    </a:lnTo>
                    <a:lnTo>
                      <a:pt x="77" y="409"/>
                    </a:lnTo>
                    <a:lnTo>
                      <a:pt x="81" y="409"/>
                    </a:lnTo>
                    <a:lnTo>
                      <a:pt x="83" y="409"/>
                    </a:lnTo>
                    <a:lnTo>
                      <a:pt x="86" y="406"/>
                    </a:lnTo>
                    <a:lnTo>
                      <a:pt x="87" y="403"/>
                    </a:lnTo>
                    <a:lnTo>
                      <a:pt x="87" y="398"/>
                    </a:lnTo>
                    <a:lnTo>
                      <a:pt x="85" y="392"/>
                    </a:lnTo>
                    <a:lnTo>
                      <a:pt x="81" y="384"/>
                    </a:lnTo>
                    <a:lnTo>
                      <a:pt x="69" y="364"/>
                    </a:lnTo>
                    <a:lnTo>
                      <a:pt x="57" y="346"/>
                    </a:lnTo>
                    <a:lnTo>
                      <a:pt x="55" y="341"/>
                    </a:lnTo>
                    <a:lnTo>
                      <a:pt x="52" y="337"/>
                    </a:lnTo>
                    <a:close/>
                    <a:moveTo>
                      <a:pt x="47" y="462"/>
                    </a:moveTo>
                    <a:lnTo>
                      <a:pt x="57" y="466"/>
                    </a:lnTo>
                    <a:lnTo>
                      <a:pt x="66" y="468"/>
                    </a:lnTo>
                    <a:lnTo>
                      <a:pt x="77" y="472"/>
                    </a:lnTo>
                    <a:lnTo>
                      <a:pt x="87" y="475"/>
                    </a:lnTo>
                    <a:lnTo>
                      <a:pt x="98" y="477"/>
                    </a:lnTo>
                    <a:lnTo>
                      <a:pt x="107" y="482"/>
                    </a:lnTo>
                    <a:lnTo>
                      <a:pt x="114" y="489"/>
                    </a:lnTo>
                    <a:lnTo>
                      <a:pt x="122" y="497"/>
                    </a:lnTo>
                    <a:lnTo>
                      <a:pt x="127" y="506"/>
                    </a:lnTo>
                    <a:lnTo>
                      <a:pt x="132" y="516"/>
                    </a:lnTo>
                    <a:lnTo>
                      <a:pt x="136" y="526"/>
                    </a:lnTo>
                    <a:lnTo>
                      <a:pt x="140" y="537"/>
                    </a:lnTo>
                    <a:lnTo>
                      <a:pt x="147" y="560"/>
                    </a:lnTo>
                    <a:lnTo>
                      <a:pt x="152" y="582"/>
                    </a:lnTo>
                    <a:lnTo>
                      <a:pt x="156" y="594"/>
                    </a:lnTo>
                    <a:lnTo>
                      <a:pt x="158" y="605"/>
                    </a:lnTo>
                    <a:lnTo>
                      <a:pt x="162" y="616"/>
                    </a:lnTo>
                    <a:lnTo>
                      <a:pt x="167" y="625"/>
                    </a:lnTo>
                    <a:lnTo>
                      <a:pt x="170" y="625"/>
                    </a:lnTo>
                    <a:lnTo>
                      <a:pt x="173" y="621"/>
                    </a:lnTo>
                    <a:lnTo>
                      <a:pt x="174" y="616"/>
                    </a:lnTo>
                    <a:lnTo>
                      <a:pt x="175" y="609"/>
                    </a:lnTo>
                    <a:lnTo>
                      <a:pt x="175" y="603"/>
                    </a:lnTo>
                    <a:lnTo>
                      <a:pt x="174" y="589"/>
                    </a:lnTo>
                    <a:lnTo>
                      <a:pt x="173" y="578"/>
                    </a:lnTo>
                    <a:lnTo>
                      <a:pt x="167" y="570"/>
                    </a:lnTo>
                    <a:lnTo>
                      <a:pt x="164" y="557"/>
                    </a:lnTo>
                    <a:lnTo>
                      <a:pt x="158" y="542"/>
                    </a:lnTo>
                    <a:lnTo>
                      <a:pt x="155" y="524"/>
                    </a:lnTo>
                    <a:lnTo>
                      <a:pt x="149" y="489"/>
                    </a:lnTo>
                    <a:lnTo>
                      <a:pt x="147" y="466"/>
                    </a:lnTo>
                    <a:lnTo>
                      <a:pt x="148" y="460"/>
                    </a:lnTo>
                    <a:lnTo>
                      <a:pt x="151" y="455"/>
                    </a:lnTo>
                    <a:lnTo>
                      <a:pt x="155" y="449"/>
                    </a:lnTo>
                    <a:lnTo>
                      <a:pt x="158" y="443"/>
                    </a:lnTo>
                    <a:lnTo>
                      <a:pt x="170" y="431"/>
                    </a:lnTo>
                    <a:lnTo>
                      <a:pt x="183" y="418"/>
                    </a:lnTo>
                    <a:lnTo>
                      <a:pt x="195" y="405"/>
                    </a:lnTo>
                    <a:lnTo>
                      <a:pt x="204" y="392"/>
                    </a:lnTo>
                    <a:lnTo>
                      <a:pt x="206" y="385"/>
                    </a:lnTo>
                    <a:lnTo>
                      <a:pt x="208" y="380"/>
                    </a:lnTo>
                    <a:lnTo>
                      <a:pt x="206" y="375"/>
                    </a:lnTo>
                    <a:lnTo>
                      <a:pt x="204" y="370"/>
                    </a:lnTo>
                    <a:lnTo>
                      <a:pt x="178" y="381"/>
                    </a:lnTo>
                    <a:lnTo>
                      <a:pt x="140" y="402"/>
                    </a:lnTo>
                    <a:lnTo>
                      <a:pt x="131" y="405"/>
                    </a:lnTo>
                    <a:lnTo>
                      <a:pt x="123" y="407"/>
                    </a:lnTo>
                    <a:lnTo>
                      <a:pt x="117" y="407"/>
                    </a:lnTo>
                    <a:lnTo>
                      <a:pt x="112" y="405"/>
                    </a:lnTo>
                    <a:lnTo>
                      <a:pt x="109" y="402"/>
                    </a:lnTo>
                    <a:lnTo>
                      <a:pt x="108" y="399"/>
                    </a:lnTo>
                    <a:lnTo>
                      <a:pt x="107" y="396"/>
                    </a:lnTo>
                    <a:lnTo>
                      <a:pt x="107" y="390"/>
                    </a:lnTo>
                    <a:lnTo>
                      <a:pt x="107" y="379"/>
                    </a:lnTo>
                    <a:lnTo>
                      <a:pt x="109" y="363"/>
                    </a:lnTo>
                    <a:lnTo>
                      <a:pt x="112" y="358"/>
                    </a:lnTo>
                    <a:lnTo>
                      <a:pt x="116" y="353"/>
                    </a:lnTo>
                    <a:lnTo>
                      <a:pt x="121" y="348"/>
                    </a:lnTo>
                    <a:lnTo>
                      <a:pt x="126" y="344"/>
                    </a:lnTo>
                    <a:lnTo>
                      <a:pt x="140" y="336"/>
                    </a:lnTo>
                    <a:lnTo>
                      <a:pt x="157" y="328"/>
                    </a:lnTo>
                    <a:lnTo>
                      <a:pt x="189" y="318"/>
                    </a:lnTo>
                    <a:lnTo>
                      <a:pt x="215" y="307"/>
                    </a:lnTo>
                    <a:lnTo>
                      <a:pt x="235" y="304"/>
                    </a:lnTo>
                    <a:lnTo>
                      <a:pt x="254" y="300"/>
                    </a:lnTo>
                    <a:lnTo>
                      <a:pt x="274" y="297"/>
                    </a:lnTo>
                    <a:lnTo>
                      <a:pt x="293" y="295"/>
                    </a:lnTo>
                    <a:lnTo>
                      <a:pt x="332" y="292"/>
                    </a:lnTo>
                    <a:lnTo>
                      <a:pt x="371" y="289"/>
                    </a:lnTo>
                    <a:lnTo>
                      <a:pt x="410" y="287"/>
                    </a:lnTo>
                    <a:lnTo>
                      <a:pt x="447" y="283"/>
                    </a:lnTo>
                    <a:lnTo>
                      <a:pt x="467" y="280"/>
                    </a:lnTo>
                    <a:lnTo>
                      <a:pt x="486" y="276"/>
                    </a:lnTo>
                    <a:lnTo>
                      <a:pt x="504" y="271"/>
                    </a:lnTo>
                    <a:lnTo>
                      <a:pt x="522" y="266"/>
                    </a:lnTo>
                    <a:lnTo>
                      <a:pt x="534" y="261"/>
                    </a:lnTo>
                    <a:lnTo>
                      <a:pt x="546" y="256"/>
                    </a:lnTo>
                    <a:lnTo>
                      <a:pt x="556" y="249"/>
                    </a:lnTo>
                    <a:lnTo>
                      <a:pt x="566" y="241"/>
                    </a:lnTo>
                    <a:lnTo>
                      <a:pt x="586" y="225"/>
                    </a:lnTo>
                    <a:lnTo>
                      <a:pt x="604" y="205"/>
                    </a:lnTo>
                    <a:lnTo>
                      <a:pt x="638" y="165"/>
                    </a:lnTo>
                    <a:lnTo>
                      <a:pt x="671" y="126"/>
                    </a:lnTo>
                    <a:lnTo>
                      <a:pt x="682" y="116"/>
                    </a:lnTo>
                    <a:lnTo>
                      <a:pt x="692" y="108"/>
                    </a:lnTo>
                    <a:lnTo>
                      <a:pt x="701" y="104"/>
                    </a:lnTo>
                    <a:lnTo>
                      <a:pt x="710" y="102"/>
                    </a:lnTo>
                    <a:lnTo>
                      <a:pt x="732" y="100"/>
                    </a:lnTo>
                    <a:lnTo>
                      <a:pt x="761" y="100"/>
                    </a:lnTo>
                    <a:lnTo>
                      <a:pt x="772" y="100"/>
                    </a:lnTo>
                    <a:lnTo>
                      <a:pt x="782" y="98"/>
                    </a:lnTo>
                    <a:lnTo>
                      <a:pt x="791" y="95"/>
                    </a:lnTo>
                    <a:lnTo>
                      <a:pt x="798" y="91"/>
                    </a:lnTo>
                    <a:lnTo>
                      <a:pt x="813" y="82"/>
                    </a:lnTo>
                    <a:lnTo>
                      <a:pt x="826" y="70"/>
                    </a:lnTo>
                    <a:lnTo>
                      <a:pt x="837" y="59"/>
                    </a:lnTo>
                    <a:lnTo>
                      <a:pt x="850" y="48"/>
                    </a:lnTo>
                    <a:lnTo>
                      <a:pt x="857" y="45"/>
                    </a:lnTo>
                    <a:lnTo>
                      <a:pt x="864" y="39"/>
                    </a:lnTo>
                    <a:lnTo>
                      <a:pt x="872" y="37"/>
                    </a:lnTo>
                    <a:lnTo>
                      <a:pt x="881" y="34"/>
                    </a:lnTo>
                    <a:lnTo>
                      <a:pt x="898" y="34"/>
                    </a:lnTo>
                    <a:lnTo>
                      <a:pt x="916" y="35"/>
                    </a:lnTo>
                    <a:lnTo>
                      <a:pt x="924" y="35"/>
                    </a:lnTo>
                    <a:lnTo>
                      <a:pt x="933" y="35"/>
                    </a:lnTo>
                    <a:lnTo>
                      <a:pt x="941" y="33"/>
                    </a:lnTo>
                    <a:lnTo>
                      <a:pt x="949" y="29"/>
                    </a:lnTo>
                    <a:lnTo>
                      <a:pt x="980" y="25"/>
                    </a:lnTo>
                    <a:lnTo>
                      <a:pt x="1015" y="19"/>
                    </a:lnTo>
                    <a:lnTo>
                      <a:pt x="1050" y="12"/>
                    </a:lnTo>
                    <a:lnTo>
                      <a:pt x="1086" y="7"/>
                    </a:lnTo>
                    <a:lnTo>
                      <a:pt x="1121" y="2"/>
                    </a:lnTo>
                    <a:lnTo>
                      <a:pt x="1155" y="0"/>
                    </a:lnTo>
                    <a:lnTo>
                      <a:pt x="1171" y="0"/>
                    </a:lnTo>
                    <a:lnTo>
                      <a:pt x="1187" y="2"/>
                    </a:lnTo>
                    <a:lnTo>
                      <a:pt x="1201" y="4"/>
                    </a:lnTo>
                    <a:lnTo>
                      <a:pt x="1216" y="7"/>
                    </a:lnTo>
                    <a:lnTo>
                      <a:pt x="1222" y="10"/>
                    </a:lnTo>
                    <a:lnTo>
                      <a:pt x="1228" y="15"/>
                    </a:lnTo>
                    <a:lnTo>
                      <a:pt x="1236" y="21"/>
                    </a:lnTo>
                    <a:lnTo>
                      <a:pt x="1244" y="28"/>
                    </a:lnTo>
                    <a:lnTo>
                      <a:pt x="1258" y="45"/>
                    </a:lnTo>
                    <a:lnTo>
                      <a:pt x="1271" y="61"/>
                    </a:lnTo>
                    <a:lnTo>
                      <a:pt x="1276" y="69"/>
                    </a:lnTo>
                    <a:lnTo>
                      <a:pt x="1279" y="76"/>
                    </a:lnTo>
                    <a:lnTo>
                      <a:pt x="1282" y="81"/>
                    </a:lnTo>
                    <a:lnTo>
                      <a:pt x="1282" y="85"/>
                    </a:lnTo>
                    <a:lnTo>
                      <a:pt x="1280" y="86"/>
                    </a:lnTo>
                    <a:lnTo>
                      <a:pt x="1279" y="86"/>
                    </a:lnTo>
                    <a:lnTo>
                      <a:pt x="1276" y="86"/>
                    </a:lnTo>
                    <a:lnTo>
                      <a:pt x="1274" y="85"/>
                    </a:lnTo>
                    <a:lnTo>
                      <a:pt x="1266" y="81"/>
                    </a:lnTo>
                    <a:lnTo>
                      <a:pt x="1254" y="74"/>
                    </a:lnTo>
                    <a:lnTo>
                      <a:pt x="1238" y="63"/>
                    </a:lnTo>
                    <a:lnTo>
                      <a:pt x="1213" y="42"/>
                    </a:lnTo>
                    <a:lnTo>
                      <a:pt x="1191" y="24"/>
                    </a:lnTo>
                    <a:lnTo>
                      <a:pt x="1178" y="16"/>
                    </a:lnTo>
                    <a:lnTo>
                      <a:pt x="1175" y="17"/>
                    </a:lnTo>
                    <a:lnTo>
                      <a:pt x="1173" y="19"/>
                    </a:lnTo>
                    <a:lnTo>
                      <a:pt x="1171" y="21"/>
                    </a:lnTo>
                    <a:lnTo>
                      <a:pt x="1170" y="22"/>
                    </a:lnTo>
                    <a:lnTo>
                      <a:pt x="1169" y="28"/>
                    </a:lnTo>
                    <a:lnTo>
                      <a:pt x="1169" y="33"/>
                    </a:lnTo>
                    <a:lnTo>
                      <a:pt x="1174" y="46"/>
                    </a:lnTo>
                    <a:lnTo>
                      <a:pt x="1179" y="55"/>
                    </a:lnTo>
                    <a:lnTo>
                      <a:pt x="1190" y="67"/>
                    </a:lnTo>
                    <a:lnTo>
                      <a:pt x="1200" y="77"/>
                    </a:lnTo>
                    <a:lnTo>
                      <a:pt x="1212" y="87"/>
                    </a:lnTo>
                    <a:lnTo>
                      <a:pt x="1222" y="100"/>
                    </a:lnTo>
                    <a:lnTo>
                      <a:pt x="1240" y="130"/>
                    </a:lnTo>
                    <a:lnTo>
                      <a:pt x="1253" y="155"/>
                    </a:lnTo>
                    <a:lnTo>
                      <a:pt x="1263" y="175"/>
                    </a:lnTo>
                    <a:lnTo>
                      <a:pt x="1274" y="192"/>
                    </a:lnTo>
                    <a:lnTo>
                      <a:pt x="1280" y="200"/>
                    </a:lnTo>
                    <a:lnTo>
                      <a:pt x="1288" y="206"/>
                    </a:lnTo>
                    <a:lnTo>
                      <a:pt x="1297" y="212"/>
                    </a:lnTo>
                    <a:lnTo>
                      <a:pt x="1308" y="217"/>
                    </a:lnTo>
                    <a:lnTo>
                      <a:pt x="1320" y="221"/>
                    </a:lnTo>
                    <a:lnTo>
                      <a:pt x="1336" y="225"/>
                    </a:lnTo>
                    <a:lnTo>
                      <a:pt x="1355" y="227"/>
                    </a:lnTo>
                    <a:lnTo>
                      <a:pt x="1377" y="230"/>
                    </a:lnTo>
                    <a:lnTo>
                      <a:pt x="1393" y="231"/>
                    </a:lnTo>
                    <a:lnTo>
                      <a:pt x="1407" y="231"/>
                    </a:lnTo>
                    <a:lnTo>
                      <a:pt x="1420" y="228"/>
                    </a:lnTo>
                    <a:lnTo>
                      <a:pt x="1434" y="226"/>
                    </a:lnTo>
                    <a:lnTo>
                      <a:pt x="1446" y="221"/>
                    </a:lnTo>
                    <a:lnTo>
                      <a:pt x="1458" y="216"/>
                    </a:lnTo>
                    <a:lnTo>
                      <a:pt x="1468" y="209"/>
                    </a:lnTo>
                    <a:lnTo>
                      <a:pt x="1479" y="201"/>
                    </a:lnTo>
                    <a:lnTo>
                      <a:pt x="1489" y="193"/>
                    </a:lnTo>
                    <a:lnTo>
                      <a:pt x="1498" y="183"/>
                    </a:lnTo>
                    <a:lnTo>
                      <a:pt x="1506" y="174"/>
                    </a:lnTo>
                    <a:lnTo>
                      <a:pt x="1515" y="164"/>
                    </a:lnTo>
                    <a:lnTo>
                      <a:pt x="1530" y="142"/>
                    </a:lnTo>
                    <a:lnTo>
                      <a:pt x="1546" y="118"/>
                    </a:lnTo>
                    <a:lnTo>
                      <a:pt x="1694" y="166"/>
                    </a:lnTo>
                    <a:lnTo>
                      <a:pt x="1739" y="177"/>
                    </a:lnTo>
                    <a:lnTo>
                      <a:pt x="1784" y="187"/>
                    </a:lnTo>
                    <a:lnTo>
                      <a:pt x="1830" y="196"/>
                    </a:lnTo>
                    <a:lnTo>
                      <a:pt x="1875" y="203"/>
                    </a:lnTo>
                    <a:lnTo>
                      <a:pt x="1907" y="205"/>
                    </a:lnTo>
                    <a:lnTo>
                      <a:pt x="1940" y="206"/>
                    </a:lnTo>
                    <a:lnTo>
                      <a:pt x="1972" y="208"/>
                    </a:lnTo>
                    <a:lnTo>
                      <a:pt x="2004" y="209"/>
                    </a:lnTo>
                    <a:lnTo>
                      <a:pt x="2047" y="214"/>
                    </a:lnTo>
                    <a:lnTo>
                      <a:pt x="2089" y="219"/>
                    </a:lnTo>
                    <a:lnTo>
                      <a:pt x="2129" y="223"/>
                    </a:lnTo>
                    <a:lnTo>
                      <a:pt x="2169" y="226"/>
                    </a:lnTo>
                    <a:lnTo>
                      <a:pt x="2188" y="227"/>
                    </a:lnTo>
                    <a:lnTo>
                      <a:pt x="2209" y="227"/>
                    </a:lnTo>
                    <a:lnTo>
                      <a:pt x="2229" y="226"/>
                    </a:lnTo>
                    <a:lnTo>
                      <a:pt x="2249" y="225"/>
                    </a:lnTo>
                    <a:lnTo>
                      <a:pt x="2270" y="223"/>
                    </a:lnTo>
                    <a:lnTo>
                      <a:pt x="2291" y="219"/>
                    </a:lnTo>
                    <a:lnTo>
                      <a:pt x="2313" y="216"/>
                    </a:lnTo>
                    <a:lnTo>
                      <a:pt x="2335" y="210"/>
                    </a:lnTo>
                    <a:lnTo>
                      <a:pt x="2387" y="209"/>
                    </a:lnTo>
                    <a:lnTo>
                      <a:pt x="2433" y="210"/>
                    </a:lnTo>
                    <a:lnTo>
                      <a:pt x="2457" y="213"/>
                    </a:lnTo>
                    <a:lnTo>
                      <a:pt x="2480" y="218"/>
                    </a:lnTo>
                    <a:lnTo>
                      <a:pt x="2492" y="222"/>
                    </a:lnTo>
                    <a:lnTo>
                      <a:pt x="2503" y="226"/>
                    </a:lnTo>
                    <a:lnTo>
                      <a:pt x="2516" y="231"/>
                    </a:lnTo>
                    <a:lnTo>
                      <a:pt x="2529" y="238"/>
                    </a:lnTo>
                    <a:lnTo>
                      <a:pt x="2540" y="244"/>
                    </a:lnTo>
                    <a:lnTo>
                      <a:pt x="2547" y="249"/>
                    </a:lnTo>
                    <a:lnTo>
                      <a:pt x="2555" y="254"/>
                    </a:lnTo>
                    <a:lnTo>
                      <a:pt x="2560" y="261"/>
                    </a:lnTo>
                    <a:lnTo>
                      <a:pt x="2571" y="275"/>
                    </a:lnTo>
                    <a:lnTo>
                      <a:pt x="2581" y="293"/>
                    </a:lnTo>
                    <a:lnTo>
                      <a:pt x="2587" y="309"/>
                    </a:lnTo>
                    <a:lnTo>
                      <a:pt x="2594" y="327"/>
                    </a:lnTo>
                    <a:lnTo>
                      <a:pt x="2598" y="348"/>
                    </a:lnTo>
                    <a:lnTo>
                      <a:pt x="2599" y="363"/>
                    </a:lnTo>
                    <a:lnTo>
                      <a:pt x="2595" y="377"/>
                    </a:lnTo>
                    <a:lnTo>
                      <a:pt x="2593" y="392"/>
                    </a:lnTo>
                    <a:lnTo>
                      <a:pt x="2591" y="407"/>
                    </a:lnTo>
                    <a:lnTo>
                      <a:pt x="2591" y="421"/>
                    </a:lnTo>
                    <a:lnTo>
                      <a:pt x="2594" y="437"/>
                    </a:lnTo>
                    <a:lnTo>
                      <a:pt x="2598" y="451"/>
                    </a:lnTo>
                    <a:lnTo>
                      <a:pt x="2602" y="467"/>
                    </a:lnTo>
                    <a:lnTo>
                      <a:pt x="2607" y="481"/>
                    </a:lnTo>
                    <a:lnTo>
                      <a:pt x="2621" y="510"/>
                    </a:lnTo>
                    <a:lnTo>
                      <a:pt x="2635" y="538"/>
                    </a:lnTo>
                    <a:lnTo>
                      <a:pt x="2651" y="565"/>
                    </a:lnTo>
                    <a:lnTo>
                      <a:pt x="2666" y="590"/>
                    </a:lnTo>
                    <a:lnTo>
                      <a:pt x="2677" y="608"/>
                    </a:lnTo>
                    <a:lnTo>
                      <a:pt x="2687" y="627"/>
                    </a:lnTo>
                    <a:lnTo>
                      <a:pt x="2695" y="644"/>
                    </a:lnTo>
                    <a:lnTo>
                      <a:pt x="2703" y="662"/>
                    </a:lnTo>
                    <a:lnTo>
                      <a:pt x="2709" y="679"/>
                    </a:lnTo>
                    <a:lnTo>
                      <a:pt x="2714" y="696"/>
                    </a:lnTo>
                    <a:lnTo>
                      <a:pt x="2718" y="713"/>
                    </a:lnTo>
                    <a:lnTo>
                      <a:pt x="2722" y="730"/>
                    </a:lnTo>
                    <a:lnTo>
                      <a:pt x="2726" y="765"/>
                    </a:lnTo>
                    <a:lnTo>
                      <a:pt x="2729" y="801"/>
                    </a:lnTo>
                    <a:lnTo>
                      <a:pt x="2730" y="840"/>
                    </a:lnTo>
                    <a:lnTo>
                      <a:pt x="2730" y="883"/>
                    </a:lnTo>
                    <a:lnTo>
                      <a:pt x="2730" y="896"/>
                    </a:lnTo>
                    <a:lnTo>
                      <a:pt x="2729" y="907"/>
                    </a:lnTo>
                    <a:lnTo>
                      <a:pt x="2726" y="919"/>
                    </a:lnTo>
                    <a:lnTo>
                      <a:pt x="2723" y="928"/>
                    </a:lnTo>
                    <a:lnTo>
                      <a:pt x="2720" y="937"/>
                    </a:lnTo>
                    <a:lnTo>
                      <a:pt x="2716" y="945"/>
                    </a:lnTo>
                    <a:lnTo>
                      <a:pt x="2711" y="951"/>
                    </a:lnTo>
                    <a:lnTo>
                      <a:pt x="2705" y="958"/>
                    </a:lnTo>
                    <a:lnTo>
                      <a:pt x="2679" y="984"/>
                    </a:lnTo>
                    <a:lnTo>
                      <a:pt x="2651" y="1015"/>
                    </a:lnTo>
                    <a:lnTo>
                      <a:pt x="2633" y="1039"/>
                    </a:lnTo>
                    <a:lnTo>
                      <a:pt x="2617" y="1064"/>
                    </a:lnTo>
                    <a:lnTo>
                      <a:pt x="2602" y="1089"/>
                    </a:lnTo>
                    <a:lnTo>
                      <a:pt x="2587" y="1113"/>
                    </a:lnTo>
                    <a:lnTo>
                      <a:pt x="2577" y="1127"/>
                    </a:lnTo>
                    <a:lnTo>
                      <a:pt x="2569" y="1142"/>
                    </a:lnTo>
                    <a:lnTo>
                      <a:pt x="2567" y="1149"/>
                    </a:lnTo>
                    <a:lnTo>
                      <a:pt x="2567" y="1156"/>
                    </a:lnTo>
                    <a:lnTo>
                      <a:pt x="2568" y="1160"/>
                    </a:lnTo>
                    <a:lnTo>
                      <a:pt x="2571" y="1162"/>
                    </a:lnTo>
                    <a:lnTo>
                      <a:pt x="2573" y="1166"/>
                    </a:lnTo>
                    <a:lnTo>
                      <a:pt x="2577" y="1169"/>
                    </a:lnTo>
                    <a:lnTo>
                      <a:pt x="2593" y="1178"/>
                    </a:lnTo>
                    <a:lnTo>
                      <a:pt x="2607" y="1187"/>
                    </a:lnTo>
                    <a:lnTo>
                      <a:pt x="2621" y="1196"/>
                    </a:lnTo>
                    <a:lnTo>
                      <a:pt x="2633" y="1205"/>
                    </a:lnTo>
                    <a:lnTo>
                      <a:pt x="2638" y="1210"/>
                    </a:lnTo>
                    <a:lnTo>
                      <a:pt x="2643" y="1217"/>
                    </a:lnTo>
                    <a:lnTo>
                      <a:pt x="2647" y="1223"/>
                    </a:lnTo>
                    <a:lnTo>
                      <a:pt x="2651" y="1230"/>
                    </a:lnTo>
                    <a:lnTo>
                      <a:pt x="2655" y="1238"/>
                    </a:lnTo>
                    <a:lnTo>
                      <a:pt x="2657" y="1245"/>
                    </a:lnTo>
                    <a:lnTo>
                      <a:pt x="2660" y="1253"/>
                    </a:lnTo>
                    <a:lnTo>
                      <a:pt x="2661" y="1263"/>
                    </a:lnTo>
                    <a:lnTo>
                      <a:pt x="2663" y="1276"/>
                    </a:lnTo>
                    <a:lnTo>
                      <a:pt x="2663" y="1292"/>
                    </a:lnTo>
                    <a:lnTo>
                      <a:pt x="2663" y="1306"/>
                    </a:lnTo>
                    <a:lnTo>
                      <a:pt x="2664" y="1319"/>
                    </a:lnTo>
                    <a:lnTo>
                      <a:pt x="2666" y="1332"/>
                    </a:lnTo>
                    <a:lnTo>
                      <a:pt x="2670" y="1344"/>
                    </a:lnTo>
                    <a:lnTo>
                      <a:pt x="2673" y="1355"/>
                    </a:lnTo>
                    <a:lnTo>
                      <a:pt x="2674" y="1368"/>
                    </a:lnTo>
                    <a:lnTo>
                      <a:pt x="2687" y="1429"/>
                    </a:lnTo>
                    <a:lnTo>
                      <a:pt x="2685" y="1455"/>
                    </a:lnTo>
                    <a:lnTo>
                      <a:pt x="2682" y="1464"/>
                    </a:lnTo>
                    <a:lnTo>
                      <a:pt x="2682" y="1472"/>
                    </a:lnTo>
                    <a:lnTo>
                      <a:pt x="2681" y="1480"/>
                    </a:lnTo>
                    <a:lnTo>
                      <a:pt x="2682" y="1486"/>
                    </a:lnTo>
                    <a:lnTo>
                      <a:pt x="2683" y="1493"/>
                    </a:lnTo>
                    <a:lnTo>
                      <a:pt x="2685" y="1499"/>
                    </a:lnTo>
                    <a:lnTo>
                      <a:pt x="2687" y="1506"/>
                    </a:lnTo>
                    <a:lnTo>
                      <a:pt x="2690" y="1511"/>
                    </a:lnTo>
                    <a:lnTo>
                      <a:pt x="2705" y="1532"/>
                    </a:lnTo>
                    <a:lnTo>
                      <a:pt x="2726" y="1556"/>
                    </a:lnTo>
                    <a:lnTo>
                      <a:pt x="2730" y="1561"/>
                    </a:lnTo>
                    <a:lnTo>
                      <a:pt x="2733" y="1567"/>
                    </a:lnTo>
                    <a:lnTo>
                      <a:pt x="2734" y="1573"/>
                    </a:lnTo>
                    <a:lnTo>
                      <a:pt x="2735" y="1580"/>
                    </a:lnTo>
                    <a:lnTo>
                      <a:pt x="2735" y="1594"/>
                    </a:lnTo>
                    <a:lnTo>
                      <a:pt x="2734" y="1608"/>
                    </a:lnTo>
                    <a:lnTo>
                      <a:pt x="2731" y="1622"/>
                    </a:lnTo>
                    <a:lnTo>
                      <a:pt x="2731" y="1637"/>
                    </a:lnTo>
                    <a:lnTo>
                      <a:pt x="2731" y="1643"/>
                    </a:lnTo>
                    <a:lnTo>
                      <a:pt x="2733" y="1650"/>
                    </a:lnTo>
                    <a:lnTo>
                      <a:pt x="2734" y="1656"/>
                    </a:lnTo>
                    <a:lnTo>
                      <a:pt x="2736" y="1662"/>
                    </a:lnTo>
                    <a:lnTo>
                      <a:pt x="2742" y="1670"/>
                    </a:lnTo>
                    <a:lnTo>
                      <a:pt x="2747" y="1675"/>
                    </a:lnTo>
                    <a:lnTo>
                      <a:pt x="2752" y="1679"/>
                    </a:lnTo>
                    <a:lnTo>
                      <a:pt x="2756" y="1683"/>
                    </a:lnTo>
                    <a:lnTo>
                      <a:pt x="2761" y="1687"/>
                    </a:lnTo>
                    <a:lnTo>
                      <a:pt x="2765" y="1692"/>
                    </a:lnTo>
                    <a:lnTo>
                      <a:pt x="2769" y="1699"/>
                    </a:lnTo>
                    <a:lnTo>
                      <a:pt x="2773" y="1708"/>
                    </a:lnTo>
                    <a:lnTo>
                      <a:pt x="2780" y="1735"/>
                    </a:lnTo>
                    <a:lnTo>
                      <a:pt x="2790" y="1757"/>
                    </a:lnTo>
                    <a:lnTo>
                      <a:pt x="2796" y="1767"/>
                    </a:lnTo>
                    <a:lnTo>
                      <a:pt x="2804" y="1776"/>
                    </a:lnTo>
                    <a:lnTo>
                      <a:pt x="2814" y="1784"/>
                    </a:lnTo>
                    <a:lnTo>
                      <a:pt x="2827" y="1792"/>
                    </a:lnTo>
                    <a:lnTo>
                      <a:pt x="2837" y="1797"/>
                    </a:lnTo>
                    <a:lnTo>
                      <a:pt x="2843" y="1802"/>
                    </a:lnTo>
                    <a:lnTo>
                      <a:pt x="2847" y="1808"/>
                    </a:lnTo>
                    <a:lnTo>
                      <a:pt x="2847" y="1814"/>
                    </a:lnTo>
                    <a:lnTo>
                      <a:pt x="2845" y="1819"/>
                    </a:lnTo>
                    <a:lnTo>
                      <a:pt x="2843" y="1824"/>
                    </a:lnTo>
                    <a:lnTo>
                      <a:pt x="2839" y="1830"/>
                    </a:lnTo>
                    <a:lnTo>
                      <a:pt x="2834" y="1836"/>
                    </a:lnTo>
                    <a:lnTo>
                      <a:pt x="2822" y="1846"/>
                    </a:lnTo>
                    <a:lnTo>
                      <a:pt x="2812" y="1857"/>
                    </a:lnTo>
                    <a:lnTo>
                      <a:pt x="2808" y="1861"/>
                    </a:lnTo>
                    <a:lnTo>
                      <a:pt x="2805" y="1866"/>
                    </a:lnTo>
                    <a:lnTo>
                      <a:pt x="2805" y="1871"/>
                    </a:lnTo>
                    <a:lnTo>
                      <a:pt x="2806" y="1875"/>
                    </a:lnTo>
                    <a:lnTo>
                      <a:pt x="2818" y="1889"/>
                    </a:lnTo>
                    <a:lnTo>
                      <a:pt x="2831" y="1902"/>
                    </a:lnTo>
                    <a:lnTo>
                      <a:pt x="2837" y="1909"/>
                    </a:lnTo>
                    <a:lnTo>
                      <a:pt x="2843" y="1915"/>
                    </a:lnTo>
                    <a:lnTo>
                      <a:pt x="2847" y="1924"/>
                    </a:lnTo>
                    <a:lnTo>
                      <a:pt x="2848" y="1933"/>
                    </a:lnTo>
                    <a:lnTo>
                      <a:pt x="2845" y="1950"/>
                    </a:lnTo>
                    <a:lnTo>
                      <a:pt x="2843" y="1964"/>
                    </a:lnTo>
                    <a:lnTo>
                      <a:pt x="2837" y="1976"/>
                    </a:lnTo>
                    <a:lnTo>
                      <a:pt x="2831" y="1986"/>
                    </a:lnTo>
                    <a:lnTo>
                      <a:pt x="2825" y="1995"/>
                    </a:lnTo>
                    <a:lnTo>
                      <a:pt x="2817" y="2003"/>
                    </a:lnTo>
                    <a:lnTo>
                      <a:pt x="2808" y="2010"/>
                    </a:lnTo>
                    <a:lnTo>
                      <a:pt x="2799" y="2016"/>
                    </a:lnTo>
                    <a:lnTo>
                      <a:pt x="2778" y="2028"/>
                    </a:lnTo>
                    <a:lnTo>
                      <a:pt x="2757" y="2039"/>
                    </a:lnTo>
                    <a:lnTo>
                      <a:pt x="2747" y="2047"/>
                    </a:lnTo>
                    <a:lnTo>
                      <a:pt x="2736" y="2055"/>
                    </a:lnTo>
                    <a:lnTo>
                      <a:pt x="2727" y="2064"/>
                    </a:lnTo>
                    <a:lnTo>
                      <a:pt x="2717" y="2076"/>
                    </a:lnTo>
                    <a:lnTo>
                      <a:pt x="2559" y="2283"/>
                    </a:lnTo>
                    <a:lnTo>
                      <a:pt x="2537" y="2309"/>
                    </a:lnTo>
                    <a:lnTo>
                      <a:pt x="2507" y="2339"/>
                    </a:lnTo>
                    <a:lnTo>
                      <a:pt x="2493" y="2354"/>
                    </a:lnTo>
                    <a:lnTo>
                      <a:pt x="2481" y="2370"/>
                    </a:lnTo>
                    <a:lnTo>
                      <a:pt x="2477" y="2378"/>
                    </a:lnTo>
                    <a:lnTo>
                      <a:pt x="2473" y="2385"/>
                    </a:lnTo>
                    <a:lnTo>
                      <a:pt x="2472" y="2393"/>
                    </a:lnTo>
                    <a:lnTo>
                      <a:pt x="2471" y="2401"/>
                    </a:lnTo>
                    <a:lnTo>
                      <a:pt x="2471" y="2418"/>
                    </a:lnTo>
                    <a:lnTo>
                      <a:pt x="2473" y="2437"/>
                    </a:lnTo>
                    <a:lnTo>
                      <a:pt x="2475" y="2457"/>
                    </a:lnTo>
                    <a:lnTo>
                      <a:pt x="2479" y="2477"/>
                    </a:lnTo>
                    <a:lnTo>
                      <a:pt x="2485" y="2519"/>
                    </a:lnTo>
                    <a:lnTo>
                      <a:pt x="2494" y="2554"/>
                    </a:lnTo>
                    <a:lnTo>
                      <a:pt x="2503" y="2576"/>
                    </a:lnTo>
                    <a:lnTo>
                      <a:pt x="2514" y="2598"/>
                    </a:lnTo>
                    <a:lnTo>
                      <a:pt x="2519" y="2609"/>
                    </a:lnTo>
                    <a:lnTo>
                      <a:pt x="2523" y="2620"/>
                    </a:lnTo>
                    <a:lnTo>
                      <a:pt x="2524" y="2633"/>
                    </a:lnTo>
                    <a:lnTo>
                      <a:pt x="2523" y="2644"/>
                    </a:lnTo>
                    <a:lnTo>
                      <a:pt x="2415" y="2668"/>
                    </a:lnTo>
                    <a:lnTo>
                      <a:pt x="2370" y="2648"/>
                    </a:lnTo>
                    <a:lnTo>
                      <a:pt x="2326" y="2631"/>
                    </a:lnTo>
                    <a:lnTo>
                      <a:pt x="2305" y="2621"/>
                    </a:lnTo>
                    <a:lnTo>
                      <a:pt x="2284" y="2609"/>
                    </a:lnTo>
                    <a:lnTo>
                      <a:pt x="2275" y="2603"/>
                    </a:lnTo>
                    <a:lnTo>
                      <a:pt x="2265" y="2595"/>
                    </a:lnTo>
                    <a:lnTo>
                      <a:pt x="2256" y="2587"/>
                    </a:lnTo>
                    <a:lnTo>
                      <a:pt x="2247" y="2578"/>
                    </a:lnTo>
                    <a:lnTo>
                      <a:pt x="2235" y="2567"/>
                    </a:lnTo>
                    <a:lnTo>
                      <a:pt x="2223" y="2556"/>
                    </a:lnTo>
                    <a:lnTo>
                      <a:pt x="2210" y="2547"/>
                    </a:lnTo>
                    <a:lnTo>
                      <a:pt x="2196" y="2538"/>
                    </a:lnTo>
                    <a:lnTo>
                      <a:pt x="2183" y="2530"/>
                    </a:lnTo>
                    <a:lnTo>
                      <a:pt x="2169" y="2524"/>
                    </a:lnTo>
                    <a:lnTo>
                      <a:pt x="2153" y="2517"/>
                    </a:lnTo>
                    <a:lnTo>
                      <a:pt x="2139" y="2512"/>
                    </a:lnTo>
                    <a:lnTo>
                      <a:pt x="2124" y="2508"/>
                    </a:lnTo>
                    <a:lnTo>
                      <a:pt x="2108" y="2506"/>
                    </a:lnTo>
                    <a:lnTo>
                      <a:pt x="2093" y="2503"/>
                    </a:lnTo>
                    <a:lnTo>
                      <a:pt x="2077" y="2502"/>
                    </a:lnTo>
                    <a:lnTo>
                      <a:pt x="2060" y="2503"/>
                    </a:lnTo>
                    <a:lnTo>
                      <a:pt x="2045" y="2503"/>
                    </a:lnTo>
                    <a:lnTo>
                      <a:pt x="2029" y="2506"/>
                    </a:lnTo>
                    <a:lnTo>
                      <a:pt x="2012" y="2510"/>
                    </a:lnTo>
                    <a:lnTo>
                      <a:pt x="1976" y="2524"/>
                    </a:lnTo>
                    <a:lnTo>
                      <a:pt x="1931" y="2543"/>
                    </a:lnTo>
                    <a:lnTo>
                      <a:pt x="1920" y="2547"/>
                    </a:lnTo>
                    <a:lnTo>
                      <a:pt x="1909" y="2551"/>
                    </a:lnTo>
                    <a:lnTo>
                      <a:pt x="1898" y="2552"/>
                    </a:lnTo>
                    <a:lnTo>
                      <a:pt x="1888" y="2554"/>
                    </a:lnTo>
                    <a:lnTo>
                      <a:pt x="1878" y="2552"/>
                    </a:lnTo>
                    <a:lnTo>
                      <a:pt x="1868" y="2550"/>
                    </a:lnTo>
                    <a:lnTo>
                      <a:pt x="1861" y="2545"/>
                    </a:lnTo>
                    <a:lnTo>
                      <a:pt x="1854" y="2538"/>
                    </a:lnTo>
                    <a:lnTo>
                      <a:pt x="1841" y="2525"/>
                    </a:lnTo>
                    <a:lnTo>
                      <a:pt x="1831" y="2516"/>
                    </a:lnTo>
                    <a:lnTo>
                      <a:pt x="1822" y="2511"/>
                    </a:lnTo>
                    <a:lnTo>
                      <a:pt x="1811" y="2507"/>
                    </a:lnTo>
                    <a:lnTo>
                      <a:pt x="1804" y="2506"/>
                    </a:lnTo>
                    <a:lnTo>
                      <a:pt x="1795" y="2506"/>
                    </a:lnTo>
                    <a:lnTo>
                      <a:pt x="1787" y="2508"/>
                    </a:lnTo>
                    <a:lnTo>
                      <a:pt x="1779" y="2512"/>
                    </a:lnTo>
                    <a:lnTo>
                      <a:pt x="1748" y="2538"/>
                    </a:lnTo>
                    <a:lnTo>
                      <a:pt x="1709" y="2567"/>
                    </a:lnTo>
                    <a:lnTo>
                      <a:pt x="1700" y="2571"/>
                    </a:lnTo>
                    <a:lnTo>
                      <a:pt x="1691" y="2573"/>
                    </a:lnTo>
                    <a:lnTo>
                      <a:pt x="1679" y="2574"/>
                    </a:lnTo>
                    <a:lnTo>
                      <a:pt x="1668" y="2576"/>
                    </a:lnTo>
                    <a:lnTo>
                      <a:pt x="1656" y="2574"/>
                    </a:lnTo>
                    <a:lnTo>
                      <a:pt x="1644" y="2573"/>
                    </a:lnTo>
                    <a:lnTo>
                      <a:pt x="1631" y="2569"/>
                    </a:lnTo>
                    <a:lnTo>
                      <a:pt x="1620" y="2567"/>
                    </a:lnTo>
                    <a:lnTo>
                      <a:pt x="1608" y="2561"/>
                    </a:lnTo>
                    <a:lnTo>
                      <a:pt x="1596" y="2556"/>
                    </a:lnTo>
                    <a:lnTo>
                      <a:pt x="1586" y="2550"/>
                    </a:lnTo>
                    <a:lnTo>
                      <a:pt x="1577" y="2542"/>
                    </a:lnTo>
                    <a:lnTo>
                      <a:pt x="1569" y="2534"/>
                    </a:lnTo>
                    <a:lnTo>
                      <a:pt x="1563" y="2527"/>
                    </a:lnTo>
                    <a:lnTo>
                      <a:pt x="1558" y="2517"/>
                    </a:lnTo>
                    <a:lnTo>
                      <a:pt x="1555" y="2508"/>
                    </a:lnTo>
                    <a:lnTo>
                      <a:pt x="1551" y="2494"/>
                    </a:lnTo>
                    <a:lnTo>
                      <a:pt x="1546" y="2481"/>
                    </a:lnTo>
                    <a:lnTo>
                      <a:pt x="1538" y="2470"/>
                    </a:lnTo>
                    <a:lnTo>
                      <a:pt x="1530" y="2459"/>
                    </a:lnTo>
                    <a:lnTo>
                      <a:pt x="1510" y="2438"/>
                    </a:lnTo>
                    <a:lnTo>
                      <a:pt x="1489" y="2419"/>
                    </a:lnTo>
                    <a:lnTo>
                      <a:pt x="1479" y="2410"/>
                    </a:lnTo>
                    <a:lnTo>
                      <a:pt x="1468" y="2403"/>
                    </a:lnTo>
                    <a:lnTo>
                      <a:pt x="1458" y="2400"/>
                    </a:lnTo>
                    <a:lnTo>
                      <a:pt x="1450" y="2400"/>
                    </a:lnTo>
                    <a:lnTo>
                      <a:pt x="1441" y="2401"/>
                    </a:lnTo>
                    <a:lnTo>
                      <a:pt x="1434" y="2405"/>
                    </a:lnTo>
                    <a:lnTo>
                      <a:pt x="1428" y="2410"/>
                    </a:lnTo>
                    <a:lnTo>
                      <a:pt x="1422" y="2418"/>
                    </a:lnTo>
                    <a:lnTo>
                      <a:pt x="1410" y="2433"/>
                    </a:lnTo>
                    <a:lnTo>
                      <a:pt x="1398" y="2451"/>
                    </a:lnTo>
                    <a:lnTo>
                      <a:pt x="1392" y="2460"/>
                    </a:lnTo>
                    <a:lnTo>
                      <a:pt x="1387" y="2468"/>
                    </a:lnTo>
                    <a:lnTo>
                      <a:pt x="1380" y="2476"/>
                    </a:lnTo>
                    <a:lnTo>
                      <a:pt x="1374" y="2481"/>
                    </a:lnTo>
                    <a:lnTo>
                      <a:pt x="1370" y="2484"/>
                    </a:lnTo>
                    <a:lnTo>
                      <a:pt x="1365" y="2485"/>
                    </a:lnTo>
                    <a:lnTo>
                      <a:pt x="1361" y="2485"/>
                    </a:lnTo>
                    <a:lnTo>
                      <a:pt x="1355" y="2484"/>
                    </a:lnTo>
                    <a:lnTo>
                      <a:pt x="1346" y="2480"/>
                    </a:lnTo>
                    <a:lnTo>
                      <a:pt x="1336" y="2472"/>
                    </a:lnTo>
                    <a:lnTo>
                      <a:pt x="1318" y="2457"/>
                    </a:lnTo>
                    <a:lnTo>
                      <a:pt x="1304" y="2444"/>
                    </a:lnTo>
                    <a:lnTo>
                      <a:pt x="1285" y="2396"/>
                    </a:lnTo>
                    <a:lnTo>
                      <a:pt x="1275" y="2387"/>
                    </a:lnTo>
                    <a:lnTo>
                      <a:pt x="1265" y="2374"/>
                    </a:lnTo>
                    <a:lnTo>
                      <a:pt x="1256" y="2358"/>
                    </a:lnTo>
                    <a:lnTo>
                      <a:pt x="1247" y="2343"/>
                    </a:lnTo>
                    <a:lnTo>
                      <a:pt x="1239" y="2324"/>
                    </a:lnTo>
                    <a:lnTo>
                      <a:pt x="1232" y="2308"/>
                    </a:lnTo>
                    <a:lnTo>
                      <a:pt x="1227" y="2292"/>
                    </a:lnTo>
                    <a:lnTo>
                      <a:pt x="1223" y="2279"/>
                    </a:lnTo>
                    <a:lnTo>
                      <a:pt x="1221" y="2270"/>
                    </a:lnTo>
                    <a:lnTo>
                      <a:pt x="1216" y="2262"/>
                    </a:lnTo>
                    <a:lnTo>
                      <a:pt x="1210" y="2257"/>
                    </a:lnTo>
                    <a:lnTo>
                      <a:pt x="1204" y="2252"/>
                    </a:lnTo>
                    <a:lnTo>
                      <a:pt x="1197" y="2249"/>
                    </a:lnTo>
                    <a:lnTo>
                      <a:pt x="1190" y="2247"/>
                    </a:lnTo>
                    <a:lnTo>
                      <a:pt x="1181" y="2245"/>
                    </a:lnTo>
                    <a:lnTo>
                      <a:pt x="1171" y="2245"/>
                    </a:lnTo>
                    <a:lnTo>
                      <a:pt x="1153" y="2245"/>
                    </a:lnTo>
                    <a:lnTo>
                      <a:pt x="1135" y="2244"/>
                    </a:lnTo>
                    <a:lnTo>
                      <a:pt x="1126" y="2243"/>
                    </a:lnTo>
                    <a:lnTo>
                      <a:pt x="1118" y="2240"/>
                    </a:lnTo>
                    <a:lnTo>
                      <a:pt x="1111" y="2236"/>
                    </a:lnTo>
                    <a:lnTo>
                      <a:pt x="1103" y="2232"/>
                    </a:lnTo>
                    <a:lnTo>
                      <a:pt x="1087" y="2214"/>
                    </a:lnTo>
                    <a:lnTo>
                      <a:pt x="1076" y="2199"/>
                    </a:lnTo>
                    <a:lnTo>
                      <a:pt x="1072" y="2195"/>
                    </a:lnTo>
                    <a:lnTo>
                      <a:pt x="1069" y="2192"/>
                    </a:lnTo>
                    <a:lnTo>
                      <a:pt x="1064" y="2191"/>
                    </a:lnTo>
                    <a:lnTo>
                      <a:pt x="1060" y="2191"/>
                    </a:lnTo>
                    <a:lnTo>
                      <a:pt x="1055" y="2192"/>
                    </a:lnTo>
                    <a:lnTo>
                      <a:pt x="1050" y="2194"/>
                    </a:lnTo>
                    <a:lnTo>
                      <a:pt x="1043" y="2197"/>
                    </a:lnTo>
                    <a:lnTo>
                      <a:pt x="1035" y="2203"/>
                    </a:lnTo>
                    <a:lnTo>
                      <a:pt x="1030" y="2205"/>
                    </a:lnTo>
                    <a:lnTo>
                      <a:pt x="1025" y="2205"/>
                    </a:lnTo>
                    <a:lnTo>
                      <a:pt x="1020" y="2203"/>
                    </a:lnTo>
                    <a:lnTo>
                      <a:pt x="1013" y="2200"/>
                    </a:lnTo>
                    <a:lnTo>
                      <a:pt x="1007" y="2195"/>
                    </a:lnTo>
                    <a:lnTo>
                      <a:pt x="1002" y="2188"/>
                    </a:lnTo>
                    <a:lnTo>
                      <a:pt x="995" y="2182"/>
                    </a:lnTo>
                    <a:lnTo>
                      <a:pt x="990" y="2174"/>
                    </a:lnTo>
                    <a:lnTo>
                      <a:pt x="980" y="2156"/>
                    </a:lnTo>
                    <a:lnTo>
                      <a:pt x="972" y="2139"/>
                    </a:lnTo>
                    <a:lnTo>
                      <a:pt x="969" y="2131"/>
                    </a:lnTo>
                    <a:lnTo>
                      <a:pt x="967" y="2124"/>
                    </a:lnTo>
                    <a:lnTo>
                      <a:pt x="967" y="2117"/>
                    </a:lnTo>
                    <a:lnTo>
                      <a:pt x="967" y="2113"/>
                    </a:lnTo>
                    <a:lnTo>
                      <a:pt x="971" y="2096"/>
                    </a:lnTo>
                    <a:lnTo>
                      <a:pt x="976" y="2082"/>
                    </a:lnTo>
                    <a:lnTo>
                      <a:pt x="976" y="2080"/>
                    </a:lnTo>
                    <a:lnTo>
                      <a:pt x="976" y="2077"/>
                    </a:lnTo>
                    <a:lnTo>
                      <a:pt x="975" y="2074"/>
                    </a:lnTo>
                    <a:lnTo>
                      <a:pt x="972" y="2072"/>
                    </a:lnTo>
                    <a:lnTo>
                      <a:pt x="969" y="2071"/>
                    </a:lnTo>
                    <a:lnTo>
                      <a:pt x="965" y="2069"/>
                    </a:lnTo>
                    <a:lnTo>
                      <a:pt x="960" y="2069"/>
                    </a:lnTo>
                    <a:lnTo>
                      <a:pt x="954" y="2069"/>
                    </a:lnTo>
                    <a:lnTo>
                      <a:pt x="925" y="2072"/>
                    </a:lnTo>
                    <a:lnTo>
                      <a:pt x="896" y="2077"/>
                    </a:lnTo>
                    <a:lnTo>
                      <a:pt x="866" y="2081"/>
                    </a:lnTo>
                    <a:lnTo>
                      <a:pt x="836" y="2085"/>
                    </a:lnTo>
                    <a:lnTo>
                      <a:pt x="823" y="2081"/>
                    </a:lnTo>
                    <a:lnTo>
                      <a:pt x="809" y="2074"/>
                    </a:lnTo>
                    <a:lnTo>
                      <a:pt x="794" y="2067"/>
                    </a:lnTo>
                    <a:lnTo>
                      <a:pt x="780" y="2058"/>
                    </a:lnTo>
                    <a:lnTo>
                      <a:pt x="766" y="2050"/>
                    </a:lnTo>
                    <a:lnTo>
                      <a:pt x="752" y="2043"/>
                    </a:lnTo>
                    <a:lnTo>
                      <a:pt x="745" y="2041"/>
                    </a:lnTo>
                    <a:lnTo>
                      <a:pt x="737" y="2039"/>
                    </a:lnTo>
                    <a:lnTo>
                      <a:pt x="731" y="2039"/>
                    </a:lnTo>
                    <a:lnTo>
                      <a:pt x="723" y="2039"/>
                    </a:lnTo>
                    <a:lnTo>
                      <a:pt x="718" y="2042"/>
                    </a:lnTo>
                    <a:lnTo>
                      <a:pt x="713" y="2046"/>
                    </a:lnTo>
                    <a:lnTo>
                      <a:pt x="709" y="2050"/>
                    </a:lnTo>
                    <a:lnTo>
                      <a:pt x="708" y="2056"/>
                    </a:lnTo>
                    <a:lnTo>
                      <a:pt x="706" y="2069"/>
                    </a:lnTo>
                    <a:lnTo>
                      <a:pt x="706" y="2085"/>
                    </a:lnTo>
                    <a:lnTo>
                      <a:pt x="708" y="2099"/>
                    </a:lnTo>
                    <a:lnTo>
                      <a:pt x="706" y="2113"/>
                    </a:lnTo>
                    <a:lnTo>
                      <a:pt x="706" y="2118"/>
                    </a:lnTo>
                    <a:lnTo>
                      <a:pt x="704" y="2124"/>
                    </a:lnTo>
                    <a:lnTo>
                      <a:pt x="701" y="2126"/>
                    </a:lnTo>
                    <a:lnTo>
                      <a:pt x="696" y="2129"/>
                    </a:lnTo>
                    <a:lnTo>
                      <a:pt x="687" y="2131"/>
                    </a:lnTo>
                    <a:lnTo>
                      <a:pt x="682" y="2135"/>
                    </a:lnTo>
                    <a:lnTo>
                      <a:pt x="679" y="2140"/>
                    </a:lnTo>
                    <a:lnTo>
                      <a:pt x="677" y="2146"/>
                    </a:lnTo>
                    <a:lnTo>
                      <a:pt x="675" y="2151"/>
                    </a:lnTo>
                    <a:lnTo>
                      <a:pt x="674" y="2157"/>
                    </a:lnTo>
                    <a:lnTo>
                      <a:pt x="671" y="2163"/>
                    </a:lnTo>
                    <a:lnTo>
                      <a:pt x="666" y="2168"/>
                    </a:lnTo>
                    <a:lnTo>
                      <a:pt x="664" y="2170"/>
                    </a:lnTo>
                    <a:lnTo>
                      <a:pt x="660" y="2170"/>
                    </a:lnTo>
                    <a:lnTo>
                      <a:pt x="656" y="2169"/>
                    </a:lnTo>
                    <a:lnTo>
                      <a:pt x="652" y="2168"/>
                    </a:lnTo>
                    <a:lnTo>
                      <a:pt x="642" y="2160"/>
                    </a:lnTo>
                    <a:lnTo>
                      <a:pt x="633" y="2151"/>
                    </a:lnTo>
                    <a:lnTo>
                      <a:pt x="616" y="2130"/>
                    </a:lnTo>
                    <a:lnTo>
                      <a:pt x="607" y="2116"/>
                    </a:lnTo>
                    <a:lnTo>
                      <a:pt x="591" y="2095"/>
                    </a:lnTo>
                    <a:lnTo>
                      <a:pt x="569" y="2069"/>
                    </a:lnTo>
                    <a:lnTo>
                      <a:pt x="547" y="2045"/>
                    </a:lnTo>
                    <a:lnTo>
                      <a:pt x="538" y="2030"/>
                    </a:lnTo>
                    <a:lnTo>
                      <a:pt x="539" y="2025"/>
                    </a:lnTo>
                    <a:lnTo>
                      <a:pt x="542" y="2020"/>
                    </a:lnTo>
                    <a:lnTo>
                      <a:pt x="544" y="2014"/>
                    </a:lnTo>
                    <a:lnTo>
                      <a:pt x="548" y="2007"/>
                    </a:lnTo>
                    <a:lnTo>
                      <a:pt x="557" y="1992"/>
                    </a:lnTo>
                    <a:lnTo>
                      <a:pt x="566" y="1976"/>
                    </a:lnTo>
                    <a:lnTo>
                      <a:pt x="569" y="1967"/>
                    </a:lnTo>
                    <a:lnTo>
                      <a:pt x="570" y="1959"/>
                    </a:lnTo>
                    <a:lnTo>
                      <a:pt x="570" y="1951"/>
                    </a:lnTo>
                    <a:lnTo>
                      <a:pt x="569" y="1945"/>
                    </a:lnTo>
                    <a:lnTo>
                      <a:pt x="565" y="1938"/>
                    </a:lnTo>
                    <a:lnTo>
                      <a:pt x="559" y="1932"/>
                    </a:lnTo>
                    <a:lnTo>
                      <a:pt x="548" y="1927"/>
                    </a:lnTo>
                    <a:lnTo>
                      <a:pt x="535" y="1923"/>
                    </a:lnTo>
                    <a:lnTo>
                      <a:pt x="507" y="1915"/>
                    </a:lnTo>
                    <a:lnTo>
                      <a:pt x="478" y="1907"/>
                    </a:lnTo>
                    <a:lnTo>
                      <a:pt x="449" y="1898"/>
                    </a:lnTo>
                    <a:lnTo>
                      <a:pt x="419" y="1888"/>
                    </a:lnTo>
                    <a:lnTo>
                      <a:pt x="390" y="1876"/>
                    </a:lnTo>
                    <a:lnTo>
                      <a:pt x="363" y="1862"/>
                    </a:lnTo>
                    <a:lnTo>
                      <a:pt x="350" y="1853"/>
                    </a:lnTo>
                    <a:lnTo>
                      <a:pt x="337" y="1845"/>
                    </a:lnTo>
                    <a:lnTo>
                      <a:pt x="326" y="1835"/>
                    </a:lnTo>
                    <a:lnTo>
                      <a:pt x="314" y="1824"/>
                    </a:lnTo>
                    <a:lnTo>
                      <a:pt x="305" y="1814"/>
                    </a:lnTo>
                    <a:lnTo>
                      <a:pt x="297" y="1801"/>
                    </a:lnTo>
                    <a:lnTo>
                      <a:pt x="289" y="1788"/>
                    </a:lnTo>
                    <a:lnTo>
                      <a:pt x="283" y="1775"/>
                    </a:lnTo>
                    <a:lnTo>
                      <a:pt x="279" y="1769"/>
                    </a:lnTo>
                    <a:lnTo>
                      <a:pt x="275" y="1764"/>
                    </a:lnTo>
                    <a:lnTo>
                      <a:pt x="270" y="1760"/>
                    </a:lnTo>
                    <a:lnTo>
                      <a:pt x="266" y="1756"/>
                    </a:lnTo>
                    <a:lnTo>
                      <a:pt x="259" y="1753"/>
                    </a:lnTo>
                    <a:lnTo>
                      <a:pt x="254" y="1751"/>
                    </a:lnTo>
                    <a:lnTo>
                      <a:pt x="246" y="1751"/>
                    </a:lnTo>
                    <a:lnTo>
                      <a:pt x="239" y="1752"/>
                    </a:lnTo>
                    <a:lnTo>
                      <a:pt x="227" y="1754"/>
                    </a:lnTo>
                    <a:lnTo>
                      <a:pt x="215" y="1757"/>
                    </a:lnTo>
                    <a:lnTo>
                      <a:pt x="205" y="1761"/>
                    </a:lnTo>
                    <a:lnTo>
                      <a:pt x="196" y="1766"/>
                    </a:lnTo>
                    <a:lnTo>
                      <a:pt x="179" y="1774"/>
                    </a:lnTo>
                    <a:lnTo>
                      <a:pt x="162" y="1780"/>
                    </a:lnTo>
                    <a:lnTo>
                      <a:pt x="155" y="1782"/>
                    </a:lnTo>
                    <a:lnTo>
                      <a:pt x="147" y="1783"/>
                    </a:lnTo>
                    <a:lnTo>
                      <a:pt x="139" y="1782"/>
                    </a:lnTo>
                    <a:lnTo>
                      <a:pt x="130" y="1780"/>
                    </a:lnTo>
                    <a:lnTo>
                      <a:pt x="121" y="1776"/>
                    </a:lnTo>
                    <a:lnTo>
                      <a:pt x="110" y="1771"/>
                    </a:lnTo>
                    <a:lnTo>
                      <a:pt x="100" y="1764"/>
                    </a:lnTo>
                    <a:lnTo>
                      <a:pt x="87" y="1753"/>
                    </a:lnTo>
                    <a:lnTo>
                      <a:pt x="92" y="1742"/>
                    </a:lnTo>
                    <a:lnTo>
                      <a:pt x="98" y="1731"/>
                    </a:lnTo>
                    <a:lnTo>
                      <a:pt x="104" y="1721"/>
                    </a:lnTo>
                    <a:lnTo>
                      <a:pt x="110" y="1710"/>
                    </a:lnTo>
                    <a:lnTo>
                      <a:pt x="126" y="1691"/>
                    </a:lnTo>
                    <a:lnTo>
                      <a:pt x="142" y="1673"/>
                    </a:lnTo>
                    <a:lnTo>
                      <a:pt x="158" y="1653"/>
                    </a:lnTo>
                    <a:lnTo>
                      <a:pt x="174" y="1634"/>
                    </a:lnTo>
                    <a:lnTo>
                      <a:pt x="180" y="1625"/>
                    </a:lnTo>
                    <a:lnTo>
                      <a:pt x="187" y="1615"/>
                    </a:lnTo>
                    <a:lnTo>
                      <a:pt x="192" y="1604"/>
                    </a:lnTo>
                    <a:lnTo>
                      <a:pt x="196" y="1593"/>
                    </a:lnTo>
                    <a:lnTo>
                      <a:pt x="200" y="1577"/>
                    </a:lnTo>
                    <a:lnTo>
                      <a:pt x="202" y="1561"/>
                    </a:lnTo>
                    <a:lnTo>
                      <a:pt x="204" y="1547"/>
                    </a:lnTo>
                    <a:lnTo>
                      <a:pt x="204" y="1532"/>
                    </a:lnTo>
                    <a:lnTo>
                      <a:pt x="202" y="1517"/>
                    </a:lnTo>
                    <a:lnTo>
                      <a:pt x="200" y="1504"/>
                    </a:lnTo>
                    <a:lnTo>
                      <a:pt x="196" y="1490"/>
                    </a:lnTo>
                    <a:lnTo>
                      <a:pt x="192" y="1476"/>
                    </a:lnTo>
                    <a:lnTo>
                      <a:pt x="182" y="1450"/>
                    </a:lnTo>
                    <a:lnTo>
                      <a:pt x="169" y="1423"/>
                    </a:lnTo>
                    <a:lnTo>
                      <a:pt x="157" y="1396"/>
                    </a:lnTo>
                    <a:lnTo>
                      <a:pt x="145" y="1370"/>
                    </a:lnTo>
                    <a:lnTo>
                      <a:pt x="142" y="1359"/>
                    </a:lnTo>
                    <a:lnTo>
                      <a:pt x="139" y="1350"/>
                    </a:lnTo>
                    <a:lnTo>
                      <a:pt x="138" y="1341"/>
                    </a:lnTo>
                    <a:lnTo>
                      <a:pt x="136" y="1332"/>
                    </a:lnTo>
                    <a:lnTo>
                      <a:pt x="136" y="1315"/>
                    </a:lnTo>
                    <a:lnTo>
                      <a:pt x="136" y="1297"/>
                    </a:lnTo>
                    <a:lnTo>
                      <a:pt x="138" y="1280"/>
                    </a:lnTo>
                    <a:lnTo>
                      <a:pt x="140" y="1263"/>
                    </a:lnTo>
                    <a:lnTo>
                      <a:pt x="140" y="1245"/>
                    </a:lnTo>
                    <a:lnTo>
                      <a:pt x="140" y="1227"/>
                    </a:lnTo>
                    <a:lnTo>
                      <a:pt x="136" y="1209"/>
                    </a:lnTo>
                    <a:lnTo>
                      <a:pt x="132" y="1191"/>
                    </a:lnTo>
                    <a:lnTo>
                      <a:pt x="129" y="1174"/>
                    </a:lnTo>
                    <a:lnTo>
                      <a:pt x="127" y="1156"/>
                    </a:lnTo>
                    <a:lnTo>
                      <a:pt x="130" y="1139"/>
                    </a:lnTo>
                    <a:lnTo>
                      <a:pt x="131" y="1127"/>
                    </a:lnTo>
                    <a:lnTo>
                      <a:pt x="131" y="1118"/>
                    </a:lnTo>
                    <a:lnTo>
                      <a:pt x="130" y="1111"/>
                    </a:lnTo>
                    <a:lnTo>
                      <a:pt x="125" y="1096"/>
                    </a:lnTo>
                    <a:lnTo>
                      <a:pt x="113" y="1076"/>
                    </a:lnTo>
                    <a:lnTo>
                      <a:pt x="110" y="1072"/>
                    </a:lnTo>
                    <a:lnTo>
                      <a:pt x="109" y="1067"/>
                    </a:lnTo>
                    <a:lnTo>
                      <a:pt x="109" y="1063"/>
                    </a:lnTo>
                    <a:lnTo>
                      <a:pt x="109" y="1059"/>
                    </a:lnTo>
                    <a:lnTo>
                      <a:pt x="110" y="1051"/>
                    </a:lnTo>
                    <a:lnTo>
                      <a:pt x="114" y="1043"/>
                    </a:lnTo>
                    <a:lnTo>
                      <a:pt x="125" y="1029"/>
                    </a:lnTo>
                    <a:lnTo>
                      <a:pt x="134" y="1015"/>
                    </a:lnTo>
                    <a:lnTo>
                      <a:pt x="138" y="1004"/>
                    </a:lnTo>
                    <a:lnTo>
                      <a:pt x="139" y="995"/>
                    </a:lnTo>
                    <a:lnTo>
                      <a:pt x="139" y="985"/>
                    </a:lnTo>
                    <a:lnTo>
                      <a:pt x="135" y="976"/>
                    </a:lnTo>
                    <a:lnTo>
                      <a:pt x="131" y="967"/>
                    </a:lnTo>
                    <a:lnTo>
                      <a:pt x="125" y="958"/>
                    </a:lnTo>
                    <a:lnTo>
                      <a:pt x="118" y="949"/>
                    </a:lnTo>
                    <a:lnTo>
                      <a:pt x="109" y="941"/>
                    </a:lnTo>
                    <a:lnTo>
                      <a:pt x="72" y="909"/>
                    </a:lnTo>
                    <a:lnTo>
                      <a:pt x="38" y="881"/>
                    </a:lnTo>
                    <a:lnTo>
                      <a:pt x="18" y="863"/>
                    </a:lnTo>
                    <a:lnTo>
                      <a:pt x="6" y="850"/>
                    </a:lnTo>
                    <a:lnTo>
                      <a:pt x="3" y="845"/>
                    </a:lnTo>
                    <a:lnTo>
                      <a:pt x="0" y="841"/>
                    </a:lnTo>
                    <a:lnTo>
                      <a:pt x="0" y="837"/>
                    </a:lnTo>
                    <a:lnTo>
                      <a:pt x="0" y="835"/>
                    </a:lnTo>
                    <a:lnTo>
                      <a:pt x="16" y="820"/>
                    </a:lnTo>
                    <a:lnTo>
                      <a:pt x="46" y="792"/>
                    </a:lnTo>
                    <a:lnTo>
                      <a:pt x="57" y="778"/>
                    </a:lnTo>
                    <a:lnTo>
                      <a:pt x="68" y="761"/>
                    </a:lnTo>
                    <a:lnTo>
                      <a:pt x="75" y="744"/>
                    </a:lnTo>
                    <a:lnTo>
                      <a:pt x="82" y="726"/>
                    </a:lnTo>
                    <a:lnTo>
                      <a:pt x="85" y="716"/>
                    </a:lnTo>
                    <a:lnTo>
                      <a:pt x="86" y="705"/>
                    </a:lnTo>
                    <a:lnTo>
                      <a:pt x="86" y="694"/>
                    </a:lnTo>
                    <a:lnTo>
                      <a:pt x="86" y="682"/>
                    </a:lnTo>
                    <a:lnTo>
                      <a:pt x="83" y="660"/>
                    </a:lnTo>
                    <a:lnTo>
                      <a:pt x="79" y="637"/>
                    </a:lnTo>
                    <a:lnTo>
                      <a:pt x="69" y="590"/>
                    </a:lnTo>
                    <a:lnTo>
                      <a:pt x="60" y="546"/>
                    </a:lnTo>
                    <a:lnTo>
                      <a:pt x="47" y="46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5" name="Freeform 69">
                <a:extLst>
                  <a:ext uri="{FF2B5EF4-FFF2-40B4-BE49-F238E27FC236}">
                    <a16:creationId xmlns:a16="http://schemas.microsoft.com/office/drawing/2014/main" id="{4725B751-E8E6-7346-9D02-FF6FB1B578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01636" y="3215353"/>
                <a:ext cx="23683" cy="32513"/>
              </a:xfrm>
              <a:custGeom>
                <a:avLst/>
                <a:gdLst/>
                <a:ahLst/>
                <a:cxnLst>
                  <a:cxn ang="0">
                    <a:pos x="18" y="0"/>
                  </a:cxn>
                  <a:cxn ang="0">
                    <a:pos x="0" y="48"/>
                  </a:cxn>
                  <a:cxn ang="0">
                    <a:pos x="0" y="48"/>
                  </a:cxn>
                  <a:cxn ang="0">
                    <a:pos x="8" y="53"/>
                  </a:cxn>
                  <a:cxn ang="0">
                    <a:pos x="17" y="60"/>
                  </a:cxn>
                  <a:cxn ang="0">
                    <a:pos x="27" y="66"/>
                  </a:cxn>
                  <a:cxn ang="0">
                    <a:pos x="38" y="70"/>
                  </a:cxn>
                  <a:cxn ang="0">
                    <a:pos x="43" y="72"/>
                  </a:cxn>
                  <a:cxn ang="0">
                    <a:pos x="47" y="72"/>
                  </a:cxn>
                  <a:cxn ang="0">
                    <a:pos x="49" y="72"/>
                  </a:cxn>
                  <a:cxn ang="0">
                    <a:pos x="52" y="69"/>
                  </a:cxn>
                  <a:cxn ang="0">
                    <a:pos x="53" y="66"/>
                  </a:cxn>
                  <a:cxn ang="0">
                    <a:pos x="53" y="61"/>
                  </a:cxn>
                  <a:cxn ang="0">
                    <a:pos x="51" y="55"/>
                  </a:cxn>
                  <a:cxn ang="0">
                    <a:pos x="47" y="47"/>
                  </a:cxn>
                  <a:cxn ang="0">
                    <a:pos x="35" y="27"/>
                  </a:cxn>
                  <a:cxn ang="0">
                    <a:pos x="23" y="9"/>
                  </a:cxn>
                  <a:cxn ang="0">
                    <a:pos x="21" y="4"/>
                  </a:cxn>
                  <a:cxn ang="0">
                    <a:pos x="18" y="0"/>
                  </a:cxn>
                  <a:cxn ang="0">
                    <a:pos x="18" y="0"/>
                  </a:cxn>
                </a:cxnLst>
                <a:rect l="0" t="0" r="r" b="b"/>
                <a:pathLst>
                  <a:path w="53" h="72">
                    <a:moveTo>
                      <a:pt x="18" y="0"/>
                    </a:moveTo>
                    <a:lnTo>
                      <a:pt x="0" y="48"/>
                    </a:lnTo>
                    <a:lnTo>
                      <a:pt x="0" y="48"/>
                    </a:lnTo>
                    <a:lnTo>
                      <a:pt x="8" y="53"/>
                    </a:lnTo>
                    <a:lnTo>
                      <a:pt x="17" y="60"/>
                    </a:lnTo>
                    <a:lnTo>
                      <a:pt x="27" y="66"/>
                    </a:lnTo>
                    <a:lnTo>
                      <a:pt x="38" y="70"/>
                    </a:lnTo>
                    <a:lnTo>
                      <a:pt x="43" y="72"/>
                    </a:lnTo>
                    <a:lnTo>
                      <a:pt x="47" y="72"/>
                    </a:lnTo>
                    <a:lnTo>
                      <a:pt x="49" y="72"/>
                    </a:lnTo>
                    <a:lnTo>
                      <a:pt x="52" y="69"/>
                    </a:lnTo>
                    <a:lnTo>
                      <a:pt x="53" y="66"/>
                    </a:lnTo>
                    <a:lnTo>
                      <a:pt x="53" y="61"/>
                    </a:lnTo>
                    <a:lnTo>
                      <a:pt x="51" y="55"/>
                    </a:lnTo>
                    <a:lnTo>
                      <a:pt x="47" y="47"/>
                    </a:lnTo>
                    <a:lnTo>
                      <a:pt x="35" y="27"/>
                    </a:lnTo>
                    <a:lnTo>
                      <a:pt x="23" y="9"/>
                    </a:lnTo>
                    <a:lnTo>
                      <a:pt x="21" y="4"/>
                    </a:lnTo>
                    <a:lnTo>
                      <a:pt x="18" y="0"/>
                    </a:lnTo>
                    <a:lnTo>
                      <a:pt x="18" y="0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6" name="Freeform 70">
                <a:extLst>
                  <a:ext uri="{FF2B5EF4-FFF2-40B4-BE49-F238E27FC236}">
                    <a16:creationId xmlns:a16="http://schemas.microsoft.com/office/drawing/2014/main" id="{9C5F8EFA-2117-744A-A720-59844D8DB3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85240" y="3063624"/>
                <a:ext cx="1297044" cy="1202999"/>
              </a:xfrm>
              <a:custGeom>
                <a:avLst/>
                <a:gdLst/>
                <a:ahLst/>
                <a:cxnLst>
                  <a:cxn ang="0">
                    <a:pos x="136" y="526"/>
                  </a:cxn>
                  <a:cxn ang="0">
                    <a:pos x="175" y="603"/>
                  </a:cxn>
                  <a:cxn ang="0">
                    <a:pos x="158" y="443"/>
                  </a:cxn>
                  <a:cxn ang="0">
                    <a:pos x="123" y="407"/>
                  </a:cxn>
                  <a:cxn ang="0">
                    <a:pos x="126" y="344"/>
                  </a:cxn>
                  <a:cxn ang="0">
                    <a:pos x="447" y="283"/>
                  </a:cxn>
                  <a:cxn ang="0">
                    <a:pos x="671" y="126"/>
                  </a:cxn>
                  <a:cxn ang="0">
                    <a:pos x="826" y="70"/>
                  </a:cxn>
                  <a:cxn ang="0">
                    <a:pos x="949" y="29"/>
                  </a:cxn>
                  <a:cxn ang="0">
                    <a:pos x="1228" y="15"/>
                  </a:cxn>
                  <a:cxn ang="0">
                    <a:pos x="1274" y="85"/>
                  </a:cxn>
                  <a:cxn ang="0">
                    <a:pos x="1169" y="33"/>
                  </a:cxn>
                  <a:cxn ang="0">
                    <a:pos x="1288" y="206"/>
                  </a:cxn>
                  <a:cxn ang="0">
                    <a:pos x="1458" y="216"/>
                  </a:cxn>
                  <a:cxn ang="0">
                    <a:pos x="1784" y="187"/>
                  </a:cxn>
                  <a:cxn ang="0">
                    <a:pos x="2209" y="227"/>
                  </a:cxn>
                  <a:cxn ang="0">
                    <a:pos x="2492" y="222"/>
                  </a:cxn>
                  <a:cxn ang="0">
                    <a:pos x="2598" y="348"/>
                  </a:cxn>
                  <a:cxn ang="0">
                    <a:pos x="2635" y="538"/>
                  </a:cxn>
                  <a:cxn ang="0">
                    <a:pos x="2729" y="801"/>
                  </a:cxn>
                  <a:cxn ang="0">
                    <a:pos x="2651" y="1015"/>
                  </a:cxn>
                  <a:cxn ang="0">
                    <a:pos x="2577" y="1169"/>
                  </a:cxn>
                  <a:cxn ang="0">
                    <a:pos x="2661" y="1263"/>
                  </a:cxn>
                  <a:cxn ang="0">
                    <a:pos x="2682" y="1464"/>
                  </a:cxn>
                  <a:cxn ang="0">
                    <a:pos x="2734" y="1573"/>
                  </a:cxn>
                  <a:cxn ang="0">
                    <a:pos x="2752" y="1679"/>
                  </a:cxn>
                  <a:cxn ang="0">
                    <a:pos x="2837" y="1797"/>
                  </a:cxn>
                  <a:cxn ang="0">
                    <a:pos x="2805" y="1871"/>
                  </a:cxn>
                  <a:cxn ang="0">
                    <a:pos x="2825" y="1995"/>
                  </a:cxn>
                  <a:cxn ang="0">
                    <a:pos x="2507" y="2339"/>
                  </a:cxn>
                  <a:cxn ang="0">
                    <a:pos x="2494" y="2554"/>
                  </a:cxn>
                  <a:cxn ang="0">
                    <a:pos x="2284" y="2609"/>
                  </a:cxn>
                  <a:cxn ang="0">
                    <a:pos x="2139" y="2512"/>
                  </a:cxn>
                  <a:cxn ang="0">
                    <a:pos x="1909" y="2551"/>
                  </a:cxn>
                  <a:cxn ang="0">
                    <a:pos x="1795" y="2506"/>
                  </a:cxn>
                  <a:cxn ang="0">
                    <a:pos x="1620" y="2567"/>
                  </a:cxn>
                  <a:cxn ang="0">
                    <a:pos x="1530" y="2459"/>
                  </a:cxn>
                  <a:cxn ang="0">
                    <a:pos x="1398" y="2451"/>
                  </a:cxn>
                  <a:cxn ang="0">
                    <a:pos x="1304" y="2444"/>
                  </a:cxn>
                  <a:cxn ang="0">
                    <a:pos x="1216" y="2262"/>
                  </a:cxn>
                  <a:cxn ang="0">
                    <a:pos x="1103" y="2232"/>
                  </a:cxn>
                  <a:cxn ang="0">
                    <a:pos x="1025" y="2205"/>
                  </a:cxn>
                  <a:cxn ang="0">
                    <a:pos x="967" y="2113"/>
                  </a:cxn>
                  <a:cxn ang="0">
                    <a:pos x="896" y="2077"/>
                  </a:cxn>
                  <a:cxn ang="0">
                    <a:pos x="723" y="2039"/>
                  </a:cxn>
                  <a:cxn ang="0">
                    <a:pos x="696" y="2129"/>
                  </a:cxn>
                  <a:cxn ang="0">
                    <a:pos x="652" y="2168"/>
                  </a:cxn>
                  <a:cxn ang="0">
                    <a:pos x="548" y="2007"/>
                  </a:cxn>
                  <a:cxn ang="0">
                    <a:pos x="478" y="1907"/>
                  </a:cxn>
                  <a:cxn ang="0">
                    <a:pos x="283" y="1775"/>
                  </a:cxn>
                  <a:cxn ang="0">
                    <a:pos x="196" y="1766"/>
                  </a:cxn>
                  <a:cxn ang="0">
                    <a:pos x="92" y="1742"/>
                  </a:cxn>
                  <a:cxn ang="0">
                    <a:pos x="200" y="1577"/>
                  </a:cxn>
                  <a:cxn ang="0">
                    <a:pos x="142" y="1359"/>
                  </a:cxn>
                  <a:cxn ang="0">
                    <a:pos x="129" y="1174"/>
                  </a:cxn>
                  <a:cxn ang="0">
                    <a:pos x="110" y="1051"/>
                  </a:cxn>
                  <a:cxn ang="0">
                    <a:pos x="72" y="909"/>
                  </a:cxn>
                  <a:cxn ang="0">
                    <a:pos x="75" y="744"/>
                  </a:cxn>
                </a:cxnLst>
                <a:rect l="0" t="0" r="r" b="b"/>
                <a:pathLst>
                  <a:path w="2848" h="2668">
                    <a:moveTo>
                      <a:pt x="47" y="462"/>
                    </a:moveTo>
                    <a:lnTo>
                      <a:pt x="57" y="466"/>
                    </a:lnTo>
                    <a:lnTo>
                      <a:pt x="66" y="468"/>
                    </a:lnTo>
                    <a:lnTo>
                      <a:pt x="77" y="472"/>
                    </a:lnTo>
                    <a:lnTo>
                      <a:pt x="87" y="475"/>
                    </a:lnTo>
                    <a:lnTo>
                      <a:pt x="98" y="477"/>
                    </a:lnTo>
                    <a:lnTo>
                      <a:pt x="107" y="482"/>
                    </a:lnTo>
                    <a:lnTo>
                      <a:pt x="114" y="489"/>
                    </a:lnTo>
                    <a:lnTo>
                      <a:pt x="122" y="497"/>
                    </a:lnTo>
                    <a:lnTo>
                      <a:pt x="127" y="506"/>
                    </a:lnTo>
                    <a:lnTo>
                      <a:pt x="132" y="516"/>
                    </a:lnTo>
                    <a:lnTo>
                      <a:pt x="136" y="526"/>
                    </a:lnTo>
                    <a:lnTo>
                      <a:pt x="140" y="537"/>
                    </a:lnTo>
                    <a:lnTo>
                      <a:pt x="147" y="560"/>
                    </a:lnTo>
                    <a:lnTo>
                      <a:pt x="152" y="582"/>
                    </a:lnTo>
                    <a:lnTo>
                      <a:pt x="156" y="594"/>
                    </a:lnTo>
                    <a:lnTo>
                      <a:pt x="158" y="605"/>
                    </a:lnTo>
                    <a:lnTo>
                      <a:pt x="162" y="616"/>
                    </a:lnTo>
                    <a:lnTo>
                      <a:pt x="167" y="625"/>
                    </a:lnTo>
                    <a:lnTo>
                      <a:pt x="170" y="625"/>
                    </a:lnTo>
                    <a:lnTo>
                      <a:pt x="173" y="621"/>
                    </a:lnTo>
                    <a:lnTo>
                      <a:pt x="174" y="616"/>
                    </a:lnTo>
                    <a:lnTo>
                      <a:pt x="175" y="609"/>
                    </a:lnTo>
                    <a:lnTo>
                      <a:pt x="175" y="603"/>
                    </a:lnTo>
                    <a:lnTo>
                      <a:pt x="174" y="589"/>
                    </a:lnTo>
                    <a:lnTo>
                      <a:pt x="173" y="578"/>
                    </a:lnTo>
                    <a:lnTo>
                      <a:pt x="167" y="570"/>
                    </a:lnTo>
                    <a:lnTo>
                      <a:pt x="164" y="557"/>
                    </a:lnTo>
                    <a:lnTo>
                      <a:pt x="158" y="542"/>
                    </a:lnTo>
                    <a:lnTo>
                      <a:pt x="155" y="524"/>
                    </a:lnTo>
                    <a:lnTo>
                      <a:pt x="149" y="489"/>
                    </a:lnTo>
                    <a:lnTo>
                      <a:pt x="147" y="466"/>
                    </a:lnTo>
                    <a:lnTo>
                      <a:pt x="148" y="460"/>
                    </a:lnTo>
                    <a:lnTo>
                      <a:pt x="151" y="455"/>
                    </a:lnTo>
                    <a:lnTo>
                      <a:pt x="155" y="449"/>
                    </a:lnTo>
                    <a:lnTo>
                      <a:pt x="158" y="443"/>
                    </a:lnTo>
                    <a:lnTo>
                      <a:pt x="170" y="431"/>
                    </a:lnTo>
                    <a:lnTo>
                      <a:pt x="183" y="418"/>
                    </a:lnTo>
                    <a:lnTo>
                      <a:pt x="195" y="405"/>
                    </a:lnTo>
                    <a:lnTo>
                      <a:pt x="204" y="392"/>
                    </a:lnTo>
                    <a:lnTo>
                      <a:pt x="206" y="385"/>
                    </a:lnTo>
                    <a:lnTo>
                      <a:pt x="208" y="380"/>
                    </a:lnTo>
                    <a:lnTo>
                      <a:pt x="206" y="375"/>
                    </a:lnTo>
                    <a:lnTo>
                      <a:pt x="204" y="370"/>
                    </a:lnTo>
                    <a:lnTo>
                      <a:pt x="178" y="381"/>
                    </a:lnTo>
                    <a:lnTo>
                      <a:pt x="140" y="402"/>
                    </a:lnTo>
                    <a:lnTo>
                      <a:pt x="131" y="405"/>
                    </a:lnTo>
                    <a:lnTo>
                      <a:pt x="123" y="407"/>
                    </a:lnTo>
                    <a:lnTo>
                      <a:pt x="117" y="407"/>
                    </a:lnTo>
                    <a:lnTo>
                      <a:pt x="112" y="405"/>
                    </a:lnTo>
                    <a:lnTo>
                      <a:pt x="109" y="402"/>
                    </a:lnTo>
                    <a:lnTo>
                      <a:pt x="108" y="399"/>
                    </a:lnTo>
                    <a:lnTo>
                      <a:pt x="107" y="396"/>
                    </a:lnTo>
                    <a:lnTo>
                      <a:pt x="107" y="390"/>
                    </a:lnTo>
                    <a:lnTo>
                      <a:pt x="107" y="379"/>
                    </a:lnTo>
                    <a:lnTo>
                      <a:pt x="109" y="363"/>
                    </a:lnTo>
                    <a:lnTo>
                      <a:pt x="112" y="358"/>
                    </a:lnTo>
                    <a:lnTo>
                      <a:pt x="116" y="353"/>
                    </a:lnTo>
                    <a:lnTo>
                      <a:pt x="121" y="348"/>
                    </a:lnTo>
                    <a:lnTo>
                      <a:pt x="126" y="344"/>
                    </a:lnTo>
                    <a:lnTo>
                      <a:pt x="140" y="336"/>
                    </a:lnTo>
                    <a:lnTo>
                      <a:pt x="157" y="328"/>
                    </a:lnTo>
                    <a:lnTo>
                      <a:pt x="189" y="318"/>
                    </a:lnTo>
                    <a:lnTo>
                      <a:pt x="215" y="307"/>
                    </a:lnTo>
                    <a:lnTo>
                      <a:pt x="235" y="304"/>
                    </a:lnTo>
                    <a:lnTo>
                      <a:pt x="254" y="300"/>
                    </a:lnTo>
                    <a:lnTo>
                      <a:pt x="274" y="297"/>
                    </a:lnTo>
                    <a:lnTo>
                      <a:pt x="293" y="295"/>
                    </a:lnTo>
                    <a:lnTo>
                      <a:pt x="332" y="292"/>
                    </a:lnTo>
                    <a:lnTo>
                      <a:pt x="371" y="289"/>
                    </a:lnTo>
                    <a:lnTo>
                      <a:pt x="410" y="287"/>
                    </a:lnTo>
                    <a:lnTo>
                      <a:pt x="447" y="283"/>
                    </a:lnTo>
                    <a:lnTo>
                      <a:pt x="467" y="280"/>
                    </a:lnTo>
                    <a:lnTo>
                      <a:pt x="486" y="276"/>
                    </a:lnTo>
                    <a:lnTo>
                      <a:pt x="504" y="271"/>
                    </a:lnTo>
                    <a:lnTo>
                      <a:pt x="522" y="266"/>
                    </a:lnTo>
                    <a:lnTo>
                      <a:pt x="534" y="261"/>
                    </a:lnTo>
                    <a:lnTo>
                      <a:pt x="546" y="256"/>
                    </a:lnTo>
                    <a:lnTo>
                      <a:pt x="556" y="249"/>
                    </a:lnTo>
                    <a:lnTo>
                      <a:pt x="566" y="241"/>
                    </a:lnTo>
                    <a:lnTo>
                      <a:pt x="586" y="225"/>
                    </a:lnTo>
                    <a:lnTo>
                      <a:pt x="604" y="205"/>
                    </a:lnTo>
                    <a:lnTo>
                      <a:pt x="638" y="165"/>
                    </a:lnTo>
                    <a:lnTo>
                      <a:pt x="671" y="126"/>
                    </a:lnTo>
                    <a:lnTo>
                      <a:pt x="682" y="116"/>
                    </a:lnTo>
                    <a:lnTo>
                      <a:pt x="692" y="108"/>
                    </a:lnTo>
                    <a:lnTo>
                      <a:pt x="701" y="104"/>
                    </a:lnTo>
                    <a:lnTo>
                      <a:pt x="710" y="102"/>
                    </a:lnTo>
                    <a:lnTo>
                      <a:pt x="732" y="100"/>
                    </a:lnTo>
                    <a:lnTo>
                      <a:pt x="761" y="100"/>
                    </a:lnTo>
                    <a:lnTo>
                      <a:pt x="772" y="100"/>
                    </a:lnTo>
                    <a:lnTo>
                      <a:pt x="782" y="98"/>
                    </a:lnTo>
                    <a:lnTo>
                      <a:pt x="791" y="95"/>
                    </a:lnTo>
                    <a:lnTo>
                      <a:pt x="798" y="91"/>
                    </a:lnTo>
                    <a:lnTo>
                      <a:pt x="813" y="82"/>
                    </a:lnTo>
                    <a:lnTo>
                      <a:pt x="826" y="70"/>
                    </a:lnTo>
                    <a:lnTo>
                      <a:pt x="837" y="59"/>
                    </a:lnTo>
                    <a:lnTo>
                      <a:pt x="850" y="48"/>
                    </a:lnTo>
                    <a:lnTo>
                      <a:pt x="857" y="45"/>
                    </a:lnTo>
                    <a:lnTo>
                      <a:pt x="864" y="39"/>
                    </a:lnTo>
                    <a:lnTo>
                      <a:pt x="872" y="37"/>
                    </a:lnTo>
                    <a:lnTo>
                      <a:pt x="881" y="34"/>
                    </a:lnTo>
                    <a:lnTo>
                      <a:pt x="898" y="34"/>
                    </a:lnTo>
                    <a:lnTo>
                      <a:pt x="916" y="35"/>
                    </a:lnTo>
                    <a:lnTo>
                      <a:pt x="924" y="35"/>
                    </a:lnTo>
                    <a:lnTo>
                      <a:pt x="933" y="35"/>
                    </a:lnTo>
                    <a:lnTo>
                      <a:pt x="941" y="33"/>
                    </a:lnTo>
                    <a:lnTo>
                      <a:pt x="949" y="29"/>
                    </a:lnTo>
                    <a:lnTo>
                      <a:pt x="980" y="25"/>
                    </a:lnTo>
                    <a:lnTo>
                      <a:pt x="1015" y="19"/>
                    </a:lnTo>
                    <a:lnTo>
                      <a:pt x="1050" y="12"/>
                    </a:lnTo>
                    <a:lnTo>
                      <a:pt x="1086" y="7"/>
                    </a:lnTo>
                    <a:lnTo>
                      <a:pt x="1121" y="2"/>
                    </a:lnTo>
                    <a:lnTo>
                      <a:pt x="1155" y="0"/>
                    </a:lnTo>
                    <a:lnTo>
                      <a:pt x="1171" y="0"/>
                    </a:lnTo>
                    <a:lnTo>
                      <a:pt x="1187" y="2"/>
                    </a:lnTo>
                    <a:lnTo>
                      <a:pt x="1201" y="4"/>
                    </a:lnTo>
                    <a:lnTo>
                      <a:pt x="1216" y="7"/>
                    </a:lnTo>
                    <a:lnTo>
                      <a:pt x="1222" y="10"/>
                    </a:lnTo>
                    <a:lnTo>
                      <a:pt x="1228" y="15"/>
                    </a:lnTo>
                    <a:lnTo>
                      <a:pt x="1236" y="21"/>
                    </a:lnTo>
                    <a:lnTo>
                      <a:pt x="1244" y="28"/>
                    </a:lnTo>
                    <a:lnTo>
                      <a:pt x="1258" y="45"/>
                    </a:lnTo>
                    <a:lnTo>
                      <a:pt x="1271" y="61"/>
                    </a:lnTo>
                    <a:lnTo>
                      <a:pt x="1276" y="69"/>
                    </a:lnTo>
                    <a:lnTo>
                      <a:pt x="1279" y="76"/>
                    </a:lnTo>
                    <a:lnTo>
                      <a:pt x="1282" y="81"/>
                    </a:lnTo>
                    <a:lnTo>
                      <a:pt x="1282" y="85"/>
                    </a:lnTo>
                    <a:lnTo>
                      <a:pt x="1280" y="86"/>
                    </a:lnTo>
                    <a:lnTo>
                      <a:pt x="1279" y="86"/>
                    </a:lnTo>
                    <a:lnTo>
                      <a:pt x="1276" y="86"/>
                    </a:lnTo>
                    <a:lnTo>
                      <a:pt x="1274" y="85"/>
                    </a:lnTo>
                    <a:lnTo>
                      <a:pt x="1266" y="81"/>
                    </a:lnTo>
                    <a:lnTo>
                      <a:pt x="1254" y="74"/>
                    </a:lnTo>
                    <a:lnTo>
                      <a:pt x="1238" y="63"/>
                    </a:lnTo>
                    <a:lnTo>
                      <a:pt x="1213" y="42"/>
                    </a:lnTo>
                    <a:lnTo>
                      <a:pt x="1191" y="24"/>
                    </a:lnTo>
                    <a:lnTo>
                      <a:pt x="1178" y="16"/>
                    </a:lnTo>
                    <a:lnTo>
                      <a:pt x="1175" y="17"/>
                    </a:lnTo>
                    <a:lnTo>
                      <a:pt x="1173" y="19"/>
                    </a:lnTo>
                    <a:lnTo>
                      <a:pt x="1171" y="21"/>
                    </a:lnTo>
                    <a:lnTo>
                      <a:pt x="1170" y="22"/>
                    </a:lnTo>
                    <a:lnTo>
                      <a:pt x="1169" y="28"/>
                    </a:lnTo>
                    <a:lnTo>
                      <a:pt x="1169" y="33"/>
                    </a:lnTo>
                    <a:lnTo>
                      <a:pt x="1174" y="46"/>
                    </a:lnTo>
                    <a:lnTo>
                      <a:pt x="1179" y="55"/>
                    </a:lnTo>
                    <a:lnTo>
                      <a:pt x="1190" y="67"/>
                    </a:lnTo>
                    <a:lnTo>
                      <a:pt x="1200" y="77"/>
                    </a:lnTo>
                    <a:lnTo>
                      <a:pt x="1212" y="87"/>
                    </a:lnTo>
                    <a:lnTo>
                      <a:pt x="1222" y="100"/>
                    </a:lnTo>
                    <a:lnTo>
                      <a:pt x="1240" y="130"/>
                    </a:lnTo>
                    <a:lnTo>
                      <a:pt x="1253" y="155"/>
                    </a:lnTo>
                    <a:lnTo>
                      <a:pt x="1263" y="175"/>
                    </a:lnTo>
                    <a:lnTo>
                      <a:pt x="1274" y="192"/>
                    </a:lnTo>
                    <a:lnTo>
                      <a:pt x="1280" y="200"/>
                    </a:lnTo>
                    <a:lnTo>
                      <a:pt x="1288" y="206"/>
                    </a:lnTo>
                    <a:lnTo>
                      <a:pt x="1297" y="212"/>
                    </a:lnTo>
                    <a:lnTo>
                      <a:pt x="1308" y="217"/>
                    </a:lnTo>
                    <a:lnTo>
                      <a:pt x="1320" y="221"/>
                    </a:lnTo>
                    <a:lnTo>
                      <a:pt x="1336" y="225"/>
                    </a:lnTo>
                    <a:lnTo>
                      <a:pt x="1355" y="227"/>
                    </a:lnTo>
                    <a:lnTo>
                      <a:pt x="1377" y="230"/>
                    </a:lnTo>
                    <a:lnTo>
                      <a:pt x="1393" y="231"/>
                    </a:lnTo>
                    <a:lnTo>
                      <a:pt x="1407" y="231"/>
                    </a:lnTo>
                    <a:lnTo>
                      <a:pt x="1420" y="228"/>
                    </a:lnTo>
                    <a:lnTo>
                      <a:pt x="1434" y="226"/>
                    </a:lnTo>
                    <a:lnTo>
                      <a:pt x="1446" y="221"/>
                    </a:lnTo>
                    <a:lnTo>
                      <a:pt x="1458" y="216"/>
                    </a:lnTo>
                    <a:lnTo>
                      <a:pt x="1468" y="209"/>
                    </a:lnTo>
                    <a:lnTo>
                      <a:pt x="1479" y="201"/>
                    </a:lnTo>
                    <a:lnTo>
                      <a:pt x="1489" y="193"/>
                    </a:lnTo>
                    <a:lnTo>
                      <a:pt x="1498" y="183"/>
                    </a:lnTo>
                    <a:lnTo>
                      <a:pt x="1506" y="174"/>
                    </a:lnTo>
                    <a:lnTo>
                      <a:pt x="1515" y="164"/>
                    </a:lnTo>
                    <a:lnTo>
                      <a:pt x="1530" y="142"/>
                    </a:lnTo>
                    <a:lnTo>
                      <a:pt x="1546" y="118"/>
                    </a:lnTo>
                    <a:lnTo>
                      <a:pt x="1546" y="118"/>
                    </a:lnTo>
                    <a:lnTo>
                      <a:pt x="1694" y="166"/>
                    </a:lnTo>
                    <a:lnTo>
                      <a:pt x="1739" y="177"/>
                    </a:lnTo>
                    <a:lnTo>
                      <a:pt x="1784" y="187"/>
                    </a:lnTo>
                    <a:lnTo>
                      <a:pt x="1830" y="196"/>
                    </a:lnTo>
                    <a:lnTo>
                      <a:pt x="1875" y="203"/>
                    </a:lnTo>
                    <a:lnTo>
                      <a:pt x="1907" y="205"/>
                    </a:lnTo>
                    <a:lnTo>
                      <a:pt x="1940" y="206"/>
                    </a:lnTo>
                    <a:lnTo>
                      <a:pt x="1972" y="208"/>
                    </a:lnTo>
                    <a:lnTo>
                      <a:pt x="2004" y="209"/>
                    </a:lnTo>
                    <a:lnTo>
                      <a:pt x="2047" y="214"/>
                    </a:lnTo>
                    <a:lnTo>
                      <a:pt x="2089" y="219"/>
                    </a:lnTo>
                    <a:lnTo>
                      <a:pt x="2129" y="223"/>
                    </a:lnTo>
                    <a:lnTo>
                      <a:pt x="2169" y="226"/>
                    </a:lnTo>
                    <a:lnTo>
                      <a:pt x="2188" y="227"/>
                    </a:lnTo>
                    <a:lnTo>
                      <a:pt x="2209" y="227"/>
                    </a:lnTo>
                    <a:lnTo>
                      <a:pt x="2229" y="226"/>
                    </a:lnTo>
                    <a:lnTo>
                      <a:pt x="2249" y="225"/>
                    </a:lnTo>
                    <a:lnTo>
                      <a:pt x="2270" y="223"/>
                    </a:lnTo>
                    <a:lnTo>
                      <a:pt x="2291" y="219"/>
                    </a:lnTo>
                    <a:lnTo>
                      <a:pt x="2313" y="216"/>
                    </a:lnTo>
                    <a:lnTo>
                      <a:pt x="2335" y="210"/>
                    </a:lnTo>
                    <a:lnTo>
                      <a:pt x="2335" y="210"/>
                    </a:lnTo>
                    <a:lnTo>
                      <a:pt x="2387" y="209"/>
                    </a:lnTo>
                    <a:lnTo>
                      <a:pt x="2433" y="210"/>
                    </a:lnTo>
                    <a:lnTo>
                      <a:pt x="2457" y="213"/>
                    </a:lnTo>
                    <a:lnTo>
                      <a:pt x="2480" y="218"/>
                    </a:lnTo>
                    <a:lnTo>
                      <a:pt x="2492" y="222"/>
                    </a:lnTo>
                    <a:lnTo>
                      <a:pt x="2503" y="226"/>
                    </a:lnTo>
                    <a:lnTo>
                      <a:pt x="2516" y="231"/>
                    </a:lnTo>
                    <a:lnTo>
                      <a:pt x="2529" y="238"/>
                    </a:lnTo>
                    <a:lnTo>
                      <a:pt x="2540" y="244"/>
                    </a:lnTo>
                    <a:lnTo>
                      <a:pt x="2547" y="249"/>
                    </a:lnTo>
                    <a:lnTo>
                      <a:pt x="2555" y="254"/>
                    </a:lnTo>
                    <a:lnTo>
                      <a:pt x="2560" y="261"/>
                    </a:lnTo>
                    <a:lnTo>
                      <a:pt x="2571" y="275"/>
                    </a:lnTo>
                    <a:lnTo>
                      <a:pt x="2581" y="293"/>
                    </a:lnTo>
                    <a:lnTo>
                      <a:pt x="2587" y="309"/>
                    </a:lnTo>
                    <a:lnTo>
                      <a:pt x="2594" y="327"/>
                    </a:lnTo>
                    <a:lnTo>
                      <a:pt x="2598" y="348"/>
                    </a:lnTo>
                    <a:lnTo>
                      <a:pt x="2599" y="363"/>
                    </a:lnTo>
                    <a:lnTo>
                      <a:pt x="2599" y="363"/>
                    </a:lnTo>
                    <a:lnTo>
                      <a:pt x="2595" y="377"/>
                    </a:lnTo>
                    <a:lnTo>
                      <a:pt x="2593" y="392"/>
                    </a:lnTo>
                    <a:lnTo>
                      <a:pt x="2591" y="407"/>
                    </a:lnTo>
                    <a:lnTo>
                      <a:pt x="2591" y="421"/>
                    </a:lnTo>
                    <a:lnTo>
                      <a:pt x="2594" y="437"/>
                    </a:lnTo>
                    <a:lnTo>
                      <a:pt x="2598" y="451"/>
                    </a:lnTo>
                    <a:lnTo>
                      <a:pt x="2602" y="467"/>
                    </a:lnTo>
                    <a:lnTo>
                      <a:pt x="2607" y="481"/>
                    </a:lnTo>
                    <a:lnTo>
                      <a:pt x="2621" y="510"/>
                    </a:lnTo>
                    <a:lnTo>
                      <a:pt x="2635" y="538"/>
                    </a:lnTo>
                    <a:lnTo>
                      <a:pt x="2651" y="565"/>
                    </a:lnTo>
                    <a:lnTo>
                      <a:pt x="2666" y="590"/>
                    </a:lnTo>
                    <a:lnTo>
                      <a:pt x="2677" y="608"/>
                    </a:lnTo>
                    <a:lnTo>
                      <a:pt x="2687" y="627"/>
                    </a:lnTo>
                    <a:lnTo>
                      <a:pt x="2695" y="644"/>
                    </a:lnTo>
                    <a:lnTo>
                      <a:pt x="2703" y="662"/>
                    </a:lnTo>
                    <a:lnTo>
                      <a:pt x="2709" y="679"/>
                    </a:lnTo>
                    <a:lnTo>
                      <a:pt x="2714" y="696"/>
                    </a:lnTo>
                    <a:lnTo>
                      <a:pt x="2718" y="713"/>
                    </a:lnTo>
                    <a:lnTo>
                      <a:pt x="2722" y="730"/>
                    </a:lnTo>
                    <a:lnTo>
                      <a:pt x="2726" y="765"/>
                    </a:lnTo>
                    <a:lnTo>
                      <a:pt x="2729" y="801"/>
                    </a:lnTo>
                    <a:lnTo>
                      <a:pt x="2730" y="840"/>
                    </a:lnTo>
                    <a:lnTo>
                      <a:pt x="2730" y="883"/>
                    </a:lnTo>
                    <a:lnTo>
                      <a:pt x="2730" y="896"/>
                    </a:lnTo>
                    <a:lnTo>
                      <a:pt x="2729" y="907"/>
                    </a:lnTo>
                    <a:lnTo>
                      <a:pt x="2726" y="919"/>
                    </a:lnTo>
                    <a:lnTo>
                      <a:pt x="2723" y="928"/>
                    </a:lnTo>
                    <a:lnTo>
                      <a:pt x="2720" y="937"/>
                    </a:lnTo>
                    <a:lnTo>
                      <a:pt x="2716" y="945"/>
                    </a:lnTo>
                    <a:lnTo>
                      <a:pt x="2711" y="951"/>
                    </a:lnTo>
                    <a:lnTo>
                      <a:pt x="2705" y="958"/>
                    </a:lnTo>
                    <a:lnTo>
                      <a:pt x="2679" y="984"/>
                    </a:lnTo>
                    <a:lnTo>
                      <a:pt x="2651" y="1015"/>
                    </a:lnTo>
                    <a:lnTo>
                      <a:pt x="2633" y="1039"/>
                    </a:lnTo>
                    <a:lnTo>
                      <a:pt x="2617" y="1064"/>
                    </a:lnTo>
                    <a:lnTo>
                      <a:pt x="2602" y="1089"/>
                    </a:lnTo>
                    <a:lnTo>
                      <a:pt x="2587" y="1113"/>
                    </a:lnTo>
                    <a:lnTo>
                      <a:pt x="2577" y="1127"/>
                    </a:lnTo>
                    <a:lnTo>
                      <a:pt x="2569" y="1142"/>
                    </a:lnTo>
                    <a:lnTo>
                      <a:pt x="2567" y="1149"/>
                    </a:lnTo>
                    <a:lnTo>
                      <a:pt x="2567" y="1156"/>
                    </a:lnTo>
                    <a:lnTo>
                      <a:pt x="2568" y="1160"/>
                    </a:lnTo>
                    <a:lnTo>
                      <a:pt x="2571" y="1162"/>
                    </a:lnTo>
                    <a:lnTo>
                      <a:pt x="2573" y="1166"/>
                    </a:lnTo>
                    <a:lnTo>
                      <a:pt x="2577" y="1169"/>
                    </a:lnTo>
                    <a:lnTo>
                      <a:pt x="2593" y="1178"/>
                    </a:lnTo>
                    <a:lnTo>
                      <a:pt x="2607" y="1187"/>
                    </a:lnTo>
                    <a:lnTo>
                      <a:pt x="2621" y="1196"/>
                    </a:lnTo>
                    <a:lnTo>
                      <a:pt x="2633" y="1205"/>
                    </a:lnTo>
                    <a:lnTo>
                      <a:pt x="2638" y="1210"/>
                    </a:lnTo>
                    <a:lnTo>
                      <a:pt x="2643" y="1217"/>
                    </a:lnTo>
                    <a:lnTo>
                      <a:pt x="2647" y="1223"/>
                    </a:lnTo>
                    <a:lnTo>
                      <a:pt x="2651" y="1230"/>
                    </a:lnTo>
                    <a:lnTo>
                      <a:pt x="2655" y="1238"/>
                    </a:lnTo>
                    <a:lnTo>
                      <a:pt x="2657" y="1245"/>
                    </a:lnTo>
                    <a:lnTo>
                      <a:pt x="2660" y="1253"/>
                    </a:lnTo>
                    <a:lnTo>
                      <a:pt x="2661" y="1263"/>
                    </a:lnTo>
                    <a:lnTo>
                      <a:pt x="2663" y="1276"/>
                    </a:lnTo>
                    <a:lnTo>
                      <a:pt x="2663" y="1292"/>
                    </a:lnTo>
                    <a:lnTo>
                      <a:pt x="2663" y="1306"/>
                    </a:lnTo>
                    <a:lnTo>
                      <a:pt x="2664" y="1319"/>
                    </a:lnTo>
                    <a:lnTo>
                      <a:pt x="2666" y="1332"/>
                    </a:lnTo>
                    <a:lnTo>
                      <a:pt x="2670" y="1344"/>
                    </a:lnTo>
                    <a:lnTo>
                      <a:pt x="2673" y="1355"/>
                    </a:lnTo>
                    <a:lnTo>
                      <a:pt x="2674" y="1368"/>
                    </a:lnTo>
                    <a:lnTo>
                      <a:pt x="2687" y="1429"/>
                    </a:lnTo>
                    <a:lnTo>
                      <a:pt x="2687" y="1429"/>
                    </a:lnTo>
                    <a:lnTo>
                      <a:pt x="2685" y="1455"/>
                    </a:lnTo>
                    <a:lnTo>
                      <a:pt x="2682" y="1464"/>
                    </a:lnTo>
                    <a:lnTo>
                      <a:pt x="2682" y="1472"/>
                    </a:lnTo>
                    <a:lnTo>
                      <a:pt x="2681" y="1480"/>
                    </a:lnTo>
                    <a:lnTo>
                      <a:pt x="2682" y="1486"/>
                    </a:lnTo>
                    <a:lnTo>
                      <a:pt x="2683" y="1493"/>
                    </a:lnTo>
                    <a:lnTo>
                      <a:pt x="2685" y="1499"/>
                    </a:lnTo>
                    <a:lnTo>
                      <a:pt x="2687" y="1506"/>
                    </a:lnTo>
                    <a:lnTo>
                      <a:pt x="2690" y="1511"/>
                    </a:lnTo>
                    <a:lnTo>
                      <a:pt x="2705" y="1532"/>
                    </a:lnTo>
                    <a:lnTo>
                      <a:pt x="2726" y="1556"/>
                    </a:lnTo>
                    <a:lnTo>
                      <a:pt x="2730" y="1561"/>
                    </a:lnTo>
                    <a:lnTo>
                      <a:pt x="2733" y="1567"/>
                    </a:lnTo>
                    <a:lnTo>
                      <a:pt x="2734" y="1573"/>
                    </a:lnTo>
                    <a:lnTo>
                      <a:pt x="2735" y="1580"/>
                    </a:lnTo>
                    <a:lnTo>
                      <a:pt x="2735" y="1594"/>
                    </a:lnTo>
                    <a:lnTo>
                      <a:pt x="2734" y="1608"/>
                    </a:lnTo>
                    <a:lnTo>
                      <a:pt x="2731" y="1622"/>
                    </a:lnTo>
                    <a:lnTo>
                      <a:pt x="2731" y="1637"/>
                    </a:lnTo>
                    <a:lnTo>
                      <a:pt x="2731" y="1643"/>
                    </a:lnTo>
                    <a:lnTo>
                      <a:pt x="2733" y="1650"/>
                    </a:lnTo>
                    <a:lnTo>
                      <a:pt x="2734" y="1656"/>
                    </a:lnTo>
                    <a:lnTo>
                      <a:pt x="2736" y="1662"/>
                    </a:lnTo>
                    <a:lnTo>
                      <a:pt x="2742" y="1670"/>
                    </a:lnTo>
                    <a:lnTo>
                      <a:pt x="2747" y="1675"/>
                    </a:lnTo>
                    <a:lnTo>
                      <a:pt x="2752" y="1679"/>
                    </a:lnTo>
                    <a:lnTo>
                      <a:pt x="2756" y="1683"/>
                    </a:lnTo>
                    <a:lnTo>
                      <a:pt x="2761" y="1687"/>
                    </a:lnTo>
                    <a:lnTo>
                      <a:pt x="2765" y="1692"/>
                    </a:lnTo>
                    <a:lnTo>
                      <a:pt x="2769" y="1699"/>
                    </a:lnTo>
                    <a:lnTo>
                      <a:pt x="2773" y="1708"/>
                    </a:lnTo>
                    <a:lnTo>
                      <a:pt x="2780" y="1735"/>
                    </a:lnTo>
                    <a:lnTo>
                      <a:pt x="2790" y="1757"/>
                    </a:lnTo>
                    <a:lnTo>
                      <a:pt x="2796" y="1767"/>
                    </a:lnTo>
                    <a:lnTo>
                      <a:pt x="2804" y="1776"/>
                    </a:lnTo>
                    <a:lnTo>
                      <a:pt x="2814" y="1784"/>
                    </a:lnTo>
                    <a:lnTo>
                      <a:pt x="2827" y="1792"/>
                    </a:lnTo>
                    <a:lnTo>
                      <a:pt x="2837" y="1797"/>
                    </a:lnTo>
                    <a:lnTo>
                      <a:pt x="2843" y="1802"/>
                    </a:lnTo>
                    <a:lnTo>
                      <a:pt x="2847" y="1808"/>
                    </a:lnTo>
                    <a:lnTo>
                      <a:pt x="2847" y="1814"/>
                    </a:lnTo>
                    <a:lnTo>
                      <a:pt x="2845" y="1819"/>
                    </a:lnTo>
                    <a:lnTo>
                      <a:pt x="2843" y="1824"/>
                    </a:lnTo>
                    <a:lnTo>
                      <a:pt x="2839" y="1830"/>
                    </a:lnTo>
                    <a:lnTo>
                      <a:pt x="2834" y="1836"/>
                    </a:lnTo>
                    <a:lnTo>
                      <a:pt x="2822" y="1846"/>
                    </a:lnTo>
                    <a:lnTo>
                      <a:pt x="2812" y="1857"/>
                    </a:lnTo>
                    <a:lnTo>
                      <a:pt x="2808" y="1861"/>
                    </a:lnTo>
                    <a:lnTo>
                      <a:pt x="2805" y="1866"/>
                    </a:lnTo>
                    <a:lnTo>
                      <a:pt x="2805" y="1871"/>
                    </a:lnTo>
                    <a:lnTo>
                      <a:pt x="2806" y="1875"/>
                    </a:lnTo>
                    <a:lnTo>
                      <a:pt x="2818" y="1889"/>
                    </a:lnTo>
                    <a:lnTo>
                      <a:pt x="2831" y="1902"/>
                    </a:lnTo>
                    <a:lnTo>
                      <a:pt x="2837" y="1909"/>
                    </a:lnTo>
                    <a:lnTo>
                      <a:pt x="2843" y="1915"/>
                    </a:lnTo>
                    <a:lnTo>
                      <a:pt x="2847" y="1924"/>
                    </a:lnTo>
                    <a:lnTo>
                      <a:pt x="2848" y="1933"/>
                    </a:lnTo>
                    <a:lnTo>
                      <a:pt x="2845" y="1950"/>
                    </a:lnTo>
                    <a:lnTo>
                      <a:pt x="2843" y="1964"/>
                    </a:lnTo>
                    <a:lnTo>
                      <a:pt x="2837" y="1976"/>
                    </a:lnTo>
                    <a:lnTo>
                      <a:pt x="2831" y="1986"/>
                    </a:lnTo>
                    <a:lnTo>
                      <a:pt x="2825" y="1995"/>
                    </a:lnTo>
                    <a:lnTo>
                      <a:pt x="2817" y="2003"/>
                    </a:lnTo>
                    <a:lnTo>
                      <a:pt x="2808" y="2010"/>
                    </a:lnTo>
                    <a:lnTo>
                      <a:pt x="2799" y="2016"/>
                    </a:lnTo>
                    <a:lnTo>
                      <a:pt x="2778" y="2028"/>
                    </a:lnTo>
                    <a:lnTo>
                      <a:pt x="2757" y="2039"/>
                    </a:lnTo>
                    <a:lnTo>
                      <a:pt x="2747" y="2047"/>
                    </a:lnTo>
                    <a:lnTo>
                      <a:pt x="2736" y="2055"/>
                    </a:lnTo>
                    <a:lnTo>
                      <a:pt x="2727" y="2064"/>
                    </a:lnTo>
                    <a:lnTo>
                      <a:pt x="2717" y="2076"/>
                    </a:lnTo>
                    <a:lnTo>
                      <a:pt x="2559" y="2283"/>
                    </a:lnTo>
                    <a:lnTo>
                      <a:pt x="2537" y="2309"/>
                    </a:lnTo>
                    <a:lnTo>
                      <a:pt x="2507" y="2339"/>
                    </a:lnTo>
                    <a:lnTo>
                      <a:pt x="2493" y="2354"/>
                    </a:lnTo>
                    <a:lnTo>
                      <a:pt x="2481" y="2370"/>
                    </a:lnTo>
                    <a:lnTo>
                      <a:pt x="2477" y="2378"/>
                    </a:lnTo>
                    <a:lnTo>
                      <a:pt x="2473" y="2385"/>
                    </a:lnTo>
                    <a:lnTo>
                      <a:pt x="2472" y="2393"/>
                    </a:lnTo>
                    <a:lnTo>
                      <a:pt x="2471" y="2401"/>
                    </a:lnTo>
                    <a:lnTo>
                      <a:pt x="2471" y="2418"/>
                    </a:lnTo>
                    <a:lnTo>
                      <a:pt x="2473" y="2437"/>
                    </a:lnTo>
                    <a:lnTo>
                      <a:pt x="2475" y="2457"/>
                    </a:lnTo>
                    <a:lnTo>
                      <a:pt x="2479" y="2477"/>
                    </a:lnTo>
                    <a:lnTo>
                      <a:pt x="2485" y="2519"/>
                    </a:lnTo>
                    <a:lnTo>
                      <a:pt x="2494" y="2554"/>
                    </a:lnTo>
                    <a:lnTo>
                      <a:pt x="2503" y="2576"/>
                    </a:lnTo>
                    <a:lnTo>
                      <a:pt x="2514" y="2598"/>
                    </a:lnTo>
                    <a:lnTo>
                      <a:pt x="2519" y="2609"/>
                    </a:lnTo>
                    <a:lnTo>
                      <a:pt x="2523" y="2620"/>
                    </a:lnTo>
                    <a:lnTo>
                      <a:pt x="2524" y="2633"/>
                    </a:lnTo>
                    <a:lnTo>
                      <a:pt x="2523" y="2644"/>
                    </a:lnTo>
                    <a:lnTo>
                      <a:pt x="2415" y="2668"/>
                    </a:lnTo>
                    <a:lnTo>
                      <a:pt x="2415" y="2668"/>
                    </a:lnTo>
                    <a:lnTo>
                      <a:pt x="2370" y="2648"/>
                    </a:lnTo>
                    <a:lnTo>
                      <a:pt x="2326" y="2631"/>
                    </a:lnTo>
                    <a:lnTo>
                      <a:pt x="2305" y="2621"/>
                    </a:lnTo>
                    <a:lnTo>
                      <a:pt x="2284" y="2609"/>
                    </a:lnTo>
                    <a:lnTo>
                      <a:pt x="2275" y="2603"/>
                    </a:lnTo>
                    <a:lnTo>
                      <a:pt x="2265" y="2595"/>
                    </a:lnTo>
                    <a:lnTo>
                      <a:pt x="2256" y="2587"/>
                    </a:lnTo>
                    <a:lnTo>
                      <a:pt x="2247" y="2578"/>
                    </a:lnTo>
                    <a:lnTo>
                      <a:pt x="2235" y="2567"/>
                    </a:lnTo>
                    <a:lnTo>
                      <a:pt x="2223" y="2556"/>
                    </a:lnTo>
                    <a:lnTo>
                      <a:pt x="2210" y="2547"/>
                    </a:lnTo>
                    <a:lnTo>
                      <a:pt x="2196" y="2538"/>
                    </a:lnTo>
                    <a:lnTo>
                      <a:pt x="2183" y="2530"/>
                    </a:lnTo>
                    <a:lnTo>
                      <a:pt x="2169" y="2524"/>
                    </a:lnTo>
                    <a:lnTo>
                      <a:pt x="2153" y="2517"/>
                    </a:lnTo>
                    <a:lnTo>
                      <a:pt x="2139" y="2512"/>
                    </a:lnTo>
                    <a:lnTo>
                      <a:pt x="2124" y="2508"/>
                    </a:lnTo>
                    <a:lnTo>
                      <a:pt x="2108" y="2506"/>
                    </a:lnTo>
                    <a:lnTo>
                      <a:pt x="2093" y="2503"/>
                    </a:lnTo>
                    <a:lnTo>
                      <a:pt x="2077" y="2502"/>
                    </a:lnTo>
                    <a:lnTo>
                      <a:pt x="2060" y="2503"/>
                    </a:lnTo>
                    <a:lnTo>
                      <a:pt x="2045" y="2503"/>
                    </a:lnTo>
                    <a:lnTo>
                      <a:pt x="2029" y="2506"/>
                    </a:lnTo>
                    <a:lnTo>
                      <a:pt x="2012" y="2510"/>
                    </a:lnTo>
                    <a:lnTo>
                      <a:pt x="1976" y="2524"/>
                    </a:lnTo>
                    <a:lnTo>
                      <a:pt x="1931" y="2543"/>
                    </a:lnTo>
                    <a:lnTo>
                      <a:pt x="1920" y="2547"/>
                    </a:lnTo>
                    <a:lnTo>
                      <a:pt x="1909" y="2551"/>
                    </a:lnTo>
                    <a:lnTo>
                      <a:pt x="1898" y="2552"/>
                    </a:lnTo>
                    <a:lnTo>
                      <a:pt x="1888" y="2554"/>
                    </a:lnTo>
                    <a:lnTo>
                      <a:pt x="1878" y="2552"/>
                    </a:lnTo>
                    <a:lnTo>
                      <a:pt x="1868" y="2550"/>
                    </a:lnTo>
                    <a:lnTo>
                      <a:pt x="1861" y="2545"/>
                    </a:lnTo>
                    <a:lnTo>
                      <a:pt x="1854" y="2538"/>
                    </a:lnTo>
                    <a:lnTo>
                      <a:pt x="1841" y="2525"/>
                    </a:lnTo>
                    <a:lnTo>
                      <a:pt x="1831" y="2516"/>
                    </a:lnTo>
                    <a:lnTo>
                      <a:pt x="1822" y="2511"/>
                    </a:lnTo>
                    <a:lnTo>
                      <a:pt x="1811" y="2507"/>
                    </a:lnTo>
                    <a:lnTo>
                      <a:pt x="1804" y="2506"/>
                    </a:lnTo>
                    <a:lnTo>
                      <a:pt x="1795" y="2506"/>
                    </a:lnTo>
                    <a:lnTo>
                      <a:pt x="1787" y="2508"/>
                    </a:lnTo>
                    <a:lnTo>
                      <a:pt x="1779" y="2512"/>
                    </a:lnTo>
                    <a:lnTo>
                      <a:pt x="1748" y="2538"/>
                    </a:lnTo>
                    <a:lnTo>
                      <a:pt x="1709" y="2567"/>
                    </a:lnTo>
                    <a:lnTo>
                      <a:pt x="1700" y="2571"/>
                    </a:lnTo>
                    <a:lnTo>
                      <a:pt x="1691" y="2573"/>
                    </a:lnTo>
                    <a:lnTo>
                      <a:pt x="1679" y="2574"/>
                    </a:lnTo>
                    <a:lnTo>
                      <a:pt x="1668" y="2576"/>
                    </a:lnTo>
                    <a:lnTo>
                      <a:pt x="1656" y="2574"/>
                    </a:lnTo>
                    <a:lnTo>
                      <a:pt x="1644" y="2573"/>
                    </a:lnTo>
                    <a:lnTo>
                      <a:pt x="1631" y="2569"/>
                    </a:lnTo>
                    <a:lnTo>
                      <a:pt x="1620" y="2567"/>
                    </a:lnTo>
                    <a:lnTo>
                      <a:pt x="1608" y="2561"/>
                    </a:lnTo>
                    <a:lnTo>
                      <a:pt x="1596" y="2556"/>
                    </a:lnTo>
                    <a:lnTo>
                      <a:pt x="1586" y="2550"/>
                    </a:lnTo>
                    <a:lnTo>
                      <a:pt x="1577" y="2542"/>
                    </a:lnTo>
                    <a:lnTo>
                      <a:pt x="1569" y="2534"/>
                    </a:lnTo>
                    <a:lnTo>
                      <a:pt x="1563" y="2527"/>
                    </a:lnTo>
                    <a:lnTo>
                      <a:pt x="1558" y="2517"/>
                    </a:lnTo>
                    <a:lnTo>
                      <a:pt x="1555" y="2508"/>
                    </a:lnTo>
                    <a:lnTo>
                      <a:pt x="1551" y="2494"/>
                    </a:lnTo>
                    <a:lnTo>
                      <a:pt x="1546" y="2481"/>
                    </a:lnTo>
                    <a:lnTo>
                      <a:pt x="1538" y="2470"/>
                    </a:lnTo>
                    <a:lnTo>
                      <a:pt x="1530" y="2459"/>
                    </a:lnTo>
                    <a:lnTo>
                      <a:pt x="1510" y="2438"/>
                    </a:lnTo>
                    <a:lnTo>
                      <a:pt x="1489" y="2419"/>
                    </a:lnTo>
                    <a:lnTo>
                      <a:pt x="1479" y="2410"/>
                    </a:lnTo>
                    <a:lnTo>
                      <a:pt x="1468" y="2403"/>
                    </a:lnTo>
                    <a:lnTo>
                      <a:pt x="1458" y="2400"/>
                    </a:lnTo>
                    <a:lnTo>
                      <a:pt x="1450" y="2400"/>
                    </a:lnTo>
                    <a:lnTo>
                      <a:pt x="1441" y="2401"/>
                    </a:lnTo>
                    <a:lnTo>
                      <a:pt x="1434" y="2405"/>
                    </a:lnTo>
                    <a:lnTo>
                      <a:pt x="1428" y="2410"/>
                    </a:lnTo>
                    <a:lnTo>
                      <a:pt x="1422" y="2418"/>
                    </a:lnTo>
                    <a:lnTo>
                      <a:pt x="1410" y="2433"/>
                    </a:lnTo>
                    <a:lnTo>
                      <a:pt x="1398" y="2451"/>
                    </a:lnTo>
                    <a:lnTo>
                      <a:pt x="1392" y="2460"/>
                    </a:lnTo>
                    <a:lnTo>
                      <a:pt x="1387" y="2468"/>
                    </a:lnTo>
                    <a:lnTo>
                      <a:pt x="1380" y="2476"/>
                    </a:lnTo>
                    <a:lnTo>
                      <a:pt x="1374" y="2481"/>
                    </a:lnTo>
                    <a:lnTo>
                      <a:pt x="1370" y="2484"/>
                    </a:lnTo>
                    <a:lnTo>
                      <a:pt x="1365" y="2485"/>
                    </a:lnTo>
                    <a:lnTo>
                      <a:pt x="1361" y="2485"/>
                    </a:lnTo>
                    <a:lnTo>
                      <a:pt x="1355" y="2484"/>
                    </a:lnTo>
                    <a:lnTo>
                      <a:pt x="1346" y="2480"/>
                    </a:lnTo>
                    <a:lnTo>
                      <a:pt x="1336" y="2472"/>
                    </a:lnTo>
                    <a:lnTo>
                      <a:pt x="1318" y="2457"/>
                    </a:lnTo>
                    <a:lnTo>
                      <a:pt x="1304" y="2444"/>
                    </a:lnTo>
                    <a:lnTo>
                      <a:pt x="1304" y="2444"/>
                    </a:lnTo>
                    <a:lnTo>
                      <a:pt x="1285" y="2396"/>
                    </a:lnTo>
                    <a:lnTo>
                      <a:pt x="1275" y="2387"/>
                    </a:lnTo>
                    <a:lnTo>
                      <a:pt x="1265" y="2374"/>
                    </a:lnTo>
                    <a:lnTo>
                      <a:pt x="1256" y="2358"/>
                    </a:lnTo>
                    <a:lnTo>
                      <a:pt x="1247" y="2343"/>
                    </a:lnTo>
                    <a:lnTo>
                      <a:pt x="1239" y="2324"/>
                    </a:lnTo>
                    <a:lnTo>
                      <a:pt x="1232" y="2308"/>
                    </a:lnTo>
                    <a:lnTo>
                      <a:pt x="1227" y="2292"/>
                    </a:lnTo>
                    <a:lnTo>
                      <a:pt x="1223" y="2279"/>
                    </a:lnTo>
                    <a:lnTo>
                      <a:pt x="1221" y="2270"/>
                    </a:lnTo>
                    <a:lnTo>
                      <a:pt x="1216" y="2262"/>
                    </a:lnTo>
                    <a:lnTo>
                      <a:pt x="1210" y="2257"/>
                    </a:lnTo>
                    <a:lnTo>
                      <a:pt x="1204" y="2252"/>
                    </a:lnTo>
                    <a:lnTo>
                      <a:pt x="1197" y="2249"/>
                    </a:lnTo>
                    <a:lnTo>
                      <a:pt x="1190" y="2247"/>
                    </a:lnTo>
                    <a:lnTo>
                      <a:pt x="1181" y="2245"/>
                    </a:lnTo>
                    <a:lnTo>
                      <a:pt x="1171" y="2245"/>
                    </a:lnTo>
                    <a:lnTo>
                      <a:pt x="1153" y="2245"/>
                    </a:lnTo>
                    <a:lnTo>
                      <a:pt x="1135" y="2244"/>
                    </a:lnTo>
                    <a:lnTo>
                      <a:pt x="1126" y="2243"/>
                    </a:lnTo>
                    <a:lnTo>
                      <a:pt x="1118" y="2240"/>
                    </a:lnTo>
                    <a:lnTo>
                      <a:pt x="1111" y="2236"/>
                    </a:lnTo>
                    <a:lnTo>
                      <a:pt x="1103" y="2232"/>
                    </a:lnTo>
                    <a:lnTo>
                      <a:pt x="1087" y="2214"/>
                    </a:lnTo>
                    <a:lnTo>
                      <a:pt x="1076" y="2199"/>
                    </a:lnTo>
                    <a:lnTo>
                      <a:pt x="1072" y="2195"/>
                    </a:lnTo>
                    <a:lnTo>
                      <a:pt x="1069" y="2192"/>
                    </a:lnTo>
                    <a:lnTo>
                      <a:pt x="1064" y="2191"/>
                    </a:lnTo>
                    <a:lnTo>
                      <a:pt x="1060" y="2191"/>
                    </a:lnTo>
                    <a:lnTo>
                      <a:pt x="1055" y="2192"/>
                    </a:lnTo>
                    <a:lnTo>
                      <a:pt x="1050" y="2194"/>
                    </a:lnTo>
                    <a:lnTo>
                      <a:pt x="1043" y="2197"/>
                    </a:lnTo>
                    <a:lnTo>
                      <a:pt x="1035" y="2203"/>
                    </a:lnTo>
                    <a:lnTo>
                      <a:pt x="1030" y="2205"/>
                    </a:lnTo>
                    <a:lnTo>
                      <a:pt x="1025" y="2205"/>
                    </a:lnTo>
                    <a:lnTo>
                      <a:pt x="1020" y="2203"/>
                    </a:lnTo>
                    <a:lnTo>
                      <a:pt x="1013" y="2200"/>
                    </a:lnTo>
                    <a:lnTo>
                      <a:pt x="1007" y="2195"/>
                    </a:lnTo>
                    <a:lnTo>
                      <a:pt x="1002" y="2188"/>
                    </a:lnTo>
                    <a:lnTo>
                      <a:pt x="995" y="2182"/>
                    </a:lnTo>
                    <a:lnTo>
                      <a:pt x="990" y="2174"/>
                    </a:lnTo>
                    <a:lnTo>
                      <a:pt x="980" y="2156"/>
                    </a:lnTo>
                    <a:lnTo>
                      <a:pt x="972" y="2139"/>
                    </a:lnTo>
                    <a:lnTo>
                      <a:pt x="969" y="2131"/>
                    </a:lnTo>
                    <a:lnTo>
                      <a:pt x="967" y="2124"/>
                    </a:lnTo>
                    <a:lnTo>
                      <a:pt x="967" y="2117"/>
                    </a:lnTo>
                    <a:lnTo>
                      <a:pt x="967" y="2113"/>
                    </a:lnTo>
                    <a:lnTo>
                      <a:pt x="971" y="2096"/>
                    </a:lnTo>
                    <a:lnTo>
                      <a:pt x="976" y="2082"/>
                    </a:lnTo>
                    <a:lnTo>
                      <a:pt x="976" y="2080"/>
                    </a:lnTo>
                    <a:lnTo>
                      <a:pt x="976" y="2077"/>
                    </a:lnTo>
                    <a:lnTo>
                      <a:pt x="975" y="2074"/>
                    </a:lnTo>
                    <a:lnTo>
                      <a:pt x="972" y="2072"/>
                    </a:lnTo>
                    <a:lnTo>
                      <a:pt x="969" y="2071"/>
                    </a:lnTo>
                    <a:lnTo>
                      <a:pt x="965" y="2069"/>
                    </a:lnTo>
                    <a:lnTo>
                      <a:pt x="960" y="2069"/>
                    </a:lnTo>
                    <a:lnTo>
                      <a:pt x="954" y="2069"/>
                    </a:lnTo>
                    <a:lnTo>
                      <a:pt x="925" y="2072"/>
                    </a:lnTo>
                    <a:lnTo>
                      <a:pt x="896" y="2077"/>
                    </a:lnTo>
                    <a:lnTo>
                      <a:pt x="866" y="2081"/>
                    </a:lnTo>
                    <a:lnTo>
                      <a:pt x="836" y="2085"/>
                    </a:lnTo>
                    <a:lnTo>
                      <a:pt x="823" y="2081"/>
                    </a:lnTo>
                    <a:lnTo>
                      <a:pt x="809" y="2074"/>
                    </a:lnTo>
                    <a:lnTo>
                      <a:pt x="794" y="2067"/>
                    </a:lnTo>
                    <a:lnTo>
                      <a:pt x="780" y="2058"/>
                    </a:lnTo>
                    <a:lnTo>
                      <a:pt x="766" y="2050"/>
                    </a:lnTo>
                    <a:lnTo>
                      <a:pt x="752" y="2043"/>
                    </a:lnTo>
                    <a:lnTo>
                      <a:pt x="745" y="2041"/>
                    </a:lnTo>
                    <a:lnTo>
                      <a:pt x="737" y="2039"/>
                    </a:lnTo>
                    <a:lnTo>
                      <a:pt x="731" y="2039"/>
                    </a:lnTo>
                    <a:lnTo>
                      <a:pt x="723" y="2039"/>
                    </a:lnTo>
                    <a:lnTo>
                      <a:pt x="718" y="2042"/>
                    </a:lnTo>
                    <a:lnTo>
                      <a:pt x="713" y="2046"/>
                    </a:lnTo>
                    <a:lnTo>
                      <a:pt x="709" y="2050"/>
                    </a:lnTo>
                    <a:lnTo>
                      <a:pt x="708" y="2056"/>
                    </a:lnTo>
                    <a:lnTo>
                      <a:pt x="706" y="2069"/>
                    </a:lnTo>
                    <a:lnTo>
                      <a:pt x="706" y="2085"/>
                    </a:lnTo>
                    <a:lnTo>
                      <a:pt x="708" y="2099"/>
                    </a:lnTo>
                    <a:lnTo>
                      <a:pt x="706" y="2113"/>
                    </a:lnTo>
                    <a:lnTo>
                      <a:pt x="706" y="2118"/>
                    </a:lnTo>
                    <a:lnTo>
                      <a:pt x="704" y="2124"/>
                    </a:lnTo>
                    <a:lnTo>
                      <a:pt x="701" y="2126"/>
                    </a:lnTo>
                    <a:lnTo>
                      <a:pt x="696" y="2129"/>
                    </a:lnTo>
                    <a:lnTo>
                      <a:pt x="687" y="2131"/>
                    </a:lnTo>
                    <a:lnTo>
                      <a:pt x="682" y="2135"/>
                    </a:lnTo>
                    <a:lnTo>
                      <a:pt x="679" y="2140"/>
                    </a:lnTo>
                    <a:lnTo>
                      <a:pt x="677" y="2146"/>
                    </a:lnTo>
                    <a:lnTo>
                      <a:pt x="675" y="2151"/>
                    </a:lnTo>
                    <a:lnTo>
                      <a:pt x="674" y="2157"/>
                    </a:lnTo>
                    <a:lnTo>
                      <a:pt x="671" y="2163"/>
                    </a:lnTo>
                    <a:lnTo>
                      <a:pt x="666" y="2168"/>
                    </a:lnTo>
                    <a:lnTo>
                      <a:pt x="664" y="2170"/>
                    </a:lnTo>
                    <a:lnTo>
                      <a:pt x="660" y="2170"/>
                    </a:lnTo>
                    <a:lnTo>
                      <a:pt x="656" y="2169"/>
                    </a:lnTo>
                    <a:lnTo>
                      <a:pt x="652" y="2168"/>
                    </a:lnTo>
                    <a:lnTo>
                      <a:pt x="642" y="2160"/>
                    </a:lnTo>
                    <a:lnTo>
                      <a:pt x="633" y="2151"/>
                    </a:lnTo>
                    <a:lnTo>
                      <a:pt x="616" y="2130"/>
                    </a:lnTo>
                    <a:lnTo>
                      <a:pt x="607" y="2116"/>
                    </a:lnTo>
                    <a:lnTo>
                      <a:pt x="591" y="2095"/>
                    </a:lnTo>
                    <a:lnTo>
                      <a:pt x="569" y="2069"/>
                    </a:lnTo>
                    <a:lnTo>
                      <a:pt x="547" y="2045"/>
                    </a:lnTo>
                    <a:lnTo>
                      <a:pt x="538" y="2030"/>
                    </a:lnTo>
                    <a:lnTo>
                      <a:pt x="539" y="2025"/>
                    </a:lnTo>
                    <a:lnTo>
                      <a:pt x="542" y="2020"/>
                    </a:lnTo>
                    <a:lnTo>
                      <a:pt x="544" y="2014"/>
                    </a:lnTo>
                    <a:lnTo>
                      <a:pt x="548" y="2007"/>
                    </a:lnTo>
                    <a:lnTo>
                      <a:pt x="557" y="1992"/>
                    </a:lnTo>
                    <a:lnTo>
                      <a:pt x="566" y="1976"/>
                    </a:lnTo>
                    <a:lnTo>
                      <a:pt x="569" y="1967"/>
                    </a:lnTo>
                    <a:lnTo>
                      <a:pt x="570" y="1959"/>
                    </a:lnTo>
                    <a:lnTo>
                      <a:pt x="570" y="1951"/>
                    </a:lnTo>
                    <a:lnTo>
                      <a:pt x="569" y="1945"/>
                    </a:lnTo>
                    <a:lnTo>
                      <a:pt x="565" y="1938"/>
                    </a:lnTo>
                    <a:lnTo>
                      <a:pt x="559" y="1932"/>
                    </a:lnTo>
                    <a:lnTo>
                      <a:pt x="548" y="1927"/>
                    </a:lnTo>
                    <a:lnTo>
                      <a:pt x="535" y="1923"/>
                    </a:lnTo>
                    <a:lnTo>
                      <a:pt x="507" y="1915"/>
                    </a:lnTo>
                    <a:lnTo>
                      <a:pt x="478" y="1907"/>
                    </a:lnTo>
                    <a:lnTo>
                      <a:pt x="449" y="1898"/>
                    </a:lnTo>
                    <a:lnTo>
                      <a:pt x="419" y="1888"/>
                    </a:lnTo>
                    <a:lnTo>
                      <a:pt x="390" y="1876"/>
                    </a:lnTo>
                    <a:lnTo>
                      <a:pt x="363" y="1862"/>
                    </a:lnTo>
                    <a:lnTo>
                      <a:pt x="350" y="1853"/>
                    </a:lnTo>
                    <a:lnTo>
                      <a:pt x="337" y="1845"/>
                    </a:lnTo>
                    <a:lnTo>
                      <a:pt x="326" y="1835"/>
                    </a:lnTo>
                    <a:lnTo>
                      <a:pt x="314" y="1824"/>
                    </a:lnTo>
                    <a:lnTo>
                      <a:pt x="305" y="1814"/>
                    </a:lnTo>
                    <a:lnTo>
                      <a:pt x="297" y="1801"/>
                    </a:lnTo>
                    <a:lnTo>
                      <a:pt x="289" y="1788"/>
                    </a:lnTo>
                    <a:lnTo>
                      <a:pt x="283" y="1775"/>
                    </a:lnTo>
                    <a:lnTo>
                      <a:pt x="279" y="1769"/>
                    </a:lnTo>
                    <a:lnTo>
                      <a:pt x="275" y="1764"/>
                    </a:lnTo>
                    <a:lnTo>
                      <a:pt x="270" y="1760"/>
                    </a:lnTo>
                    <a:lnTo>
                      <a:pt x="266" y="1756"/>
                    </a:lnTo>
                    <a:lnTo>
                      <a:pt x="259" y="1753"/>
                    </a:lnTo>
                    <a:lnTo>
                      <a:pt x="254" y="1751"/>
                    </a:lnTo>
                    <a:lnTo>
                      <a:pt x="246" y="1751"/>
                    </a:lnTo>
                    <a:lnTo>
                      <a:pt x="239" y="1752"/>
                    </a:lnTo>
                    <a:lnTo>
                      <a:pt x="227" y="1754"/>
                    </a:lnTo>
                    <a:lnTo>
                      <a:pt x="215" y="1757"/>
                    </a:lnTo>
                    <a:lnTo>
                      <a:pt x="205" y="1761"/>
                    </a:lnTo>
                    <a:lnTo>
                      <a:pt x="196" y="1766"/>
                    </a:lnTo>
                    <a:lnTo>
                      <a:pt x="179" y="1774"/>
                    </a:lnTo>
                    <a:lnTo>
                      <a:pt x="162" y="1780"/>
                    </a:lnTo>
                    <a:lnTo>
                      <a:pt x="155" y="1782"/>
                    </a:lnTo>
                    <a:lnTo>
                      <a:pt x="147" y="1783"/>
                    </a:lnTo>
                    <a:lnTo>
                      <a:pt x="139" y="1782"/>
                    </a:lnTo>
                    <a:lnTo>
                      <a:pt x="130" y="1780"/>
                    </a:lnTo>
                    <a:lnTo>
                      <a:pt x="121" y="1776"/>
                    </a:lnTo>
                    <a:lnTo>
                      <a:pt x="110" y="1771"/>
                    </a:lnTo>
                    <a:lnTo>
                      <a:pt x="100" y="1764"/>
                    </a:lnTo>
                    <a:lnTo>
                      <a:pt x="87" y="1753"/>
                    </a:lnTo>
                    <a:lnTo>
                      <a:pt x="87" y="1753"/>
                    </a:lnTo>
                    <a:lnTo>
                      <a:pt x="92" y="1742"/>
                    </a:lnTo>
                    <a:lnTo>
                      <a:pt x="98" y="1731"/>
                    </a:lnTo>
                    <a:lnTo>
                      <a:pt x="104" y="1721"/>
                    </a:lnTo>
                    <a:lnTo>
                      <a:pt x="110" y="1710"/>
                    </a:lnTo>
                    <a:lnTo>
                      <a:pt x="126" y="1691"/>
                    </a:lnTo>
                    <a:lnTo>
                      <a:pt x="142" y="1673"/>
                    </a:lnTo>
                    <a:lnTo>
                      <a:pt x="158" y="1653"/>
                    </a:lnTo>
                    <a:lnTo>
                      <a:pt x="174" y="1634"/>
                    </a:lnTo>
                    <a:lnTo>
                      <a:pt x="180" y="1625"/>
                    </a:lnTo>
                    <a:lnTo>
                      <a:pt x="187" y="1615"/>
                    </a:lnTo>
                    <a:lnTo>
                      <a:pt x="192" y="1604"/>
                    </a:lnTo>
                    <a:lnTo>
                      <a:pt x="196" y="1593"/>
                    </a:lnTo>
                    <a:lnTo>
                      <a:pt x="200" y="1577"/>
                    </a:lnTo>
                    <a:lnTo>
                      <a:pt x="202" y="1561"/>
                    </a:lnTo>
                    <a:lnTo>
                      <a:pt x="204" y="1547"/>
                    </a:lnTo>
                    <a:lnTo>
                      <a:pt x="204" y="1532"/>
                    </a:lnTo>
                    <a:lnTo>
                      <a:pt x="202" y="1517"/>
                    </a:lnTo>
                    <a:lnTo>
                      <a:pt x="200" y="1504"/>
                    </a:lnTo>
                    <a:lnTo>
                      <a:pt x="196" y="1490"/>
                    </a:lnTo>
                    <a:lnTo>
                      <a:pt x="192" y="1476"/>
                    </a:lnTo>
                    <a:lnTo>
                      <a:pt x="182" y="1450"/>
                    </a:lnTo>
                    <a:lnTo>
                      <a:pt x="169" y="1423"/>
                    </a:lnTo>
                    <a:lnTo>
                      <a:pt x="157" y="1396"/>
                    </a:lnTo>
                    <a:lnTo>
                      <a:pt x="145" y="1370"/>
                    </a:lnTo>
                    <a:lnTo>
                      <a:pt x="142" y="1359"/>
                    </a:lnTo>
                    <a:lnTo>
                      <a:pt x="139" y="1350"/>
                    </a:lnTo>
                    <a:lnTo>
                      <a:pt x="138" y="1341"/>
                    </a:lnTo>
                    <a:lnTo>
                      <a:pt x="136" y="1332"/>
                    </a:lnTo>
                    <a:lnTo>
                      <a:pt x="136" y="1315"/>
                    </a:lnTo>
                    <a:lnTo>
                      <a:pt x="136" y="1297"/>
                    </a:lnTo>
                    <a:lnTo>
                      <a:pt x="138" y="1280"/>
                    </a:lnTo>
                    <a:lnTo>
                      <a:pt x="140" y="1263"/>
                    </a:lnTo>
                    <a:lnTo>
                      <a:pt x="140" y="1245"/>
                    </a:lnTo>
                    <a:lnTo>
                      <a:pt x="140" y="1227"/>
                    </a:lnTo>
                    <a:lnTo>
                      <a:pt x="136" y="1209"/>
                    </a:lnTo>
                    <a:lnTo>
                      <a:pt x="132" y="1191"/>
                    </a:lnTo>
                    <a:lnTo>
                      <a:pt x="129" y="1174"/>
                    </a:lnTo>
                    <a:lnTo>
                      <a:pt x="127" y="1156"/>
                    </a:lnTo>
                    <a:lnTo>
                      <a:pt x="130" y="1139"/>
                    </a:lnTo>
                    <a:lnTo>
                      <a:pt x="131" y="1127"/>
                    </a:lnTo>
                    <a:lnTo>
                      <a:pt x="131" y="1118"/>
                    </a:lnTo>
                    <a:lnTo>
                      <a:pt x="130" y="1111"/>
                    </a:lnTo>
                    <a:lnTo>
                      <a:pt x="125" y="1096"/>
                    </a:lnTo>
                    <a:lnTo>
                      <a:pt x="113" y="1076"/>
                    </a:lnTo>
                    <a:lnTo>
                      <a:pt x="110" y="1072"/>
                    </a:lnTo>
                    <a:lnTo>
                      <a:pt x="109" y="1067"/>
                    </a:lnTo>
                    <a:lnTo>
                      <a:pt x="109" y="1063"/>
                    </a:lnTo>
                    <a:lnTo>
                      <a:pt x="109" y="1059"/>
                    </a:lnTo>
                    <a:lnTo>
                      <a:pt x="110" y="1051"/>
                    </a:lnTo>
                    <a:lnTo>
                      <a:pt x="114" y="1043"/>
                    </a:lnTo>
                    <a:lnTo>
                      <a:pt x="125" y="1029"/>
                    </a:lnTo>
                    <a:lnTo>
                      <a:pt x="134" y="1015"/>
                    </a:lnTo>
                    <a:lnTo>
                      <a:pt x="138" y="1004"/>
                    </a:lnTo>
                    <a:lnTo>
                      <a:pt x="139" y="995"/>
                    </a:lnTo>
                    <a:lnTo>
                      <a:pt x="139" y="985"/>
                    </a:lnTo>
                    <a:lnTo>
                      <a:pt x="135" y="976"/>
                    </a:lnTo>
                    <a:lnTo>
                      <a:pt x="131" y="967"/>
                    </a:lnTo>
                    <a:lnTo>
                      <a:pt x="125" y="958"/>
                    </a:lnTo>
                    <a:lnTo>
                      <a:pt x="118" y="949"/>
                    </a:lnTo>
                    <a:lnTo>
                      <a:pt x="109" y="941"/>
                    </a:lnTo>
                    <a:lnTo>
                      <a:pt x="72" y="909"/>
                    </a:lnTo>
                    <a:lnTo>
                      <a:pt x="38" y="881"/>
                    </a:lnTo>
                    <a:lnTo>
                      <a:pt x="18" y="863"/>
                    </a:lnTo>
                    <a:lnTo>
                      <a:pt x="6" y="850"/>
                    </a:lnTo>
                    <a:lnTo>
                      <a:pt x="3" y="845"/>
                    </a:lnTo>
                    <a:lnTo>
                      <a:pt x="0" y="841"/>
                    </a:lnTo>
                    <a:lnTo>
                      <a:pt x="0" y="837"/>
                    </a:lnTo>
                    <a:lnTo>
                      <a:pt x="0" y="835"/>
                    </a:lnTo>
                    <a:lnTo>
                      <a:pt x="16" y="820"/>
                    </a:lnTo>
                    <a:lnTo>
                      <a:pt x="46" y="792"/>
                    </a:lnTo>
                    <a:lnTo>
                      <a:pt x="57" y="778"/>
                    </a:lnTo>
                    <a:lnTo>
                      <a:pt x="68" y="761"/>
                    </a:lnTo>
                    <a:lnTo>
                      <a:pt x="75" y="744"/>
                    </a:lnTo>
                    <a:lnTo>
                      <a:pt x="82" y="726"/>
                    </a:lnTo>
                    <a:lnTo>
                      <a:pt x="85" y="716"/>
                    </a:lnTo>
                    <a:lnTo>
                      <a:pt x="86" y="705"/>
                    </a:lnTo>
                    <a:lnTo>
                      <a:pt x="86" y="694"/>
                    </a:lnTo>
                    <a:lnTo>
                      <a:pt x="86" y="682"/>
                    </a:lnTo>
                    <a:lnTo>
                      <a:pt x="83" y="660"/>
                    </a:lnTo>
                    <a:lnTo>
                      <a:pt x="79" y="637"/>
                    </a:lnTo>
                    <a:lnTo>
                      <a:pt x="69" y="590"/>
                    </a:lnTo>
                    <a:lnTo>
                      <a:pt x="60" y="546"/>
                    </a:lnTo>
                    <a:lnTo>
                      <a:pt x="47" y="462"/>
                    </a:lnTo>
                    <a:lnTo>
                      <a:pt x="47" y="46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7" name="Freeform 71">
                <a:extLst>
                  <a:ext uri="{FF2B5EF4-FFF2-40B4-BE49-F238E27FC236}">
                    <a16:creationId xmlns:a16="http://schemas.microsoft.com/office/drawing/2014/main" id="{9EEDE288-9E5F-BE46-8115-CD8685CD435F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648505" y="2931763"/>
                <a:ext cx="1229642" cy="1627481"/>
              </a:xfrm>
              <a:custGeom>
                <a:avLst/>
                <a:gdLst/>
                <a:ahLst/>
                <a:cxnLst>
                  <a:cxn ang="0">
                    <a:pos x="2522" y="593"/>
                  </a:cxn>
                  <a:cxn ang="0">
                    <a:pos x="2543" y="611"/>
                  </a:cxn>
                  <a:cxn ang="0">
                    <a:pos x="2383" y="412"/>
                  </a:cxn>
                  <a:cxn ang="0">
                    <a:pos x="2338" y="322"/>
                  </a:cxn>
                  <a:cxn ang="0">
                    <a:pos x="2452" y="342"/>
                  </a:cxn>
                  <a:cxn ang="0">
                    <a:pos x="2430" y="448"/>
                  </a:cxn>
                  <a:cxn ang="0">
                    <a:pos x="2310" y="418"/>
                  </a:cxn>
                  <a:cxn ang="0">
                    <a:pos x="2515" y="1151"/>
                  </a:cxn>
                  <a:cxn ang="0">
                    <a:pos x="2627" y="1399"/>
                  </a:cxn>
                  <a:cxn ang="0">
                    <a:pos x="2679" y="1738"/>
                  </a:cxn>
                  <a:cxn ang="0">
                    <a:pos x="2584" y="2041"/>
                  </a:cxn>
                  <a:cxn ang="0">
                    <a:pos x="2373" y="2039"/>
                  </a:cxn>
                  <a:cxn ang="0">
                    <a:pos x="1977" y="2206"/>
                  </a:cxn>
                  <a:cxn ang="0">
                    <a:pos x="1859" y="2340"/>
                  </a:cxn>
                  <a:cxn ang="0">
                    <a:pos x="1956" y="2585"/>
                  </a:cxn>
                  <a:cxn ang="0">
                    <a:pos x="2215" y="2925"/>
                  </a:cxn>
                  <a:cxn ang="0">
                    <a:pos x="2119" y="3151"/>
                  </a:cxn>
                  <a:cxn ang="0">
                    <a:pos x="1891" y="3268"/>
                  </a:cxn>
                  <a:cxn ang="0">
                    <a:pos x="1920" y="3565"/>
                  </a:cxn>
                  <a:cxn ang="0">
                    <a:pos x="1721" y="3465"/>
                  </a:cxn>
                  <a:cxn ang="0">
                    <a:pos x="1453" y="3548"/>
                  </a:cxn>
                  <a:cxn ang="0">
                    <a:pos x="1204" y="3491"/>
                  </a:cxn>
                  <a:cxn ang="0">
                    <a:pos x="1102" y="3601"/>
                  </a:cxn>
                  <a:cxn ang="0">
                    <a:pos x="684" y="3322"/>
                  </a:cxn>
                  <a:cxn ang="0">
                    <a:pos x="557" y="3400"/>
                  </a:cxn>
                  <a:cxn ang="0">
                    <a:pos x="331" y="3378"/>
                  </a:cxn>
                  <a:cxn ang="0">
                    <a:pos x="304" y="3147"/>
                  </a:cxn>
                  <a:cxn ang="0">
                    <a:pos x="541" y="2780"/>
                  </a:cxn>
                  <a:cxn ang="0">
                    <a:pos x="264" y="2550"/>
                  </a:cxn>
                  <a:cxn ang="0">
                    <a:pos x="49" y="2366"/>
                  </a:cxn>
                  <a:cxn ang="0">
                    <a:pos x="0" y="2154"/>
                  </a:cxn>
                  <a:cxn ang="0">
                    <a:pos x="23" y="1807"/>
                  </a:cxn>
                  <a:cxn ang="0">
                    <a:pos x="132" y="1501"/>
                  </a:cxn>
                  <a:cxn ang="0">
                    <a:pos x="106" y="1349"/>
                  </a:cxn>
                  <a:cxn ang="0">
                    <a:pos x="382" y="1273"/>
                  </a:cxn>
                  <a:cxn ang="0">
                    <a:pos x="460" y="1077"/>
                  </a:cxn>
                  <a:cxn ang="0">
                    <a:pos x="460" y="975"/>
                  </a:cxn>
                  <a:cxn ang="0">
                    <a:pos x="602" y="712"/>
                  </a:cxn>
                  <a:cxn ang="0">
                    <a:pos x="585" y="577"/>
                  </a:cxn>
                  <a:cxn ang="0">
                    <a:pos x="865" y="572"/>
                  </a:cxn>
                  <a:cxn ang="0">
                    <a:pos x="903" y="712"/>
                  </a:cxn>
                  <a:cxn ang="0">
                    <a:pos x="960" y="744"/>
                  </a:cxn>
                  <a:cxn ang="0">
                    <a:pos x="1017" y="506"/>
                  </a:cxn>
                  <a:cxn ang="0">
                    <a:pos x="1261" y="624"/>
                  </a:cxn>
                  <a:cxn ang="0">
                    <a:pos x="1102" y="443"/>
                  </a:cxn>
                  <a:cxn ang="0">
                    <a:pos x="1111" y="340"/>
                  </a:cxn>
                  <a:cxn ang="0">
                    <a:pos x="1088" y="273"/>
                  </a:cxn>
                  <a:cxn ang="0">
                    <a:pos x="1106" y="18"/>
                  </a:cxn>
                  <a:cxn ang="0">
                    <a:pos x="1394" y="76"/>
                  </a:cxn>
                  <a:cxn ang="0">
                    <a:pos x="1454" y="225"/>
                  </a:cxn>
                  <a:cxn ang="0">
                    <a:pos x="1476" y="310"/>
                  </a:cxn>
                  <a:cxn ang="0">
                    <a:pos x="1592" y="365"/>
                  </a:cxn>
                  <a:cxn ang="0">
                    <a:pos x="1745" y="296"/>
                  </a:cxn>
                  <a:cxn ang="0">
                    <a:pos x="1723" y="436"/>
                  </a:cxn>
                  <a:cxn ang="0">
                    <a:pos x="1633" y="538"/>
                  </a:cxn>
                  <a:cxn ang="0">
                    <a:pos x="1837" y="538"/>
                  </a:cxn>
                  <a:cxn ang="0">
                    <a:pos x="2065" y="415"/>
                  </a:cxn>
                  <a:cxn ang="0">
                    <a:pos x="2109" y="415"/>
                  </a:cxn>
                  <a:cxn ang="0">
                    <a:pos x="2198" y="452"/>
                  </a:cxn>
                  <a:cxn ang="0">
                    <a:pos x="2354" y="544"/>
                  </a:cxn>
                  <a:cxn ang="0">
                    <a:pos x="2434" y="640"/>
                  </a:cxn>
                </a:cxnLst>
                <a:rect l="0" t="0" r="r" b="b"/>
                <a:pathLst>
                  <a:path w="2701" h="3602">
                    <a:moveTo>
                      <a:pt x="2549" y="625"/>
                    </a:moveTo>
                    <a:lnTo>
                      <a:pt x="2531" y="673"/>
                    </a:lnTo>
                    <a:lnTo>
                      <a:pt x="2518" y="665"/>
                    </a:lnTo>
                    <a:lnTo>
                      <a:pt x="2503" y="659"/>
                    </a:lnTo>
                    <a:lnTo>
                      <a:pt x="2495" y="656"/>
                    </a:lnTo>
                    <a:lnTo>
                      <a:pt x="2488" y="652"/>
                    </a:lnTo>
                    <a:lnTo>
                      <a:pt x="2483" y="647"/>
                    </a:lnTo>
                    <a:lnTo>
                      <a:pt x="2479" y="641"/>
                    </a:lnTo>
                    <a:lnTo>
                      <a:pt x="2477" y="634"/>
                    </a:lnTo>
                    <a:lnTo>
                      <a:pt x="2475" y="628"/>
                    </a:lnTo>
                    <a:lnTo>
                      <a:pt x="2475" y="620"/>
                    </a:lnTo>
                    <a:lnTo>
                      <a:pt x="2478" y="615"/>
                    </a:lnTo>
                    <a:lnTo>
                      <a:pt x="2482" y="610"/>
                    </a:lnTo>
                    <a:lnTo>
                      <a:pt x="2486" y="607"/>
                    </a:lnTo>
                    <a:lnTo>
                      <a:pt x="2491" y="606"/>
                    </a:lnTo>
                    <a:lnTo>
                      <a:pt x="2495" y="605"/>
                    </a:lnTo>
                    <a:lnTo>
                      <a:pt x="2504" y="605"/>
                    </a:lnTo>
                    <a:lnTo>
                      <a:pt x="2515" y="603"/>
                    </a:lnTo>
                    <a:lnTo>
                      <a:pt x="2519" y="601"/>
                    </a:lnTo>
                    <a:lnTo>
                      <a:pt x="2522" y="598"/>
                    </a:lnTo>
                    <a:lnTo>
                      <a:pt x="2522" y="593"/>
                    </a:lnTo>
                    <a:lnTo>
                      <a:pt x="2521" y="589"/>
                    </a:lnTo>
                    <a:lnTo>
                      <a:pt x="2513" y="577"/>
                    </a:lnTo>
                    <a:lnTo>
                      <a:pt x="2503" y="566"/>
                    </a:lnTo>
                    <a:lnTo>
                      <a:pt x="2478" y="542"/>
                    </a:lnTo>
                    <a:lnTo>
                      <a:pt x="2464" y="529"/>
                    </a:lnTo>
                    <a:lnTo>
                      <a:pt x="2458" y="523"/>
                    </a:lnTo>
                    <a:lnTo>
                      <a:pt x="2457" y="518"/>
                    </a:lnTo>
                    <a:lnTo>
                      <a:pt x="2457" y="514"/>
                    </a:lnTo>
                    <a:lnTo>
                      <a:pt x="2460" y="511"/>
                    </a:lnTo>
                    <a:lnTo>
                      <a:pt x="2464" y="511"/>
                    </a:lnTo>
                    <a:lnTo>
                      <a:pt x="2469" y="513"/>
                    </a:lnTo>
                    <a:lnTo>
                      <a:pt x="2474" y="514"/>
                    </a:lnTo>
                    <a:lnTo>
                      <a:pt x="2481" y="518"/>
                    </a:lnTo>
                    <a:lnTo>
                      <a:pt x="2490" y="527"/>
                    </a:lnTo>
                    <a:lnTo>
                      <a:pt x="2503" y="540"/>
                    </a:lnTo>
                    <a:lnTo>
                      <a:pt x="2508" y="546"/>
                    </a:lnTo>
                    <a:lnTo>
                      <a:pt x="2514" y="551"/>
                    </a:lnTo>
                    <a:lnTo>
                      <a:pt x="2519" y="555"/>
                    </a:lnTo>
                    <a:lnTo>
                      <a:pt x="2525" y="558"/>
                    </a:lnTo>
                    <a:lnTo>
                      <a:pt x="2536" y="598"/>
                    </a:lnTo>
                    <a:lnTo>
                      <a:pt x="2543" y="611"/>
                    </a:lnTo>
                    <a:lnTo>
                      <a:pt x="2549" y="625"/>
                    </a:lnTo>
                    <a:close/>
                    <a:moveTo>
                      <a:pt x="2310" y="418"/>
                    </a:moveTo>
                    <a:lnTo>
                      <a:pt x="2307" y="417"/>
                    </a:lnTo>
                    <a:lnTo>
                      <a:pt x="2304" y="413"/>
                    </a:lnTo>
                    <a:lnTo>
                      <a:pt x="2302" y="408"/>
                    </a:lnTo>
                    <a:lnTo>
                      <a:pt x="2300" y="402"/>
                    </a:lnTo>
                    <a:lnTo>
                      <a:pt x="2299" y="388"/>
                    </a:lnTo>
                    <a:lnTo>
                      <a:pt x="2299" y="374"/>
                    </a:lnTo>
                    <a:lnTo>
                      <a:pt x="2300" y="367"/>
                    </a:lnTo>
                    <a:lnTo>
                      <a:pt x="2303" y="362"/>
                    </a:lnTo>
                    <a:lnTo>
                      <a:pt x="2306" y="357"/>
                    </a:lnTo>
                    <a:lnTo>
                      <a:pt x="2311" y="355"/>
                    </a:lnTo>
                    <a:lnTo>
                      <a:pt x="2316" y="353"/>
                    </a:lnTo>
                    <a:lnTo>
                      <a:pt x="2322" y="353"/>
                    </a:lnTo>
                    <a:lnTo>
                      <a:pt x="2330" y="357"/>
                    </a:lnTo>
                    <a:lnTo>
                      <a:pt x="2339" y="364"/>
                    </a:lnTo>
                    <a:lnTo>
                      <a:pt x="2355" y="371"/>
                    </a:lnTo>
                    <a:lnTo>
                      <a:pt x="2368" y="379"/>
                    </a:lnTo>
                    <a:lnTo>
                      <a:pt x="2376" y="395"/>
                    </a:lnTo>
                    <a:lnTo>
                      <a:pt x="2381" y="406"/>
                    </a:lnTo>
                    <a:lnTo>
                      <a:pt x="2383" y="412"/>
                    </a:lnTo>
                    <a:lnTo>
                      <a:pt x="2389" y="417"/>
                    </a:lnTo>
                    <a:lnTo>
                      <a:pt x="2395" y="421"/>
                    </a:lnTo>
                    <a:lnTo>
                      <a:pt x="2405" y="424"/>
                    </a:lnTo>
                    <a:lnTo>
                      <a:pt x="2409" y="424"/>
                    </a:lnTo>
                    <a:lnTo>
                      <a:pt x="2413" y="424"/>
                    </a:lnTo>
                    <a:lnTo>
                      <a:pt x="2417" y="423"/>
                    </a:lnTo>
                    <a:lnTo>
                      <a:pt x="2418" y="422"/>
                    </a:lnTo>
                    <a:lnTo>
                      <a:pt x="2421" y="415"/>
                    </a:lnTo>
                    <a:lnTo>
                      <a:pt x="2421" y="408"/>
                    </a:lnTo>
                    <a:lnTo>
                      <a:pt x="2417" y="390"/>
                    </a:lnTo>
                    <a:lnTo>
                      <a:pt x="2413" y="377"/>
                    </a:lnTo>
                    <a:lnTo>
                      <a:pt x="2412" y="370"/>
                    </a:lnTo>
                    <a:lnTo>
                      <a:pt x="2411" y="365"/>
                    </a:lnTo>
                    <a:lnTo>
                      <a:pt x="2409" y="361"/>
                    </a:lnTo>
                    <a:lnTo>
                      <a:pt x="2407" y="357"/>
                    </a:lnTo>
                    <a:lnTo>
                      <a:pt x="2400" y="352"/>
                    </a:lnTo>
                    <a:lnTo>
                      <a:pt x="2392" y="347"/>
                    </a:lnTo>
                    <a:lnTo>
                      <a:pt x="2374" y="340"/>
                    </a:lnTo>
                    <a:lnTo>
                      <a:pt x="2356" y="333"/>
                    </a:lnTo>
                    <a:lnTo>
                      <a:pt x="2348" y="329"/>
                    </a:lnTo>
                    <a:lnTo>
                      <a:pt x="2338" y="322"/>
                    </a:lnTo>
                    <a:lnTo>
                      <a:pt x="2333" y="318"/>
                    </a:lnTo>
                    <a:lnTo>
                      <a:pt x="2329" y="314"/>
                    </a:lnTo>
                    <a:lnTo>
                      <a:pt x="2326" y="310"/>
                    </a:lnTo>
                    <a:lnTo>
                      <a:pt x="2326" y="308"/>
                    </a:lnTo>
                    <a:lnTo>
                      <a:pt x="2333" y="301"/>
                    </a:lnTo>
                    <a:lnTo>
                      <a:pt x="2347" y="294"/>
                    </a:lnTo>
                    <a:lnTo>
                      <a:pt x="2361" y="287"/>
                    </a:lnTo>
                    <a:lnTo>
                      <a:pt x="2370" y="283"/>
                    </a:lnTo>
                    <a:lnTo>
                      <a:pt x="2374" y="288"/>
                    </a:lnTo>
                    <a:lnTo>
                      <a:pt x="2376" y="294"/>
                    </a:lnTo>
                    <a:lnTo>
                      <a:pt x="2377" y="299"/>
                    </a:lnTo>
                    <a:lnTo>
                      <a:pt x="2378" y="305"/>
                    </a:lnTo>
                    <a:lnTo>
                      <a:pt x="2379" y="310"/>
                    </a:lnTo>
                    <a:lnTo>
                      <a:pt x="2382" y="317"/>
                    </a:lnTo>
                    <a:lnTo>
                      <a:pt x="2387" y="322"/>
                    </a:lnTo>
                    <a:lnTo>
                      <a:pt x="2395" y="326"/>
                    </a:lnTo>
                    <a:lnTo>
                      <a:pt x="2408" y="330"/>
                    </a:lnTo>
                    <a:lnTo>
                      <a:pt x="2422" y="333"/>
                    </a:lnTo>
                    <a:lnTo>
                      <a:pt x="2436" y="335"/>
                    </a:lnTo>
                    <a:lnTo>
                      <a:pt x="2449" y="339"/>
                    </a:lnTo>
                    <a:lnTo>
                      <a:pt x="2452" y="342"/>
                    </a:lnTo>
                    <a:lnTo>
                      <a:pt x="2455" y="345"/>
                    </a:lnTo>
                    <a:lnTo>
                      <a:pt x="2455" y="349"/>
                    </a:lnTo>
                    <a:lnTo>
                      <a:pt x="2455" y="353"/>
                    </a:lnTo>
                    <a:lnTo>
                      <a:pt x="2453" y="362"/>
                    </a:lnTo>
                    <a:lnTo>
                      <a:pt x="2452" y="370"/>
                    </a:lnTo>
                    <a:lnTo>
                      <a:pt x="2451" y="379"/>
                    </a:lnTo>
                    <a:lnTo>
                      <a:pt x="2452" y="387"/>
                    </a:lnTo>
                    <a:lnTo>
                      <a:pt x="2455" y="395"/>
                    </a:lnTo>
                    <a:lnTo>
                      <a:pt x="2457" y="402"/>
                    </a:lnTo>
                    <a:lnTo>
                      <a:pt x="2460" y="409"/>
                    </a:lnTo>
                    <a:lnTo>
                      <a:pt x="2462" y="417"/>
                    </a:lnTo>
                    <a:lnTo>
                      <a:pt x="2465" y="423"/>
                    </a:lnTo>
                    <a:lnTo>
                      <a:pt x="2465" y="432"/>
                    </a:lnTo>
                    <a:lnTo>
                      <a:pt x="2465" y="440"/>
                    </a:lnTo>
                    <a:lnTo>
                      <a:pt x="2462" y="447"/>
                    </a:lnTo>
                    <a:lnTo>
                      <a:pt x="2458" y="450"/>
                    </a:lnTo>
                    <a:lnTo>
                      <a:pt x="2455" y="452"/>
                    </a:lnTo>
                    <a:lnTo>
                      <a:pt x="2449" y="453"/>
                    </a:lnTo>
                    <a:lnTo>
                      <a:pt x="2443" y="452"/>
                    </a:lnTo>
                    <a:lnTo>
                      <a:pt x="2436" y="450"/>
                    </a:lnTo>
                    <a:lnTo>
                      <a:pt x="2430" y="448"/>
                    </a:lnTo>
                    <a:lnTo>
                      <a:pt x="2425" y="445"/>
                    </a:lnTo>
                    <a:lnTo>
                      <a:pt x="2420" y="445"/>
                    </a:lnTo>
                    <a:lnTo>
                      <a:pt x="2414" y="447"/>
                    </a:lnTo>
                    <a:lnTo>
                      <a:pt x="2411" y="448"/>
                    </a:lnTo>
                    <a:lnTo>
                      <a:pt x="2403" y="454"/>
                    </a:lnTo>
                    <a:lnTo>
                      <a:pt x="2396" y="462"/>
                    </a:lnTo>
                    <a:lnTo>
                      <a:pt x="2391" y="469"/>
                    </a:lnTo>
                    <a:lnTo>
                      <a:pt x="2386" y="472"/>
                    </a:lnTo>
                    <a:lnTo>
                      <a:pt x="2378" y="475"/>
                    </a:lnTo>
                    <a:lnTo>
                      <a:pt x="2372" y="478"/>
                    </a:lnTo>
                    <a:lnTo>
                      <a:pt x="2357" y="480"/>
                    </a:lnTo>
                    <a:lnTo>
                      <a:pt x="2342" y="480"/>
                    </a:lnTo>
                    <a:lnTo>
                      <a:pt x="2333" y="479"/>
                    </a:lnTo>
                    <a:lnTo>
                      <a:pt x="2326" y="476"/>
                    </a:lnTo>
                    <a:lnTo>
                      <a:pt x="2321" y="471"/>
                    </a:lnTo>
                    <a:lnTo>
                      <a:pt x="2317" y="466"/>
                    </a:lnTo>
                    <a:lnTo>
                      <a:pt x="2316" y="458"/>
                    </a:lnTo>
                    <a:lnTo>
                      <a:pt x="2315" y="452"/>
                    </a:lnTo>
                    <a:lnTo>
                      <a:pt x="2313" y="444"/>
                    </a:lnTo>
                    <a:lnTo>
                      <a:pt x="2313" y="435"/>
                    </a:lnTo>
                    <a:lnTo>
                      <a:pt x="2310" y="418"/>
                    </a:lnTo>
                    <a:close/>
                    <a:moveTo>
                      <a:pt x="2544" y="750"/>
                    </a:moveTo>
                    <a:lnTo>
                      <a:pt x="2557" y="834"/>
                    </a:lnTo>
                    <a:lnTo>
                      <a:pt x="2566" y="878"/>
                    </a:lnTo>
                    <a:lnTo>
                      <a:pt x="2576" y="925"/>
                    </a:lnTo>
                    <a:lnTo>
                      <a:pt x="2580" y="948"/>
                    </a:lnTo>
                    <a:lnTo>
                      <a:pt x="2583" y="970"/>
                    </a:lnTo>
                    <a:lnTo>
                      <a:pt x="2583" y="982"/>
                    </a:lnTo>
                    <a:lnTo>
                      <a:pt x="2583" y="993"/>
                    </a:lnTo>
                    <a:lnTo>
                      <a:pt x="2582" y="1004"/>
                    </a:lnTo>
                    <a:lnTo>
                      <a:pt x="2579" y="1014"/>
                    </a:lnTo>
                    <a:lnTo>
                      <a:pt x="2572" y="1032"/>
                    </a:lnTo>
                    <a:lnTo>
                      <a:pt x="2565" y="1049"/>
                    </a:lnTo>
                    <a:lnTo>
                      <a:pt x="2554" y="1066"/>
                    </a:lnTo>
                    <a:lnTo>
                      <a:pt x="2543" y="1080"/>
                    </a:lnTo>
                    <a:lnTo>
                      <a:pt x="2513" y="1108"/>
                    </a:lnTo>
                    <a:lnTo>
                      <a:pt x="2497" y="1123"/>
                    </a:lnTo>
                    <a:lnTo>
                      <a:pt x="2497" y="1125"/>
                    </a:lnTo>
                    <a:lnTo>
                      <a:pt x="2497" y="1129"/>
                    </a:lnTo>
                    <a:lnTo>
                      <a:pt x="2500" y="1133"/>
                    </a:lnTo>
                    <a:lnTo>
                      <a:pt x="2503" y="1138"/>
                    </a:lnTo>
                    <a:lnTo>
                      <a:pt x="2515" y="1151"/>
                    </a:lnTo>
                    <a:lnTo>
                      <a:pt x="2535" y="1169"/>
                    </a:lnTo>
                    <a:lnTo>
                      <a:pt x="2569" y="1197"/>
                    </a:lnTo>
                    <a:lnTo>
                      <a:pt x="2606" y="1229"/>
                    </a:lnTo>
                    <a:lnTo>
                      <a:pt x="2615" y="1237"/>
                    </a:lnTo>
                    <a:lnTo>
                      <a:pt x="2622" y="1246"/>
                    </a:lnTo>
                    <a:lnTo>
                      <a:pt x="2628" y="1255"/>
                    </a:lnTo>
                    <a:lnTo>
                      <a:pt x="2632" y="1264"/>
                    </a:lnTo>
                    <a:lnTo>
                      <a:pt x="2636" y="1273"/>
                    </a:lnTo>
                    <a:lnTo>
                      <a:pt x="2636" y="1283"/>
                    </a:lnTo>
                    <a:lnTo>
                      <a:pt x="2635" y="1292"/>
                    </a:lnTo>
                    <a:lnTo>
                      <a:pt x="2631" y="1303"/>
                    </a:lnTo>
                    <a:lnTo>
                      <a:pt x="2622" y="1317"/>
                    </a:lnTo>
                    <a:lnTo>
                      <a:pt x="2611" y="1331"/>
                    </a:lnTo>
                    <a:lnTo>
                      <a:pt x="2607" y="1339"/>
                    </a:lnTo>
                    <a:lnTo>
                      <a:pt x="2606" y="1347"/>
                    </a:lnTo>
                    <a:lnTo>
                      <a:pt x="2606" y="1351"/>
                    </a:lnTo>
                    <a:lnTo>
                      <a:pt x="2606" y="1355"/>
                    </a:lnTo>
                    <a:lnTo>
                      <a:pt x="2607" y="1360"/>
                    </a:lnTo>
                    <a:lnTo>
                      <a:pt x="2610" y="1364"/>
                    </a:lnTo>
                    <a:lnTo>
                      <a:pt x="2622" y="1384"/>
                    </a:lnTo>
                    <a:lnTo>
                      <a:pt x="2627" y="1399"/>
                    </a:lnTo>
                    <a:lnTo>
                      <a:pt x="2628" y="1406"/>
                    </a:lnTo>
                    <a:lnTo>
                      <a:pt x="2628" y="1415"/>
                    </a:lnTo>
                    <a:lnTo>
                      <a:pt x="2627" y="1427"/>
                    </a:lnTo>
                    <a:lnTo>
                      <a:pt x="2624" y="1444"/>
                    </a:lnTo>
                    <a:lnTo>
                      <a:pt x="2626" y="1462"/>
                    </a:lnTo>
                    <a:lnTo>
                      <a:pt x="2629" y="1479"/>
                    </a:lnTo>
                    <a:lnTo>
                      <a:pt x="2633" y="1497"/>
                    </a:lnTo>
                    <a:lnTo>
                      <a:pt x="2637" y="1515"/>
                    </a:lnTo>
                    <a:lnTo>
                      <a:pt x="2637" y="1533"/>
                    </a:lnTo>
                    <a:lnTo>
                      <a:pt x="2637" y="1551"/>
                    </a:lnTo>
                    <a:lnTo>
                      <a:pt x="2635" y="1568"/>
                    </a:lnTo>
                    <a:lnTo>
                      <a:pt x="2633" y="1585"/>
                    </a:lnTo>
                    <a:lnTo>
                      <a:pt x="2633" y="1603"/>
                    </a:lnTo>
                    <a:lnTo>
                      <a:pt x="2633" y="1620"/>
                    </a:lnTo>
                    <a:lnTo>
                      <a:pt x="2635" y="1629"/>
                    </a:lnTo>
                    <a:lnTo>
                      <a:pt x="2636" y="1638"/>
                    </a:lnTo>
                    <a:lnTo>
                      <a:pt x="2639" y="1647"/>
                    </a:lnTo>
                    <a:lnTo>
                      <a:pt x="2642" y="1658"/>
                    </a:lnTo>
                    <a:lnTo>
                      <a:pt x="2654" y="1684"/>
                    </a:lnTo>
                    <a:lnTo>
                      <a:pt x="2666" y="1711"/>
                    </a:lnTo>
                    <a:lnTo>
                      <a:pt x="2679" y="1738"/>
                    </a:lnTo>
                    <a:lnTo>
                      <a:pt x="2689" y="1764"/>
                    </a:lnTo>
                    <a:lnTo>
                      <a:pt x="2693" y="1778"/>
                    </a:lnTo>
                    <a:lnTo>
                      <a:pt x="2697" y="1792"/>
                    </a:lnTo>
                    <a:lnTo>
                      <a:pt x="2699" y="1805"/>
                    </a:lnTo>
                    <a:lnTo>
                      <a:pt x="2701" y="1820"/>
                    </a:lnTo>
                    <a:lnTo>
                      <a:pt x="2701" y="1835"/>
                    </a:lnTo>
                    <a:lnTo>
                      <a:pt x="2699" y="1849"/>
                    </a:lnTo>
                    <a:lnTo>
                      <a:pt x="2697" y="1865"/>
                    </a:lnTo>
                    <a:lnTo>
                      <a:pt x="2693" y="1881"/>
                    </a:lnTo>
                    <a:lnTo>
                      <a:pt x="2689" y="1892"/>
                    </a:lnTo>
                    <a:lnTo>
                      <a:pt x="2684" y="1903"/>
                    </a:lnTo>
                    <a:lnTo>
                      <a:pt x="2677" y="1913"/>
                    </a:lnTo>
                    <a:lnTo>
                      <a:pt x="2671" y="1922"/>
                    </a:lnTo>
                    <a:lnTo>
                      <a:pt x="2655" y="1941"/>
                    </a:lnTo>
                    <a:lnTo>
                      <a:pt x="2639" y="1961"/>
                    </a:lnTo>
                    <a:lnTo>
                      <a:pt x="2623" y="1979"/>
                    </a:lnTo>
                    <a:lnTo>
                      <a:pt x="2607" y="1998"/>
                    </a:lnTo>
                    <a:lnTo>
                      <a:pt x="2601" y="2009"/>
                    </a:lnTo>
                    <a:lnTo>
                      <a:pt x="2595" y="2019"/>
                    </a:lnTo>
                    <a:lnTo>
                      <a:pt x="2589" y="2030"/>
                    </a:lnTo>
                    <a:lnTo>
                      <a:pt x="2584" y="2041"/>
                    </a:lnTo>
                    <a:lnTo>
                      <a:pt x="2549" y="2017"/>
                    </a:lnTo>
                    <a:lnTo>
                      <a:pt x="2544" y="2004"/>
                    </a:lnTo>
                    <a:lnTo>
                      <a:pt x="2539" y="1993"/>
                    </a:lnTo>
                    <a:lnTo>
                      <a:pt x="2536" y="1989"/>
                    </a:lnTo>
                    <a:lnTo>
                      <a:pt x="2534" y="1987"/>
                    </a:lnTo>
                    <a:lnTo>
                      <a:pt x="2530" y="1984"/>
                    </a:lnTo>
                    <a:lnTo>
                      <a:pt x="2526" y="1983"/>
                    </a:lnTo>
                    <a:lnTo>
                      <a:pt x="2519" y="1982"/>
                    </a:lnTo>
                    <a:lnTo>
                      <a:pt x="2512" y="1983"/>
                    </a:lnTo>
                    <a:lnTo>
                      <a:pt x="2503" y="1985"/>
                    </a:lnTo>
                    <a:lnTo>
                      <a:pt x="2493" y="1991"/>
                    </a:lnTo>
                    <a:lnTo>
                      <a:pt x="2475" y="2002"/>
                    </a:lnTo>
                    <a:lnTo>
                      <a:pt x="2457" y="2014"/>
                    </a:lnTo>
                    <a:lnTo>
                      <a:pt x="2448" y="2020"/>
                    </a:lnTo>
                    <a:lnTo>
                      <a:pt x="2439" y="2024"/>
                    </a:lnTo>
                    <a:lnTo>
                      <a:pt x="2430" y="2028"/>
                    </a:lnTo>
                    <a:lnTo>
                      <a:pt x="2421" y="2030"/>
                    </a:lnTo>
                    <a:lnTo>
                      <a:pt x="2408" y="2031"/>
                    </a:lnTo>
                    <a:lnTo>
                      <a:pt x="2396" y="2032"/>
                    </a:lnTo>
                    <a:lnTo>
                      <a:pt x="2385" y="2036"/>
                    </a:lnTo>
                    <a:lnTo>
                      <a:pt x="2373" y="2039"/>
                    </a:lnTo>
                    <a:lnTo>
                      <a:pt x="2352" y="2048"/>
                    </a:lnTo>
                    <a:lnTo>
                      <a:pt x="2332" y="2058"/>
                    </a:lnTo>
                    <a:lnTo>
                      <a:pt x="2312" y="2068"/>
                    </a:lnTo>
                    <a:lnTo>
                      <a:pt x="2291" y="2079"/>
                    </a:lnTo>
                    <a:lnTo>
                      <a:pt x="2269" y="2088"/>
                    </a:lnTo>
                    <a:lnTo>
                      <a:pt x="2246" y="2096"/>
                    </a:lnTo>
                    <a:lnTo>
                      <a:pt x="2225" y="2102"/>
                    </a:lnTo>
                    <a:lnTo>
                      <a:pt x="2205" y="2109"/>
                    </a:lnTo>
                    <a:lnTo>
                      <a:pt x="2185" y="2116"/>
                    </a:lnTo>
                    <a:lnTo>
                      <a:pt x="2167" y="2127"/>
                    </a:lnTo>
                    <a:lnTo>
                      <a:pt x="2149" y="2136"/>
                    </a:lnTo>
                    <a:lnTo>
                      <a:pt x="2131" y="2147"/>
                    </a:lnTo>
                    <a:lnTo>
                      <a:pt x="2113" y="2159"/>
                    </a:lnTo>
                    <a:lnTo>
                      <a:pt x="2094" y="2171"/>
                    </a:lnTo>
                    <a:lnTo>
                      <a:pt x="2083" y="2178"/>
                    </a:lnTo>
                    <a:lnTo>
                      <a:pt x="2071" y="2184"/>
                    </a:lnTo>
                    <a:lnTo>
                      <a:pt x="2058" y="2188"/>
                    </a:lnTo>
                    <a:lnTo>
                      <a:pt x="2045" y="2191"/>
                    </a:lnTo>
                    <a:lnTo>
                      <a:pt x="2018" y="2197"/>
                    </a:lnTo>
                    <a:lnTo>
                      <a:pt x="1991" y="2202"/>
                    </a:lnTo>
                    <a:lnTo>
                      <a:pt x="1977" y="2206"/>
                    </a:lnTo>
                    <a:lnTo>
                      <a:pt x="1964" y="2210"/>
                    </a:lnTo>
                    <a:lnTo>
                      <a:pt x="1952" y="2213"/>
                    </a:lnTo>
                    <a:lnTo>
                      <a:pt x="1940" y="2220"/>
                    </a:lnTo>
                    <a:lnTo>
                      <a:pt x="1930" y="2228"/>
                    </a:lnTo>
                    <a:lnTo>
                      <a:pt x="1920" y="2235"/>
                    </a:lnTo>
                    <a:lnTo>
                      <a:pt x="1912" y="2247"/>
                    </a:lnTo>
                    <a:lnTo>
                      <a:pt x="1905" y="2260"/>
                    </a:lnTo>
                    <a:lnTo>
                      <a:pt x="1901" y="2268"/>
                    </a:lnTo>
                    <a:lnTo>
                      <a:pt x="1896" y="2274"/>
                    </a:lnTo>
                    <a:lnTo>
                      <a:pt x="1892" y="2278"/>
                    </a:lnTo>
                    <a:lnTo>
                      <a:pt x="1887" y="2282"/>
                    </a:lnTo>
                    <a:lnTo>
                      <a:pt x="1877" y="2287"/>
                    </a:lnTo>
                    <a:lnTo>
                      <a:pt x="1866" y="2290"/>
                    </a:lnTo>
                    <a:lnTo>
                      <a:pt x="1857" y="2292"/>
                    </a:lnTo>
                    <a:lnTo>
                      <a:pt x="1848" y="2295"/>
                    </a:lnTo>
                    <a:lnTo>
                      <a:pt x="1846" y="2298"/>
                    </a:lnTo>
                    <a:lnTo>
                      <a:pt x="1842" y="2302"/>
                    </a:lnTo>
                    <a:lnTo>
                      <a:pt x="1841" y="2305"/>
                    </a:lnTo>
                    <a:lnTo>
                      <a:pt x="1839" y="2311"/>
                    </a:lnTo>
                    <a:lnTo>
                      <a:pt x="1848" y="2327"/>
                    </a:lnTo>
                    <a:lnTo>
                      <a:pt x="1859" y="2340"/>
                    </a:lnTo>
                    <a:lnTo>
                      <a:pt x="1869" y="2353"/>
                    </a:lnTo>
                    <a:lnTo>
                      <a:pt x="1879" y="2365"/>
                    </a:lnTo>
                    <a:lnTo>
                      <a:pt x="1883" y="2371"/>
                    </a:lnTo>
                    <a:lnTo>
                      <a:pt x="1887" y="2378"/>
                    </a:lnTo>
                    <a:lnTo>
                      <a:pt x="1890" y="2384"/>
                    </a:lnTo>
                    <a:lnTo>
                      <a:pt x="1892" y="2392"/>
                    </a:lnTo>
                    <a:lnTo>
                      <a:pt x="1895" y="2401"/>
                    </a:lnTo>
                    <a:lnTo>
                      <a:pt x="1895" y="2409"/>
                    </a:lnTo>
                    <a:lnTo>
                      <a:pt x="1895" y="2419"/>
                    </a:lnTo>
                    <a:lnTo>
                      <a:pt x="1894" y="2431"/>
                    </a:lnTo>
                    <a:lnTo>
                      <a:pt x="1891" y="2454"/>
                    </a:lnTo>
                    <a:lnTo>
                      <a:pt x="1888" y="2474"/>
                    </a:lnTo>
                    <a:lnTo>
                      <a:pt x="1887" y="2491"/>
                    </a:lnTo>
                    <a:lnTo>
                      <a:pt x="1888" y="2505"/>
                    </a:lnTo>
                    <a:lnTo>
                      <a:pt x="1891" y="2513"/>
                    </a:lnTo>
                    <a:lnTo>
                      <a:pt x="1894" y="2519"/>
                    </a:lnTo>
                    <a:lnTo>
                      <a:pt x="1896" y="2526"/>
                    </a:lnTo>
                    <a:lnTo>
                      <a:pt x="1901" y="2533"/>
                    </a:lnTo>
                    <a:lnTo>
                      <a:pt x="1914" y="2548"/>
                    </a:lnTo>
                    <a:lnTo>
                      <a:pt x="1933" y="2565"/>
                    </a:lnTo>
                    <a:lnTo>
                      <a:pt x="1956" y="2585"/>
                    </a:lnTo>
                    <a:lnTo>
                      <a:pt x="1983" y="2611"/>
                    </a:lnTo>
                    <a:lnTo>
                      <a:pt x="2012" y="2640"/>
                    </a:lnTo>
                    <a:lnTo>
                      <a:pt x="2040" y="2669"/>
                    </a:lnTo>
                    <a:lnTo>
                      <a:pt x="2053" y="2686"/>
                    </a:lnTo>
                    <a:lnTo>
                      <a:pt x="2066" y="2702"/>
                    </a:lnTo>
                    <a:lnTo>
                      <a:pt x="2079" y="2717"/>
                    </a:lnTo>
                    <a:lnTo>
                      <a:pt x="2089" y="2734"/>
                    </a:lnTo>
                    <a:lnTo>
                      <a:pt x="2100" y="2750"/>
                    </a:lnTo>
                    <a:lnTo>
                      <a:pt x="2107" y="2764"/>
                    </a:lnTo>
                    <a:lnTo>
                      <a:pt x="2115" y="2780"/>
                    </a:lnTo>
                    <a:lnTo>
                      <a:pt x="2119" y="2794"/>
                    </a:lnTo>
                    <a:lnTo>
                      <a:pt x="2127" y="2820"/>
                    </a:lnTo>
                    <a:lnTo>
                      <a:pt x="2133" y="2839"/>
                    </a:lnTo>
                    <a:lnTo>
                      <a:pt x="2141" y="2855"/>
                    </a:lnTo>
                    <a:lnTo>
                      <a:pt x="2150" y="2868"/>
                    </a:lnTo>
                    <a:lnTo>
                      <a:pt x="2161" y="2879"/>
                    </a:lnTo>
                    <a:lnTo>
                      <a:pt x="2173" y="2890"/>
                    </a:lnTo>
                    <a:lnTo>
                      <a:pt x="2192" y="2901"/>
                    </a:lnTo>
                    <a:lnTo>
                      <a:pt x="2212" y="2916"/>
                    </a:lnTo>
                    <a:lnTo>
                      <a:pt x="2214" y="2919"/>
                    </a:lnTo>
                    <a:lnTo>
                      <a:pt x="2215" y="2925"/>
                    </a:lnTo>
                    <a:lnTo>
                      <a:pt x="2256" y="3014"/>
                    </a:lnTo>
                    <a:lnTo>
                      <a:pt x="2247" y="3026"/>
                    </a:lnTo>
                    <a:lnTo>
                      <a:pt x="2240" y="3037"/>
                    </a:lnTo>
                    <a:lnTo>
                      <a:pt x="2236" y="3048"/>
                    </a:lnTo>
                    <a:lnTo>
                      <a:pt x="2232" y="3059"/>
                    </a:lnTo>
                    <a:lnTo>
                      <a:pt x="2230" y="3079"/>
                    </a:lnTo>
                    <a:lnTo>
                      <a:pt x="2230" y="3097"/>
                    </a:lnTo>
                    <a:lnTo>
                      <a:pt x="2229" y="3105"/>
                    </a:lnTo>
                    <a:lnTo>
                      <a:pt x="2227" y="3112"/>
                    </a:lnTo>
                    <a:lnTo>
                      <a:pt x="2223" y="3118"/>
                    </a:lnTo>
                    <a:lnTo>
                      <a:pt x="2216" y="3123"/>
                    </a:lnTo>
                    <a:lnTo>
                      <a:pt x="2208" y="3128"/>
                    </a:lnTo>
                    <a:lnTo>
                      <a:pt x="2195" y="3131"/>
                    </a:lnTo>
                    <a:lnTo>
                      <a:pt x="2180" y="3133"/>
                    </a:lnTo>
                    <a:lnTo>
                      <a:pt x="2159" y="3133"/>
                    </a:lnTo>
                    <a:lnTo>
                      <a:pt x="2151" y="3133"/>
                    </a:lnTo>
                    <a:lnTo>
                      <a:pt x="2146" y="3134"/>
                    </a:lnTo>
                    <a:lnTo>
                      <a:pt x="2140" y="3136"/>
                    </a:lnTo>
                    <a:lnTo>
                      <a:pt x="2135" y="3138"/>
                    </a:lnTo>
                    <a:lnTo>
                      <a:pt x="2127" y="3144"/>
                    </a:lnTo>
                    <a:lnTo>
                      <a:pt x="2119" y="3151"/>
                    </a:lnTo>
                    <a:lnTo>
                      <a:pt x="2114" y="3160"/>
                    </a:lnTo>
                    <a:lnTo>
                      <a:pt x="2110" y="3171"/>
                    </a:lnTo>
                    <a:lnTo>
                      <a:pt x="2106" y="3182"/>
                    </a:lnTo>
                    <a:lnTo>
                      <a:pt x="2102" y="3194"/>
                    </a:lnTo>
                    <a:lnTo>
                      <a:pt x="2098" y="3206"/>
                    </a:lnTo>
                    <a:lnTo>
                      <a:pt x="2094" y="3217"/>
                    </a:lnTo>
                    <a:lnTo>
                      <a:pt x="2089" y="3229"/>
                    </a:lnTo>
                    <a:lnTo>
                      <a:pt x="2083" y="3239"/>
                    </a:lnTo>
                    <a:lnTo>
                      <a:pt x="2075" y="3248"/>
                    </a:lnTo>
                    <a:lnTo>
                      <a:pt x="2065" y="3256"/>
                    </a:lnTo>
                    <a:lnTo>
                      <a:pt x="2059" y="3260"/>
                    </a:lnTo>
                    <a:lnTo>
                      <a:pt x="2053" y="3263"/>
                    </a:lnTo>
                    <a:lnTo>
                      <a:pt x="2045" y="3265"/>
                    </a:lnTo>
                    <a:lnTo>
                      <a:pt x="2037" y="3268"/>
                    </a:lnTo>
                    <a:lnTo>
                      <a:pt x="2017" y="3271"/>
                    </a:lnTo>
                    <a:lnTo>
                      <a:pt x="1996" y="3271"/>
                    </a:lnTo>
                    <a:lnTo>
                      <a:pt x="1974" y="3271"/>
                    </a:lnTo>
                    <a:lnTo>
                      <a:pt x="1953" y="3268"/>
                    </a:lnTo>
                    <a:lnTo>
                      <a:pt x="1931" y="3267"/>
                    </a:lnTo>
                    <a:lnTo>
                      <a:pt x="1910" y="3267"/>
                    </a:lnTo>
                    <a:lnTo>
                      <a:pt x="1891" y="3268"/>
                    </a:lnTo>
                    <a:lnTo>
                      <a:pt x="1873" y="3271"/>
                    </a:lnTo>
                    <a:lnTo>
                      <a:pt x="1872" y="3277"/>
                    </a:lnTo>
                    <a:lnTo>
                      <a:pt x="1872" y="3285"/>
                    </a:lnTo>
                    <a:lnTo>
                      <a:pt x="1873" y="3293"/>
                    </a:lnTo>
                    <a:lnTo>
                      <a:pt x="1874" y="3302"/>
                    </a:lnTo>
                    <a:lnTo>
                      <a:pt x="1879" y="3322"/>
                    </a:lnTo>
                    <a:lnTo>
                      <a:pt x="1887" y="3344"/>
                    </a:lnTo>
                    <a:lnTo>
                      <a:pt x="1907" y="3396"/>
                    </a:lnTo>
                    <a:lnTo>
                      <a:pt x="1927" y="3449"/>
                    </a:lnTo>
                    <a:lnTo>
                      <a:pt x="1936" y="3474"/>
                    </a:lnTo>
                    <a:lnTo>
                      <a:pt x="1943" y="3497"/>
                    </a:lnTo>
                    <a:lnTo>
                      <a:pt x="1945" y="3509"/>
                    </a:lnTo>
                    <a:lnTo>
                      <a:pt x="1947" y="3519"/>
                    </a:lnTo>
                    <a:lnTo>
                      <a:pt x="1948" y="3528"/>
                    </a:lnTo>
                    <a:lnTo>
                      <a:pt x="1948" y="3536"/>
                    </a:lnTo>
                    <a:lnTo>
                      <a:pt x="1945" y="3544"/>
                    </a:lnTo>
                    <a:lnTo>
                      <a:pt x="1943" y="3550"/>
                    </a:lnTo>
                    <a:lnTo>
                      <a:pt x="1939" y="3557"/>
                    </a:lnTo>
                    <a:lnTo>
                      <a:pt x="1934" y="3561"/>
                    </a:lnTo>
                    <a:lnTo>
                      <a:pt x="1927" y="3563"/>
                    </a:lnTo>
                    <a:lnTo>
                      <a:pt x="1920" y="3565"/>
                    </a:lnTo>
                    <a:lnTo>
                      <a:pt x="1909" y="3565"/>
                    </a:lnTo>
                    <a:lnTo>
                      <a:pt x="1898" y="3563"/>
                    </a:lnTo>
                    <a:lnTo>
                      <a:pt x="1888" y="3557"/>
                    </a:lnTo>
                    <a:lnTo>
                      <a:pt x="1879" y="3549"/>
                    </a:lnTo>
                    <a:lnTo>
                      <a:pt x="1873" y="3541"/>
                    </a:lnTo>
                    <a:lnTo>
                      <a:pt x="1865" y="3532"/>
                    </a:lnTo>
                    <a:lnTo>
                      <a:pt x="1859" y="3524"/>
                    </a:lnTo>
                    <a:lnTo>
                      <a:pt x="1851" y="3517"/>
                    </a:lnTo>
                    <a:lnTo>
                      <a:pt x="1842" y="3509"/>
                    </a:lnTo>
                    <a:lnTo>
                      <a:pt x="1833" y="3505"/>
                    </a:lnTo>
                    <a:lnTo>
                      <a:pt x="1816" y="3499"/>
                    </a:lnTo>
                    <a:lnTo>
                      <a:pt x="1800" y="3493"/>
                    </a:lnTo>
                    <a:lnTo>
                      <a:pt x="1786" y="3491"/>
                    </a:lnTo>
                    <a:lnTo>
                      <a:pt x="1768" y="3489"/>
                    </a:lnTo>
                    <a:lnTo>
                      <a:pt x="1763" y="3488"/>
                    </a:lnTo>
                    <a:lnTo>
                      <a:pt x="1756" y="3487"/>
                    </a:lnTo>
                    <a:lnTo>
                      <a:pt x="1751" y="3484"/>
                    </a:lnTo>
                    <a:lnTo>
                      <a:pt x="1746" y="3480"/>
                    </a:lnTo>
                    <a:lnTo>
                      <a:pt x="1736" y="3474"/>
                    </a:lnTo>
                    <a:lnTo>
                      <a:pt x="1727" y="3467"/>
                    </a:lnTo>
                    <a:lnTo>
                      <a:pt x="1721" y="3465"/>
                    </a:lnTo>
                    <a:lnTo>
                      <a:pt x="1716" y="3464"/>
                    </a:lnTo>
                    <a:lnTo>
                      <a:pt x="1711" y="3464"/>
                    </a:lnTo>
                    <a:lnTo>
                      <a:pt x="1706" y="3465"/>
                    </a:lnTo>
                    <a:lnTo>
                      <a:pt x="1695" y="3470"/>
                    </a:lnTo>
                    <a:lnTo>
                      <a:pt x="1688" y="3476"/>
                    </a:lnTo>
                    <a:lnTo>
                      <a:pt x="1680" y="3483"/>
                    </a:lnTo>
                    <a:lnTo>
                      <a:pt x="1675" y="3491"/>
                    </a:lnTo>
                    <a:lnTo>
                      <a:pt x="1668" y="3499"/>
                    </a:lnTo>
                    <a:lnTo>
                      <a:pt x="1663" y="3506"/>
                    </a:lnTo>
                    <a:lnTo>
                      <a:pt x="1653" y="3523"/>
                    </a:lnTo>
                    <a:lnTo>
                      <a:pt x="1640" y="3537"/>
                    </a:lnTo>
                    <a:lnTo>
                      <a:pt x="1627" y="3544"/>
                    </a:lnTo>
                    <a:lnTo>
                      <a:pt x="1614" y="3548"/>
                    </a:lnTo>
                    <a:lnTo>
                      <a:pt x="1601" y="3552"/>
                    </a:lnTo>
                    <a:lnTo>
                      <a:pt x="1587" y="3553"/>
                    </a:lnTo>
                    <a:lnTo>
                      <a:pt x="1561" y="3553"/>
                    </a:lnTo>
                    <a:lnTo>
                      <a:pt x="1533" y="3552"/>
                    </a:lnTo>
                    <a:lnTo>
                      <a:pt x="1506" y="3549"/>
                    </a:lnTo>
                    <a:lnTo>
                      <a:pt x="1480" y="3548"/>
                    </a:lnTo>
                    <a:lnTo>
                      <a:pt x="1466" y="3548"/>
                    </a:lnTo>
                    <a:lnTo>
                      <a:pt x="1453" y="3548"/>
                    </a:lnTo>
                    <a:lnTo>
                      <a:pt x="1440" y="3550"/>
                    </a:lnTo>
                    <a:lnTo>
                      <a:pt x="1427" y="3554"/>
                    </a:lnTo>
                    <a:lnTo>
                      <a:pt x="1401" y="3561"/>
                    </a:lnTo>
                    <a:lnTo>
                      <a:pt x="1377" y="3567"/>
                    </a:lnTo>
                    <a:lnTo>
                      <a:pt x="1364" y="3568"/>
                    </a:lnTo>
                    <a:lnTo>
                      <a:pt x="1351" y="3571"/>
                    </a:lnTo>
                    <a:lnTo>
                      <a:pt x="1339" y="3571"/>
                    </a:lnTo>
                    <a:lnTo>
                      <a:pt x="1326" y="3572"/>
                    </a:lnTo>
                    <a:lnTo>
                      <a:pt x="1315" y="3571"/>
                    </a:lnTo>
                    <a:lnTo>
                      <a:pt x="1303" y="3568"/>
                    </a:lnTo>
                    <a:lnTo>
                      <a:pt x="1291" y="3566"/>
                    </a:lnTo>
                    <a:lnTo>
                      <a:pt x="1280" y="3561"/>
                    </a:lnTo>
                    <a:lnTo>
                      <a:pt x="1269" y="3554"/>
                    </a:lnTo>
                    <a:lnTo>
                      <a:pt x="1259" y="3546"/>
                    </a:lnTo>
                    <a:lnTo>
                      <a:pt x="1250" y="3537"/>
                    </a:lnTo>
                    <a:lnTo>
                      <a:pt x="1241" y="3526"/>
                    </a:lnTo>
                    <a:lnTo>
                      <a:pt x="1236" y="3518"/>
                    </a:lnTo>
                    <a:lnTo>
                      <a:pt x="1229" y="3510"/>
                    </a:lnTo>
                    <a:lnTo>
                      <a:pt x="1221" y="3502"/>
                    </a:lnTo>
                    <a:lnTo>
                      <a:pt x="1214" y="3496"/>
                    </a:lnTo>
                    <a:lnTo>
                      <a:pt x="1204" y="3491"/>
                    </a:lnTo>
                    <a:lnTo>
                      <a:pt x="1195" y="3488"/>
                    </a:lnTo>
                    <a:lnTo>
                      <a:pt x="1190" y="3487"/>
                    </a:lnTo>
                    <a:lnTo>
                      <a:pt x="1185" y="3487"/>
                    </a:lnTo>
                    <a:lnTo>
                      <a:pt x="1180" y="3487"/>
                    </a:lnTo>
                    <a:lnTo>
                      <a:pt x="1175" y="3488"/>
                    </a:lnTo>
                    <a:lnTo>
                      <a:pt x="1168" y="3491"/>
                    </a:lnTo>
                    <a:lnTo>
                      <a:pt x="1163" y="3495"/>
                    </a:lnTo>
                    <a:lnTo>
                      <a:pt x="1159" y="3500"/>
                    </a:lnTo>
                    <a:lnTo>
                      <a:pt x="1157" y="3508"/>
                    </a:lnTo>
                    <a:lnTo>
                      <a:pt x="1153" y="3523"/>
                    </a:lnTo>
                    <a:lnTo>
                      <a:pt x="1150" y="3540"/>
                    </a:lnTo>
                    <a:lnTo>
                      <a:pt x="1149" y="3558"/>
                    </a:lnTo>
                    <a:lnTo>
                      <a:pt x="1146" y="3575"/>
                    </a:lnTo>
                    <a:lnTo>
                      <a:pt x="1145" y="3581"/>
                    </a:lnTo>
                    <a:lnTo>
                      <a:pt x="1142" y="3588"/>
                    </a:lnTo>
                    <a:lnTo>
                      <a:pt x="1138" y="3593"/>
                    </a:lnTo>
                    <a:lnTo>
                      <a:pt x="1134" y="3597"/>
                    </a:lnTo>
                    <a:lnTo>
                      <a:pt x="1127" y="3601"/>
                    </a:lnTo>
                    <a:lnTo>
                      <a:pt x="1119" y="3602"/>
                    </a:lnTo>
                    <a:lnTo>
                      <a:pt x="1110" y="3602"/>
                    </a:lnTo>
                    <a:lnTo>
                      <a:pt x="1102" y="3601"/>
                    </a:lnTo>
                    <a:lnTo>
                      <a:pt x="1094" y="3598"/>
                    </a:lnTo>
                    <a:lnTo>
                      <a:pt x="1085" y="3596"/>
                    </a:lnTo>
                    <a:lnTo>
                      <a:pt x="1077" y="3590"/>
                    </a:lnTo>
                    <a:lnTo>
                      <a:pt x="1070" y="3585"/>
                    </a:lnTo>
                    <a:lnTo>
                      <a:pt x="1039" y="3563"/>
                    </a:lnTo>
                    <a:lnTo>
                      <a:pt x="1013" y="3544"/>
                    </a:lnTo>
                    <a:lnTo>
                      <a:pt x="997" y="3532"/>
                    </a:lnTo>
                    <a:lnTo>
                      <a:pt x="976" y="3513"/>
                    </a:lnTo>
                    <a:lnTo>
                      <a:pt x="956" y="3493"/>
                    </a:lnTo>
                    <a:lnTo>
                      <a:pt x="941" y="3478"/>
                    </a:lnTo>
                    <a:lnTo>
                      <a:pt x="886" y="3488"/>
                    </a:lnTo>
                    <a:lnTo>
                      <a:pt x="878" y="3449"/>
                    </a:lnTo>
                    <a:lnTo>
                      <a:pt x="800" y="3374"/>
                    </a:lnTo>
                    <a:lnTo>
                      <a:pt x="787" y="3364"/>
                    </a:lnTo>
                    <a:lnTo>
                      <a:pt x="774" y="3356"/>
                    </a:lnTo>
                    <a:lnTo>
                      <a:pt x="760" y="3350"/>
                    </a:lnTo>
                    <a:lnTo>
                      <a:pt x="745" y="3344"/>
                    </a:lnTo>
                    <a:lnTo>
                      <a:pt x="729" y="3339"/>
                    </a:lnTo>
                    <a:lnTo>
                      <a:pt x="713" y="3335"/>
                    </a:lnTo>
                    <a:lnTo>
                      <a:pt x="699" y="3329"/>
                    </a:lnTo>
                    <a:lnTo>
                      <a:pt x="684" y="3322"/>
                    </a:lnTo>
                    <a:lnTo>
                      <a:pt x="664" y="3308"/>
                    </a:lnTo>
                    <a:lnTo>
                      <a:pt x="646" y="3293"/>
                    </a:lnTo>
                    <a:lnTo>
                      <a:pt x="636" y="3285"/>
                    </a:lnTo>
                    <a:lnTo>
                      <a:pt x="625" y="3278"/>
                    </a:lnTo>
                    <a:lnTo>
                      <a:pt x="619" y="3277"/>
                    </a:lnTo>
                    <a:lnTo>
                      <a:pt x="614" y="3274"/>
                    </a:lnTo>
                    <a:lnTo>
                      <a:pt x="607" y="3274"/>
                    </a:lnTo>
                    <a:lnTo>
                      <a:pt x="601" y="3273"/>
                    </a:lnTo>
                    <a:lnTo>
                      <a:pt x="590" y="3274"/>
                    </a:lnTo>
                    <a:lnTo>
                      <a:pt x="581" y="3277"/>
                    </a:lnTo>
                    <a:lnTo>
                      <a:pt x="575" y="3281"/>
                    </a:lnTo>
                    <a:lnTo>
                      <a:pt x="570" y="3286"/>
                    </a:lnTo>
                    <a:lnTo>
                      <a:pt x="566" y="3293"/>
                    </a:lnTo>
                    <a:lnTo>
                      <a:pt x="563" y="3299"/>
                    </a:lnTo>
                    <a:lnTo>
                      <a:pt x="562" y="3307"/>
                    </a:lnTo>
                    <a:lnTo>
                      <a:pt x="562" y="3316"/>
                    </a:lnTo>
                    <a:lnTo>
                      <a:pt x="566" y="3352"/>
                    </a:lnTo>
                    <a:lnTo>
                      <a:pt x="568" y="3385"/>
                    </a:lnTo>
                    <a:lnTo>
                      <a:pt x="564" y="3390"/>
                    </a:lnTo>
                    <a:lnTo>
                      <a:pt x="562" y="3395"/>
                    </a:lnTo>
                    <a:lnTo>
                      <a:pt x="557" y="3400"/>
                    </a:lnTo>
                    <a:lnTo>
                      <a:pt x="552" y="3405"/>
                    </a:lnTo>
                    <a:lnTo>
                      <a:pt x="545" y="3409"/>
                    </a:lnTo>
                    <a:lnTo>
                      <a:pt x="537" y="3412"/>
                    </a:lnTo>
                    <a:lnTo>
                      <a:pt x="529" y="3412"/>
                    </a:lnTo>
                    <a:lnTo>
                      <a:pt x="520" y="3410"/>
                    </a:lnTo>
                    <a:lnTo>
                      <a:pt x="513" y="3407"/>
                    </a:lnTo>
                    <a:lnTo>
                      <a:pt x="504" y="3403"/>
                    </a:lnTo>
                    <a:lnTo>
                      <a:pt x="495" y="3399"/>
                    </a:lnTo>
                    <a:lnTo>
                      <a:pt x="485" y="3392"/>
                    </a:lnTo>
                    <a:lnTo>
                      <a:pt x="469" y="3382"/>
                    </a:lnTo>
                    <a:lnTo>
                      <a:pt x="452" y="3370"/>
                    </a:lnTo>
                    <a:lnTo>
                      <a:pt x="443" y="3366"/>
                    </a:lnTo>
                    <a:lnTo>
                      <a:pt x="435" y="3362"/>
                    </a:lnTo>
                    <a:lnTo>
                      <a:pt x="428" y="3360"/>
                    </a:lnTo>
                    <a:lnTo>
                      <a:pt x="421" y="3360"/>
                    </a:lnTo>
                    <a:lnTo>
                      <a:pt x="409" y="3360"/>
                    </a:lnTo>
                    <a:lnTo>
                      <a:pt x="399" y="3362"/>
                    </a:lnTo>
                    <a:lnTo>
                      <a:pt x="387" y="3365"/>
                    </a:lnTo>
                    <a:lnTo>
                      <a:pt x="375" y="3368"/>
                    </a:lnTo>
                    <a:lnTo>
                      <a:pt x="353" y="3374"/>
                    </a:lnTo>
                    <a:lnTo>
                      <a:pt x="331" y="3378"/>
                    </a:lnTo>
                    <a:lnTo>
                      <a:pt x="323" y="3378"/>
                    </a:lnTo>
                    <a:lnTo>
                      <a:pt x="316" y="3375"/>
                    </a:lnTo>
                    <a:lnTo>
                      <a:pt x="309" y="3373"/>
                    </a:lnTo>
                    <a:lnTo>
                      <a:pt x="303" y="3369"/>
                    </a:lnTo>
                    <a:lnTo>
                      <a:pt x="298" y="3364"/>
                    </a:lnTo>
                    <a:lnTo>
                      <a:pt x="294" y="3357"/>
                    </a:lnTo>
                    <a:lnTo>
                      <a:pt x="289" y="3351"/>
                    </a:lnTo>
                    <a:lnTo>
                      <a:pt x="286" y="3343"/>
                    </a:lnTo>
                    <a:lnTo>
                      <a:pt x="282" y="3334"/>
                    </a:lnTo>
                    <a:lnTo>
                      <a:pt x="279" y="3324"/>
                    </a:lnTo>
                    <a:lnTo>
                      <a:pt x="278" y="3315"/>
                    </a:lnTo>
                    <a:lnTo>
                      <a:pt x="277" y="3304"/>
                    </a:lnTo>
                    <a:lnTo>
                      <a:pt x="276" y="3295"/>
                    </a:lnTo>
                    <a:lnTo>
                      <a:pt x="276" y="3286"/>
                    </a:lnTo>
                    <a:lnTo>
                      <a:pt x="277" y="3278"/>
                    </a:lnTo>
                    <a:lnTo>
                      <a:pt x="278" y="3271"/>
                    </a:lnTo>
                    <a:lnTo>
                      <a:pt x="286" y="3233"/>
                    </a:lnTo>
                    <a:lnTo>
                      <a:pt x="291" y="3198"/>
                    </a:lnTo>
                    <a:lnTo>
                      <a:pt x="294" y="3181"/>
                    </a:lnTo>
                    <a:lnTo>
                      <a:pt x="298" y="3164"/>
                    </a:lnTo>
                    <a:lnTo>
                      <a:pt x="304" y="3147"/>
                    </a:lnTo>
                    <a:lnTo>
                      <a:pt x="313" y="3131"/>
                    </a:lnTo>
                    <a:lnTo>
                      <a:pt x="330" y="3105"/>
                    </a:lnTo>
                    <a:lnTo>
                      <a:pt x="347" y="3080"/>
                    </a:lnTo>
                    <a:lnTo>
                      <a:pt x="355" y="3068"/>
                    </a:lnTo>
                    <a:lnTo>
                      <a:pt x="362" y="3054"/>
                    </a:lnTo>
                    <a:lnTo>
                      <a:pt x="368" y="3040"/>
                    </a:lnTo>
                    <a:lnTo>
                      <a:pt x="373" y="3024"/>
                    </a:lnTo>
                    <a:lnTo>
                      <a:pt x="377" y="3008"/>
                    </a:lnTo>
                    <a:lnTo>
                      <a:pt x="381" y="2993"/>
                    </a:lnTo>
                    <a:lnTo>
                      <a:pt x="386" y="2979"/>
                    </a:lnTo>
                    <a:lnTo>
                      <a:pt x="392" y="2965"/>
                    </a:lnTo>
                    <a:lnTo>
                      <a:pt x="399" y="2952"/>
                    </a:lnTo>
                    <a:lnTo>
                      <a:pt x="406" y="2940"/>
                    </a:lnTo>
                    <a:lnTo>
                      <a:pt x="414" y="2929"/>
                    </a:lnTo>
                    <a:lnTo>
                      <a:pt x="422" y="2917"/>
                    </a:lnTo>
                    <a:lnTo>
                      <a:pt x="440" y="2894"/>
                    </a:lnTo>
                    <a:lnTo>
                      <a:pt x="460" y="2872"/>
                    </a:lnTo>
                    <a:lnTo>
                      <a:pt x="482" y="2849"/>
                    </a:lnTo>
                    <a:lnTo>
                      <a:pt x="504" y="2826"/>
                    </a:lnTo>
                    <a:lnTo>
                      <a:pt x="523" y="2804"/>
                    </a:lnTo>
                    <a:lnTo>
                      <a:pt x="541" y="2780"/>
                    </a:lnTo>
                    <a:lnTo>
                      <a:pt x="557" y="2756"/>
                    </a:lnTo>
                    <a:lnTo>
                      <a:pt x="571" y="2732"/>
                    </a:lnTo>
                    <a:lnTo>
                      <a:pt x="541" y="2704"/>
                    </a:lnTo>
                    <a:lnTo>
                      <a:pt x="523" y="2693"/>
                    </a:lnTo>
                    <a:lnTo>
                      <a:pt x="505" y="2682"/>
                    </a:lnTo>
                    <a:lnTo>
                      <a:pt x="484" y="2672"/>
                    </a:lnTo>
                    <a:lnTo>
                      <a:pt x="465" y="2663"/>
                    </a:lnTo>
                    <a:lnTo>
                      <a:pt x="444" y="2655"/>
                    </a:lnTo>
                    <a:lnTo>
                      <a:pt x="423" y="2647"/>
                    </a:lnTo>
                    <a:lnTo>
                      <a:pt x="403" y="2641"/>
                    </a:lnTo>
                    <a:lnTo>
                      <a:pt x="382" y="2636"/>
                    </a:lnTo>
                    <a:lnTo>
                      <a:pt x="369" y="2632"/>
                    </a:lnTo>
                    <a:lnTo>
                      <a:pt x="358" y="2628"/>
                    </a:lnTo>
                    <a:lnTo>
                      <a:pt x="348" y="2623"/>
                    </a:lnTo>
                    <a:lnTo>
                      <a:pt x="339" y="2618"/>
                    </a:lnTo>
                    <a:lnTo>
                      <a:pt x="323" y="2605"/>
                    </a:lnTo>
                    <a:lnTo>
                      <a:pt x="308" y="2590"/>
                    </a:lnTo>
                    <a:lnTo>
                      <a:pt x="295" y="2576"/>
                    </a:lnTo>
                    <a:lnTo>
                      <a:pt x="279" y="2562"/>
                    </a:lnTo>
                    <a:lnTo>
                      <a:pt x="272" y="2555"/>
                    </a:lnTo>
                    <a:lnTo>
                      <a:pt x="264" y="2550"/>
                    </a:lnTo>
                    <a:lnTo>
                      <a:pt x="255" y="2545"/>
                    </a:lnTo>
                    <a:lnTo>
                      <a:pt x="246" y="2540"/>
                    </a:lnTo>
                    <a:lnTo>
                      <a:pt x="232" y="2535"/>
                    </a:lnTo>
                    <a:lnTo>
                      <a:pt x="216" y="2531"/>
                    </a:lnTo>
                    <a:lnTo>
                      <a:pt x="200" y="2528"/>
                    </a:lnTo>
                    <a:lnTo>
                      <a:pt x="185" y="2524"/>
                    </a:lnTo>
                    <a:lnTo>
                      <a:pt x="171" y="2520"/>
                    </a:lnTo>
                    <a:lnTo>
                      <a:pt x="158" y="2514"/>
                    </a:lnTo>
                    <a:lnTo>
                      <a:pt x="151" y="2510"/>
                    </a:lnTo>
                    <a:lnTo>
                      <a:pt x="145" y="2506"/>
                    </a:lnTo>
                    <a:lnTo>
                      <a:pt x="140" y="2500"/>
                    </a:lnTo>
                    <a:lnTo>
                      <a:pt x="134" y="2493"/>
                    </a:lnTo>
                    <a:lnTo>
                      <a:pt x="114" y="2465"/>
                    </a:lnTo>
                    <a:lnTo>
                      <a:pt x="94" y="2438"/>
                    </a:lnTo>
                    <a:lnTo>
                      <a:pt x="83" y="2425"/>
                    </a:lnTo>
                    <a:lnTo>
                      <a:pt x="71" y="2412"/>
                    </a:lnTo>
                    <a:lnTo>
                      <a:pt x="59" y="2399"/>
                    </a:lnTo>
                    <a:lnTo>
                      <a:pt x="45" y="2387"/>
                    </a:lnTo>
                    <a:lnTo>
                      <a:pt x="46" y="2381"/>
                    </a:lnTo>
                    <a:lnTo>
                      <a:pt x="48" y="2373"/>
                    </a:lnTo>
                    <a:lnTo>
                      <a:pt x="49" y="2366"/>
                    </a:lnTo>
                    <a:lnTo>
                      <a:pt x="51" y="2360"/>
                    </a:lnTo>
                    <a:lnTo>
                      <a:pt x="57" y="2348"/>
                    </a:lnTo>
                    <a:lnTo>
                      <a:pt x="63" y="2337"/>
                    </a:lnTo>
                    <a:lnTo>
                      <a:pt x="68" y="2325"/>
                    </a:lnTo>
                    <a:lnTo>
                      <a:pt x="73" y="2312"/>
                    </a:lnTo>
                    <a:lnTo>
                      <a:pt x="75" y="2305"/>
                    </a:lnTo>
                    <a:lnTo>
                      <a:pt x="75" y="2298"/>
                    </a:lnTo>
                    <a:lnTo>
                      <a:pt x="75" y="2290"/>
                    </a:lnTo>
                    <a:lnTo>
                      <a:pt x="73" y="2281"/>
                    </a:lnTo>
                    <a:lnTo>
                      <a:pt x="71" y="2272"/>
                    </a:lnTo>
                    <a:lnTo>
                      <a:pt x="67" y="2263"/>
                    </a:lnTo>
                    <a:lnTo>
                      <a:pt x="63" y="2255"/>
                    </a:lnTo>
                    <a:lnTo>
                      <a:pt x="57" y="2247"/>
                    </a:lnTo>
                    <a:lnTo>
                      <a:pt x="45" y="2233"/>
                    </a:lnTo>
                    <a:lnTo>
                      <a:pt x="32" y="2219"/>
                    </a:lnTo>
                    <a:lnTo>
                      <a:pt x="19" y="2204"/>
                    </a:lnTo>
                    <a:lnTo>
                      <a:pt x="9" y="2189"/>
                    </a:lnTo>
                    <a:lnTo>
                      <a:pt x="5" y="2181"/>
                    </a:lnTo>
                    <a:lnTo>
                      <a:pt x="2" y="2173"/>
                    </a:lnTo>
                    <a:lnTo>
                      <a:pt x="0" y="2163"/>
                    </a:lnTo>
                    <a:lnTo>
                      <a:pt x="0" y="2154"/>
                    </a:lnTo>
                    <a:lnTo>
                      <a:pt x="1" y="2132"/>
                    </a:lnTo>
                    <a:lnTo>
                      <a:pt x="4" y="2109"/>
                    </a:lnTo>
                    <a:lnTo>
                      <a:pt x="4" y="2097"/>
                    </a:lnTo>
                    <a:lnTo>
                      <a:pt x="5" y="2085"/>
                    </a:lnTo>
                    <a:lnTo>
                      <a:pt x="5" y="2074"/>
                    </a:lnTo>
                    <a:lnTo>
                      <a:pt x="4" y="2063"/>
                    </a:lnTo>
                    <a:lnTo>
                      <a:pt x="31" y="2035"/>
                    </a:lnTo>
                    <a:lnTo>
                      <a:pt x="40" y="2018"/>
                    </a:lnTo>
                    <a:lnTo>
                      <a:pt x="49" y="2001"/>
                    </a:lnTo>
                    <a:lnTo>
                      <a:pt x="55" y="1984"/>
                    </a:lnTo>
                    <a:lnTo>
                      <a:pt x="61" y="1969"/>
                    </a:lnTo>
                    <a:lnTo>
                      <a:pt x="66" y="1952"/>
                    </a:lnTo>
                    <a:lnTo>
                      <a:pt x="67" y="1935"/>
                    </a:lnTo>
                    <a:lnTo>
                      <a:pt x="68" y="1916"/>
                    </a:lnTo>
                    <a:lnTo>
                      <a:pt x="66" y="1896"/>
                    </a:lnTo>
                    <a:lnTo>
                      <a:pt x="62" y="1879"/>
                    </a:lnTo>
                    <a:lnTo>
                      <a:pt x="57" y="1864"/>
                    </a:lnTo>
                    <a:lnTo>
                      <a:pt x="49" y="1849"/>
                    </a:lnTo>
                    <a:lnTo>
                      <a:pt x="40" y="1835"/>
                    </a:lnTo>
                    <a:lnTo>
                      <a:pt x="31" y="1821"/>
                    </a:lnTo>
                    <a:lnTo>
                      <a:pt x="23" y="1807"/>
                    </a:lnTo>
                    <a:lnTo>
                      <a:pt x="16" y="1792"/>
                    </a:lnTo>
                    <a:lnTo>
                      <a:pt x="11" y="1777"/>
                    </a:lnTo>
                    <a:lnTo>
                      <a:pt x="19" y="1767"/>
                    </a:lnTo>
                    <a:lnTo>
                      <a:pt x="24" y="1755"/>
                    </a:lnTo>
                    <a:lnTo>
                      <a:pt x="31" y="1745"/>
                    </a:lnTo>
                    <a:lnTo>
                      <a:pt x="35" y="1734"/>
                    </a:lnTo>
                    <a:lnTo>
                      <a:pt x="44" y="1712"/>
                    </a:lnTo>
                    <a:lnTo>
                      <a:pt x="50" y="1689"/>
                    </a:lnTo>
                    <a:lnTo>
                      <a:pt x="57" y="1667"/>
                    </a:lnTo>
                    <a:lnTo>
                      <a:pt x="63" y="1643"/>
                    </a:lnTo>
                    <a:lnTo>
                      <a:pt x="71" y="1621"/>
                    </a:lnTo>
                    <a:lnTo>
                      <a:pt x="80" y="1598"/>
                    </a:lnTo>
                    <a:lnTo>
                      <a:pt x="90" y="1580"/>
                    </a:lnTo>
                    <a:lnTo>
                      <a:pt x="102" y="1564"/>
                    </a:lnTo>
                    <a:lnTo>
                      <a:pt x="114" y="1549"/>
                    </a:lnTo>
                    <a:lnTo>
                      <a:pt x="125" y="1532"/>
                    </a:lnTo>
                    <a:lnTo>
                      <a:pt x="128" y="1527"/>
                    </a:lnTo>
                    <a:lnTo>
                      <a:pt x="130" y="1523"/>
                    </a:lnTo>
                    <a:lnTo>
                      <a:pt x="132" y="1518"/>
                    </a:lnTo>
                    <a:lnTo>
                      <a:pt x="132" y="1513"/>
                    </a:lnTo>
                    <a:lnTo>
                      <a:pt x="132" y="1501"/>
                    </a:lnTo>
                    <a:lnTo>
                      <a:pt x="129" y="1491"/>
                    </a:lnTo>
                    <a:lnTo>
                      <a:pt x="121" y="1470"/>
                    </a:lnTo>
                    <a:lnTo>
                      <a:pt x="111" y="1450"/>
                    </a:lnTo>
                    <a:lnTo>
                      <a:pt x="111" y="1445"/>
                    </a:lnTo>
                    <a:lnTo>
                      <a:pt x="108" y="1440"/>
                    </a:lnTo>
                    <a:lnTo>
                      <a:pt x="105" y="1435"/>
                    </a:lnTo>
                    <a:lnTo>
                      <a:pt x="102" y="1430"/>
                    </a:lnTo>
                    <a:lnTo>
                      <a:pt x="93" y="1421"/>
                    </a:lnTo>
                    <a:lnTo>
                      <a:pt x="85" y="1412"/>
                    </a:lnTo>
                    <a:lnTo>
                      <a:pt x="81" y="1408"/>
                    </a:lnTo>
                    <a:lnTo>
                      <a:pt x="79" y="1403"/>
                    </a:lnTo>
                    <a:lnTo>
                      <a:pt x="76" y="1399"/>
                    </a:lnTo>
                    <a:lnTo>
                      <a:pt x="75" y="1393"/>
                    </a:lnTo>
                    <a:lnTo>
                      <a:pt x="75" y="1387"/>
                    </a:lnTo>
                    <a:lnTo>
                      <a:pt x="76" y="1382"/>
                    </a:lnTo>
                    <a:lnTo>
                      <a:pt x="79" y="1375"/>
                    </a:lnTo>
                    <a:lnTo>
                      <a:pt x="84" y="1369"/>
                    </a:lnTo>
                    <a:lnTo>
                      <a:pt x="89" y="1362"/>
                    </a:lnTo>
                    <a:lnTo>
                      <a:pt x="94" y="1357"/>
                    </a:lnTo>
                    <a:lnTo>
                      <a:pt x="99" y="1352"/>
                    </a:lnTo>
                    <a:lnTo>
                      <a:pt x="106" y="1349"/>
                    </a:lnTo>
                    <a:lnTo>
                      <a:pt x="116" y="1343"/>
                    </a:lnTo>
                    <a:lnTo>
                      <a:pt x="128" y="1340"/>
                    </a:lnTo>
                    <a:lnTo>
                      <a:pt x="152" y="1336"/>
                    </a:lnTo>
                    <a:lnTo>
                      <a:pt x="180" y="1333"/>
                    </a:lnTo>
                    <a:lnTo>
                      <a:pt x="194" y="1330"/>
                    </a:lnTo>
                    <a:lnTo>
                      <a:pt x="207" y="1327"/>
                    </a:lnTo>
                    <a:lnTo>
                      <a:pt x="219" y="1326"/>
                    </a:lnTo>
                    <a:lnTo>
                      <a:pt x="230" y="1326"/>
                    </a:lnTo>
                    <a:lnTo>
                      <a:pt x="254" y="1326"/>
                    </a:lnTo>
                    <a:lnTo>
                      <a:pt x="276" y="1326"/>
                    </a:lnTo>
                    <a:lnTo>
                      <a:pt x="287" y="1325"/>
                    </a:lnTo>
                    <a:lnTo>
                      <a:pt x="298" y="1323"/>
                    </a:lnTo>
                    <a:lnTo>
                      <a:pt x="309" y="1322"/>
                    </a:lnTo>
                    <a:lnTo>
                      <a:pt x="320" y="1318"/>
                    </a:lnTo>
                    <a:lnTo>
                      <a:pt x="331" y="1314"/>
                    </a:lnTo>
                    <a:lnTo>
                      <a:pt x="343" y="1308"/>
                    </a:lnTo>
                    <a:lnTo>
                      <a:pt x="356" y="1301"/>
                    </a:lnTo>
                    <a:lnTo>
                      <a:pt x="368" y="1291"/>
                    </a:lnTo>
                    <a:lnTo>
                      <a:pt x="375" y="1285"/>
                    </a:lnTo>
                    <a:lnTo>
                      <a:pt x="379" y="1278"/>
                    </a:lnTo>
                    <a:lnTo>
                      <a:pt x="382" y="1273"/>
                    </a:lnTo>
                    <a:lnTo>
                      <a:pt x="382" y="1267"/>
                    </a:lnTo>
                    <a:lnTo>
                      <a:pt x="379" y="1254"/>
                    </a:lnTo>
                    <a:lnTo>
                      <a:pt x="374" y="1241"/>
                    </a:lnTo>
                    <a:lnTo>
                      <a:pt x="371" y="1235"/>
                    </a:lnTo>
                    <a:lnTo>
                      <a:pt x="370" y="1229"/>
                    </a:lnTo>
                    <a:lnTo>
                      <a:pt x="370" y="1222"/>
                    </a:lnTo>
                    <a:lnTo>
                      <a:pt x="370" y="1217"/>
                    </a:lnTo>
                    <a:lnTo>
                      <a:pt x="373" y="1211"/>
                    </a:lnTo>
                    <a:lnTo>
                      <a:pt x="378" y="1206"/>
                    </a:lnTo>
                    <a:lnTo>
                      <a:pt x="384" y="1200"/>
                    </a:lnTo>
                    <a:lnTo>
                      <a:pt x="395" y="1195"/>
                    </a:lnTo>
                    <a:lnTo>
                      <a:pt x="405" y="1190"/>
                    </a:lnTo>
                    <a:lnTo>
                      <a:pt x="414" y="1184"/>
                    </a:lnTo>
                    <a:lnTo>
                      <a:pt x="422" y="1178"/>
                    </a:lnTo>
                    <a:lnTo>
                      <a:pt x="428" y="1173"/>
                    </a:lnTo>
                    <a:lnTo>
                      <a:pt x="434" y="1167"/>
                    </a:lnTo>
                    <a:lnTo>
                      <a:pt x="439" y="1160"/>
                    </a:lnTo>
                    <a:lnTo>
                      <a:pt x="441" y="1154"/>
                    </a:lnTo>
                    <a:lnTo>
                      <a:pt x="445" y="1147"/>
                    </a:lnTo>
                    <a:lnTo>
                      <a:pt x="453" y="1116"/>
                    </a:lnTo>
                    <a:lnTo>
                      <a:pt x="460" y="1077"/>
                    </a:lnTo>
                    <a:lnTo>
                      <a:pt x="460" y="1072"/>
                    </a:lnTo>
                    <a:lnTo>
                      <a:pt x="460" y="1068"/>
                    </a:lnTo>
                    <a:lnTo>
                      <a:pt x="457" y="1064"/>
                    </a:lnTo>
                    <a:lnTo>
                      <a:pt x="454" y="1062"/>
                    </a:lnTo>
                    <a:lnTo>
                      <a:pt x="447" y="1059"/>
                    </a:lnTo>
                    <a:lnTo>
                      <a:pt x="439" y="1057"/>
                    </a:lnTo>
                    <a:lnTo>
                      <a:pt x="435" y="1055"/>
                    </a:lnTo>
                    <a:lnTo>
                      <a:pt x="431" y="1054"/>
                    </a:lnTo>
                    <a:lnTo>
                      <a:pt x="427" y="1051"/>
                    </a:lnTo>
                    <a:lnTo>
                      <a:pt x="425" y="1048"/>
                    </a:lnTo>
                    <a:lnTo>
                      <a:pt x="423" y="1044"/>
                    </a:lnTo>
                    <a:lnTo>
                      <a:pt x="422" y="1039"/>
                    </a:lnTo>
                    <a:lnTo>
                      <a:pt x="422" y="1032"/>
                    </a:lnTo>
                    <a:lnTo>
                      <a:pt x="425" y="1024"/>
                    </a:lnTo>
                    <a:lnTo>
                      <a:pt x="428" y="1013"/>
                    </a:lnTo>
                    <a:lnTo>
                      <a:pt x="432" y="1002"/>
                    </a:lnTo>
                    <a:lnTo>
                      <a:pt x="436" y="996"/>
                    </a:lnTo>
                    <a:lnTo>
                      <a:pt x="440" y="989"/>
                    </a:lnTo>
                    <a:lnTo>
                      <a:pt x="445" y="984"/>
                    </a:lnTo>
                    <a:lnTo>
                      <a:pt x="452" y="980"/>
                    </a:lnTo>
                    <a:lnTo>
                      <a:pt x="460" y="975"/>
                    </a:lnTo>
                    <a:lnTo>
                      <a:pt x="469" y="970"/>
                    </a:lnTo>
                    <a:lnTo>
                      <a:pt x="484" y="962"/>
                    </a:lnTo>
                    <a:lnTo>
                      <a:pt x="496" y="952"/>
                    </a:lnTo>
                    <a:lnTo>
                      <a:pt x="505" y="940"/>
                    </a:lnTo>
                    <a:lnTo>
                      <a:pt x="513" y="928"/>
                    </a:lnTo>
                    <a:lnTo>
                      <a:pt x="519" y="915"/>
                    </a:lnTo>
                    <a:lnTo>
                      <a:pt x="526" y="901"/>
                    </a:lnTo>
                    <a:lnTo>
                      <a:pt x="529" y="887"/>
                    </a:lnTo>
                    <a:lnTo>
                      <a:pt x="533" y="870"/>
                    </a:lnTo>
                    <a:lnTo>
                      <a:pt x="566" y="764"/>
                    </a:lnTo>
                    <a:lnTo>
                      <a:pt x="566" y="763"/>
                    </a:lnTo>
                    <a:lnTo>
                      <a:pt x="571" y="764"/>
                    </a:lnTo>
                    <a:lnTo>
                      <a:pt x="576" y="763"/>
                    </a:lnTo>
                    <a:lnTo>
                      <a:pt x="581" y="760"/>
                    </a:lnTo>
                    <a:lnTo>
                      <a:pt x="585" y="755"/>
                    </a:lnTo>
                    <a:lnTo>
                      <a:pt x="589" y="748"/>
                    </a:lnTo>
                    <a:lnTo>
                      <a:pt x="593" y="739"/>
                    </a:lnTo>
                    <a:lnTo>
                      <a:pt x="597" y="729"/>
                    </a:lnTo>
                    <a:lnTo>
                      <a:pt x="599" y="716"/>
                    </a:lnTo>
                    <a:lnTo>
                      <a:pt x="601" y="715"/>
                    </a:lnTo>
                    <a:lnTo>
                      <a:pt x="602" y="712"/>
                    </a:lnTo>
                    <a:lnTo>
                      <a:pt x="586" y="711"/>
                    </a:lnTo>
                    <a:lnTo>
                      <a:pt x="568" y="711"/>
                    </a:lnTo>
                    <a:lnTo>
                      <a:pt x="559" y="709"/>
                    </a:lnTo>
                    <a:lnTo>
                      <a:pt x="553" y="707"/>
                    </a:lnTo>
                    <a:lnTo>
                      <a:pt x="550" y="704"/>
                    </a:lnTo>
                    <a:lnTo>
                      <a:pt x="548" y="702"/>
                    </a:lnTo>
                    <a:lnTo>
                      <a:pt x="548" y="699"/>
                    </a:lnTo>
                    <a:lnTo>
                      <a:pt x="548" y="695"/>
                    </a:lnTo>
                    <a:lnTo>
                      <a:pt x="550" y="678"/>
                    </a:lnTo>
                    <a:lnTo>
                      <a:pt x="552" y="659"/>
                    </a:lnTo>
                    <a:lnTo>
                      <a:pt x="553" y="641"/>
                    </a:lnTo>
                    <a:lnTo>
                      <a:pt x="555" y="627"/>
                    </a:lnTo>
                    <a:lnTo>
                      <a:pt x="572" y="627"/>
                    </a:lnTo>
                    <a:lnTo>
                      <a:pt x="584" y="628"/>
                    </a:lnTo>
                    <a:lnTo>
                      <a:pt x="590" y="627"/>
                    </a:lnTo>
                    <a:lnTo>
                      <a:pt x="594" y="624"/>
                    </a:lnTo>
                    <a:lnTo>
                      <a:pt x="594" y="620"/>
                    </a:lnTo>
                    <a:lnTo>
                      <a:pt x="593" y="612"/>
                    </a:lnTo>
                    <a:lnTo>
                      <a:pt x="590" y="602"/>
                    </a:lnTo>
                    <a:lnTo>
                      <a:pt x="586" y="588"/>
                    </a:lnTo>
                    <a:lnTo>
                      <a:pt x="585" y="577"/>
                    </a:lnTo>
                    <a:lnTo>
                      <a:pt x="585" y="570"/>
                    </a:lnTo>
                    <a:lnTo>
                      <a:pt x="585" y="564"/>
                    </a:lnTo>
                    <a:lnTo>
                      <a:pt x="588" y="559"/>
                    </a:lnTo>
                    <a:lnTo>
                      <a:pt x="590" y="557"/>
                    </a:lnTo>
                    <a:lnTo>
                      <a:pt x="594" y="554"/>
                    </a:lnTo>
                    <a:lnTo>
                      <a:pt x="598" y="553"/>
                    </a:lnTo>
                    <a:lnTo>
                      <a:pt x="602" y="553"/>
                    </a:lnTo>
                    <a:lnTo>
                      <a:pt x="614" y="554"/>
                    </a:lnTo>
                    <a:lnTo>
                      <a:pt x="625" y="554"/>
                    </a:lnTo>
                    <a:lnTo>
                      <a:pt x="638" y="555"/>
                    </a:lnTo>
                    <a:lnTo>
                      <a:pt x="650" y="553"/>
                    </a:lnTo>
                    <a:lnTo>
                      <a:pt x="666" y="553"/>
                    </a:lnTo>
                    <a:lnTo>
                      <a:pt x="694" y="553"/>
                    </a:lnTo>
                    <a:lnTo>
                      <a:pt x="728" y="553"/>
                    </a:lnTo>
                    <a:lnTo>
                      <a:pt x="765" y="555"/>
                    </a:lnTo>
                    <a:lnTo>
                      <a:pt x="802" y="557"/>
                    </a:lnTo>
                    <a:lnTo>
                      <a:pt x="833" y="561"/>
                    </a:lnTo>
                    <a:lnTo>
                      <a:pt x="846" y="563"/>
                    </a:lnTo>
                    <a:lnTo>
                      <a:pt x="856" y="566"/>
                    </a:lnTo>
                    <a:lnTo>
                      <a:pt x="862" y="568"/>
                    </a:lnTo>
                    <a:lnTo>
                      <a:pt x="865" y="572"/>
                    </a:lnTo>
                    <a:lnTo>
                      <a:pt x="866" y="584"/>
                    </a:lnTo>
                    <a:lnTo>
                      <a:pt x="865" y="595"/>
                    </a:lnTo>
                    <a:lnTo>
                      <a:pt x="864" y="607"/>
                    </a:lnTo>
                    <a:lnTo>
                      <a:pt x="861" y="617"/>
                    </a:lnTo>
                    <a:lnTo>
                      <a:pt x="853" y="640"/>
                    </a:lnTo>
                    <a:lnTo>
                      <a:pt x="846" y="660"/>
                    </a:lnTo>
                    <a:lnTo>
                      <a:pt x="843" y="671"/>
                    </a:lnTo>
                    <a:lnTo>
                      <a:pt x="840" y="680"/>
                    </a:lnTo>
                    <a:lnTo>
                      <a:pt x="840" y="687"/>
                    </a:lnTo>
                    <a:lnTo>
                      <a:pt x="840" y="695"/>
                    </a:lnTo>
                    <a:lnTo>
                      <a:pt x="844" y="703"/>
                    </a:lnTo>
                    <a:lnTo>
                      <a:pt x="849" y="709"/>
                    </a:lnTo>
                    <a:lnTo>
                      <a:pt x="857" y="715"/>
                    </a:lnTo>
                    <a:lnTo>
                      <a:pt x="869" y="719"/>
                    </a:lnTo>
                    <a:lnTo>
                      <a:pt x="881" y="722"/>
                    </a:lnTo>
                    <a:lnTo>
                      <a:pt x="888" y="724"/>
                    </a:lnTo>
                    <a:lnTo>
                      <a:pt x="895" y="724"/>
                    </a:lnTo>
                    <a:lnTo>
                      <a:pt x="900" y="722"/>
                    </a:lnTo>
                    <a:lnTo>
                      <a:pt x="901" y="720"/>
                    </a:lnTo>
                    <a:lnTo>
                      <a:pt x="903" y="717"/>
                    </a:lnTo>
                    <a:lnTo>
                      <a:pt x="903" y="712"/>
                    </a:lnTo>
                    <a:lnTo>
                      <a:pt x="901" y="708"/>
                    </a:lnTo>
                    <a:lnTo>
                      <a:pt x="897" y="697"/>
                    </a:lnTo>
                    <a:lnTo>
                      <a:pt x="895" y="685"/>
                    </a:lnTo>
                    <a:lnTo>
                      <a:pt x="894" y="678"/>
                    </a:lnTo>
                    <a:lnTo>
                      <a:pt x="894" y="673"/>
                    </a:lnTo>
                    <a:lnTo>
                      <a:pt x="896" y="668"/>
                    </a:lnTo>
                    <a:lnTo>
                      <a:pt x="899" y="663"/>
                    </a:lnTo>
                    <a:lnTo>
                      <a:pt x="912" y="642"/>
                    </a:lnTo>
                    <a:lnTo>
                      <a:pt x="926" y="623"/>
                    </a:lnTo>
                    <a:lnTo>
                      <a:pt x="930" y="620"/>
                    </a:lnTo>
                    <a:lnTo>
                      <a:pt x="934" y="617"/>
                    </a:lnTo>
                    <a:lnTo>
                      <a:pt x="938" y="617"/>
                    </a:lnTo>
                    <a:lnTo>
                      <a:pt x="941" y="620"/>
                    </a:lnTo>
                    <a:lnTo>
                      <a:pt x="945" y="624"/>
                    </a:lnTo>
                    <a:lnTo>
                      <a:pt x="951" y="630"/>
                    </a:lnTo>
                    <a:lnTo>
                      <a:pt x="954" y="638"/>
                    </a:lnTo>
                    <a:lnTo>
                      <a:pt x="960" y="650"/>
                    </a:lnTo>
                    <a:lnTo>
                      <a:pt x="961" y="664"/>
                    </a:lnTo>
                    <a:lnTo>
                      <a:pt x="961" y="686"/>
                    </a:lnTo>
                    <a:lnTo>
                      <a:pt x="961" y="715"/>
                    </a:lnTo>
                    <a:lnTo>
                      <a:pt x="960" y="744"/>
                    </a:lnTo>
                    <a:lnTo>
                      <a:pt x="957" y="773"/>
                    </a:lnTo>
                    <a:lnTo>
                      <a:pt x="957" y="796"/>
                    </a:lnTo>
                    <a:lnTo>
                      <a:pt x="956" y="809"/>
                    </a:lnTo>
                    <a:lnTo>
                      <a:pt x="957" y="811"/>
                    </a:lnTo>
                    <a:lnTo>
                      <a:pt x="963" y="786"/>
                    </a:lnTo>
                    <a:lnTo>
                      <a:pt x="970" y="756"/>
                    </a:lnTo>
                    <a:lnTo>
                      <a:pt x="976" y="724"/>
                    </a:lnTo>
                    <a:lnTo>
                      <a:pt x="982" y="689"/>
                    </a:lnTo>
                    <a:lnTo>
                      <a:pt x="984" y="655"/>
                    </a:lnTo>
                    <a:lnTo>
                      <a:pt x="985" y="623"/>
                    </a:lnTo>
                    <a:lnTo>
                      <a:pt x="985" y="607"/>
                    </a:lnTo>
                    <a:lnTo>
                      <a:pt x="984" y="594"/>
                    </a:lnTo>
                    <a:lnTo>
                      <a:pt x="983" y="581"/>
                    </a:lnTo>
                    <a:lnTo>
                      <a:pt x="980" y="571"/>
                    </a:lnTo>
                    <a:lnTo>
                      <a:pt x="979" y="566"/>
                    </a:lnTo>
                    <a:lnTo>
                      <a:pt x="979" y="559"/>
                    </a:lnTo>
                    <a:lnTo>
                      <a:pt x="982" y="553"/>
                    </a:lnTo>
                    <a:lnTo>
                      <a:pt x="984" y="546"/>
                    </a:lnTo>
                    <a:lnTo>
                      <a:pt x="993" y="532"/>
                    </a:lnTo>
                    <a:lnTo>
                      <a:pt x="1005" y="518"/>
                    </a:lnTo>
                    <a:lnTo>
                      <a:pt x="1017" y="506"/>
                    </a:lnTo>
                    <a:lnTo>
                      <a:pt x="1028" y="497"/>
                    </a:lnTo>
                    <a:lnTo>
                      <a:pt x="1033" y="494"/>
                    </a:lnTo>
                    <a:lnTo>
                      <a:pt x="1039" y="493"/>
                    </a:lnTo>
                    <a:lnTo>
                      <a:pt x="1043" y="493"/>
                    </a:lnTo>
                    <a:lnTo>
                      <a:pt x="1045" y="496"/>
                    </a:lnTo>
                    <a:lnTo>
                      <a:pt x="1054" y="504"/>
                    </a:lnTo>
                    <a:lnTo>
                      <a:pt x="1061" y="510"/>
                    </a:lnTo>
                    <a:lnTo>
                      <a:pt x="1066" y="513"/>
                    </a:lnTo>
                    <a:lnTo>
                      <a:pt x="1072" y="515"/>
                    </a:lnTo>
                    <a:lnTo>
                      <a:pt x="1085" y="516"/>
                    </a:lnTo>
                    <a:lnTo>
                      <a:pt x="1105" y="518"/>
                    </a:lnTo>
                    <a:lnTo>
                      <a:pt x="1118" y="520"/>
                    </a:lnTo>
                    <a:lnTo>
                      <a:pt x="1129" y="526"/>
                    </a:lnTo>
                    <a:lnTo>
                      <a:pt x="1141" y="531"/>
                    </a:lnTo>
                    <a:lnTo>
                      <a:pt x="1154" y="538"/>
                    </a:lnTo>
                    <a:lnTo>
                      <a:pt x="1177" y="557"/>
                    </a:lnTo>
                    <a:lnTo>
                      <a:pt x="1201" y="576"/>
                    </a:lnTo>
                    <a:lnTo>
                      <a:pt x="1223" y="595"/>
                    </a:lnTo>
                    <a:lnTo>
                      <a:pt x="1243" y="612"/>
                    </a:lnTo>
                    <a:lnTo>
                      <a:pt x="1252" y="619"/>
                    </a:lnTo>
                    <a:lnTo>
                      <a:pt x="1261" y="624"/>
                    </a:lnTo>
                    <a:lnTo>
                      <a:pt x="1271" y="627"/>
                    </a:lnTo>
                    <a:lnTo>
                      <a:pt x="1278" y="628"/>
                    </a:lnTo>
                    <a:lnTo>
                      <a:pt x="1278" y="621"/>
                    </a:lnTo>
                    <a:lnTo>
                      <a:pt x="1277" y="615"/>
                    </a:lnTo>
                    <a:lnTo>
                      <a:pt x="1274" y="608"/>
                    </a:lnTo>
                    <a:lnTo>
                      <a:pt x="1272" y="602"/>
                    </a:lnTo>
                    <a:lnTo>
                      <a:pt x="1264" y="590"/>
                    </a:lnTo>
                    <a:lnTo>
                      <a:pt x="1254" y="579"/>
                    </a:lnTo>
                    <a:lnTo>
                      <a:pt x="1242" y="567"/>
                    </a:lnTo>
                    <a:lnTo>
                      <a:pt x="1228" y="557"/>
                    </a:lnTo>
                    <a:lnTo>
                      <a:pt x="1214" y="546"/>
                    </a:lnTo>
                    <a:lnTo>
                      <a:pt x="1198" y="536"/>
                    </a:lnTo>
                    <a:lnTo>
                      <a:pt x="1167" y="515"/>
                    </a:lnTo>
                    <a:lnTo>
                      <a:pt x="1138" y="496"/>
                    </a:lnTo>
                    <a:lnTo>
                      <a:pt x="1127" y="487"/>
                    </a:lnTo>
                    <a:lnTo>
                      <a:pt x="1116" y="476"/>
                    </a:lnTo>
                    <a:lnTo>
                      <a:pt x="1107" y="466"/>
                    </a:lnTo>
                    <a:lnTo>
                      <a:pt x="1102" y="456"/>
                    </a:lnTo>
                    <a:lnTo>
                      <a:pt x="1101" y="452"/>
                    </a:lnTo>
                    <a:lnTo>
                      <a:pt x="1101" y="447"/>
                    </a:lnTo>
                    <a:lnTo>
                      <a:pt x="1102" y="443"/>
                    </a:lnTo>
                    <a:lnTo>
                      <a:pt x="1103" y="439"/>
                    </a:lnTo>
                    <a:lnTo>
                      <a:pt x="1107" y="431"/>
                    </a:lnTo>
                    <a:lnTo>
                      <a:pt x="1114" y="423"/>
                    </a:lnTo>
                    <a:lnTo>
                      <a:pt x="1119" y="417"/>
                    </a:lnTo>
                    <a:lnTo>
                      <a:pt x="1122" y="410"/>
                    </a:lnTo>
                    <a:lnTo>
                      <a:pt x="1123" y="408"/>
                    </a:lnTo>
                    <a:lnTo>
                      <a:pt x="1123" y="405"/>
                    </a:lnTo>
                    <a:lnTo>
                      <a:pt x="1122" y="401"/>
                    </a:lnTo>
                    <a:lnTo>
                      <a:pt x="1119" y="399"/>
                    </a:lnTo>
                    <a:lnTo>
                      <a:pt x="1111" y="392"/>
                    </a:lnTo>
                    <a:lnTo>
                      <a:pt x="1105" y="386"/>
                    </a:lnTo>
                    <a:lnTo>
                      <a:pt x="1101" y="380"/>
                    </a:lnTo>
                    <a:lnTo>
                      <a:pt x="1100" y="374"/>
                    </a:lnTo>
                    <a:lnTo>
                      <a:pt x="1098" y="370"/>
                    </a:lnTo>
                    <a:lnTo>
                      <a:pt x="1098" y="365"/>
                    </a:lnTo>
                    <a:lnTo>
                      <a:pt x="1100" y="361"/>
                    </a:lnTo>
                    <a:lnTo>
                      <a:pt x="1101" y="357"/>
                    </a:lnTo>
                    <a:lnTo>
                      <a:pt x="1105" y="351"/>
                    </a:lnTo>
                    <a:lnTo>
                      <a:pt x="1109" y="345"/>
                    </a:lnTo>
                    <a:lnTo>
                      <a:pt x="1111" y="343"/>
                    </a:lnTo>
                    <a:lnTo>
                      <a:pt x="1111" y="340"/>
                    </a:lnTo>
                    <a:lnTo>
                      <a:pt x="1111" y="338"/>
                    </a:lnTo>
                    <a:lnTo>
                      <a:pt x="1110" y="336"/>
                    </a:lnTo>
                    <a:lnTo>
                      <a:pt x="1107" y="334"/>
                    </a:lnTo>
                    <a:lnTo>
                      <a:pt x="1103" y="331"/>
                    </a:lnTo>
                    <a:lnTo>
                      <a:pt x="1100" y="330"/>
                    </a:lnTo>
                    <a:lnTo>
                      <a:pt x="1096" y="330"/>
                    </a:lnTo>
                    <a:lnTo>
                      <a:pt x="1087" y="330"/>
                    </a:lnTo>
                    <a:lnTo>
                      <a:pt x="1079" y="330"/>
                    </a:lnTo>
                    <a:lnTo>
                      <a:pt x="1070" y="331"/>
                    </a:lnTo>
                    <a:lnTo>
                      <a:pt x="1061" y="333"/>
                    </a:lnTo>
                    <a:lnTo>
                      <a:pt x="1052" y="333"/>
                    </a:lnTo>
                    <a:lnTo>
                      <a:pt x="1045" y="331"/>
                    </a:lnTo>
                    <a:lnTo>
                      <a:pt x="1043" y="330"/>
                    </a:lnTo>
                    <a:lnTo>
                      <a:pt x="1041" y="327"/>
                    </a:lnTo>
                    <a:lnTo>
                      <a:pt x="1040" y="325"/>
                    </a:lnTo>
                    <a:lnTo>
                      <a:pt x="1040" y="322"/>
                    </a:lnTo>
                    <a:lnTo>
                      <a:pt x="1043" y="314"/>
                    </a:lnTo>
                    <a:lnTo>
                      <a:pt x="1046" y="305"/>
                    </a:lnTo>
                    <a:lnTo>
                      <a:pt x="1055" y="288"/>
                    </a:lnTo>
                    <a:lnTo>
                      <a:pt x="1062" y="276"/>
                    </a:lnTo>
                    <a:lnTo>
                      <a:pt x="1088" y="273"/>
                    </a:lnTo>
                    <a:lnTo>
                      <a:pt x="1109" y="269"/>
                    </a:lnTo>
                    <a:lnTo>
                      <a:pt x="1118" y="266"/>
                    </a:lnTo>
                    <a:lnTo>
                      <a:pt x="1125" y="263"/>
                    </a:lnTo>
                    <a:lnTo>
                      <a:pt x="1133" y="259"/>
                    </a:lnTo>
                    <a:lnTo>
                      <a:pt x="1138" y="253"/>
                    </a:lnTo>
                    <a:lnTo>
                      <a:pt x="1142" y="247"/>
                    </a:lnTo>
                    <a:lnTo>
                      <a:pt x="1145" y="241"/>
                    </a:lnTo>
                    <a:lnTo>
                      <a:pt x="1146" y="233"/>
                    </a:lnTo>
                    <a:lnTo>
                      <a:pt x="1145" y="224"/>
                    </a:lnTo>
                    <a:lnTo>
                      <a:pt x="1144" y="215"/>
                    </a:lnTo>
                    <a:lnTo>
                      <a:pt x="1140" y="203"/>
                    </a:lnTo>
                    <a:lnTo>
                      <a:pt x="1134" y="190"/>
                    </a:lnTo>
                    <a:lnTo>
                      <a:pt x="1127" y="177"/>
                    </a:lnTo>
                    <a:lnTo>
                      <a:pt x="1115" y="155"/>
                    </a:lnTo>
                    <a:lnTo>
                      <a:pt x="1107" y="136"/>
                    </a:lnTo>
                    <a:lnTo>
                      <a:pt x="1101" y="117"/>
                    </a:lnTo>
                    <a:lnTo>
                      <a:pt x="1098" y="99"/>
                    </a:lnTo>
                    <a:lnTo>
                      <a:pt x="1097" y="81"/>
                    </a:lnTo>
                    <a:lnTo>
                      <a:pt x="1098" y="63"/>
                    </a:lnTo>
                    <a:lnTo>
                      <a:pt x="1101" y="42"/>
                    </a:lnTo>
                    <a:lnTo>
                      <a:pt x="1106" y="18"/>
                    </a:lnTo>
                    <a:lnTo>
                      <a:pt x="1107" y="9"/>
                    </a:lnTo>
                    <a:lnTo>
                      <a:pt x="1109" y="0"/>
                    </a:lnTo>
                    <a:lnTo>
                      <a:pt x="1190" y="11"/>
                    </a:lnTo>
                    <a:lnTo>
                      <a:pt x="1207" y="37"/>
                    </a:lnTo>
                    <a:lnTo>
                      <a:pt x="1226" y="64"/>
                    </a:lnTo>
                    <a:lnTo>
                      <a:pt x="1237" y="77"/>
                    </a:lnTo>
                    <a:lnTo>
                      <a:pt x="1248" y="89"/>
                    </a:lnTo>
                    <a:lnTo>
                      <a:pt x="1260" y="98"/>
                    </a:lnTo>
                    <a:lnTo>
                      <a:pt x="1273" y="106"/>
                    </a:lnTo>
                    <a:lnTo>
                      <a:pt x="1283" y="110"/>
                    </a:lnTo>
                    <a:lnTo>
                      <a:pt x="1293" y="111"/>
                    </a:lnTo>
                    <a:lnTo>
                      <a:pt x="1303" y="111"/>
                    </a:lnTo>
                    <a:lnTo>
                      <a:pt x="1311" y="111"/>
                    </a:lnTo>
                    <a:lnTo>
                      <a:pt x="1320" y="108"/>
                    </a:lnTo>
                    <a:lnTo>
                      <a:pt x="1329" y="106"/>
                    </a:lnTo>
                    <a:lnTo>
                      <a:pt x="1337" y="102"/>
                    </a:lnTo>
                    <a:lnTo>
                      <a:pt x="1344" y="98"/>
                    </a:lnTo>
                    <a:lnTo>
                      <a:pt x="1361" y="90"/>
                    </a:lnTo>
                    <a:lnTo>
                      <a:pt x="1377" y="81"/>
                    </a:lnTo>
                    <a:lnTo>
                      <a:pt x="1385" y="79"/>
                    </a:lnTo>
                    <a:lnTo>
                      <a:pt x="1394" y="76"/>
                    </a:lnTo>
                    <a:lnTo>
                      <a:pt x="1401" y="75"/>
                    </a:lnTo>
                    <a:lnTo>
                      <a:pt x="1410" y="73"/>
                    </a:lnTo>
                    <a:lnTo>
                      <a:pt x="1401" y="90"/>
                    </a:lnTo>
                    <a:lnTo>
                      <a:pt x="1394" y="103"/>
                    </a:lnTo>
                    <a:lnTo>
                      <a:pt x="1392" y="106"/>
                    </a:lnTo>
                    <a:lnTo>
                      <a:pt x="1392" y="110"/>
                    </a:lnTo>
                    <a:lnTo>
                      <a:pt x="1394" y="114"/>
                    </a:lnTo>
                    <a:lnTo>
                      <a:pt x="1395" y="117"/>
                    </a:lnTo>
                    <a:lnTo>
                      <a:pt x="1397" y="123"/>
                    </a:lnTo>
                    <a:lnTo>
                      <a:pt x="1401" y="128"/>
                    </a:lnTo>
                    <a:lnTo>
                      <a:pt x="1408" y="133"/>
                    </a:lnTo>
                    <a:lnTo>
                      <a:pt x="1414" y="139"/>
                    </a:lnTo>
                    <a:lnTo>
                      <a:pt x="1429" y="152"/>
                    </a:lnTo>
                    <a:lnTo>
                      <a:pt x="1440" y="168"/>
                    </a:lnTo>
                    <a:lnTo>
                      <a:pt x="1445" y="176"/>
                    </a:lnTo>
                    <a:lnTo>
                      <a:pt x="1449" y="184"/>
                    </a:lnTo>
                    <a:lnTo>
                      <a:pt x="1453" y="193"/>
                    </a:lnTo>
                    <a:lnTo>
                      <a:pt x="1456" y="200"/>
                    </a:lnTo>
                    <a:lnTo>
                      <a:pt x="1457" y="209"/>
                    </a:lnTo>
                    <a:lnTo>
                      <a:pt x="1456" y="217"/>
                    </a:lnTo>
                    <a:lnTo>
                      <a:pt x="1454" y="225"/>
                    </a:lnTo>
                    <a:lnTo>
                      <a:pt x="1452" y="233"/>
                    </a:lnTo>
                    <a:lnTo>
                      <a:pt x="1447" y="241"/>
                    </a:lnTo>
                    <a:lnTo>
                      <a:pt x="1440" y="248"/>
                    </a:lnTo>
                    <a:lnTo>
                      <a:pt x="1432" y="255"/>
                    </a:lnTo>
                    <a:lnTo>
                      <a:pt x="1422" y="260"/>
                    </a:lnTo>
                    <a:lnTo>
                      <a:pt x="1405" y="269"/>
                    </a:lnTo>
                    <a:lnTo>
                      <a:pt x="1394" y="277"/>
                    </a:lnTo>
                    <a:lnTo>
                      <a:pt x="1387" y="281"/>
                    </a:lnTo>
                    <a:lnTo>
                      <a:pt x="1385" y="285"/>
                    </a:lnTo>
                    <a:lnTo>
                      <a:pt x="1386" y="286"/>
                    </a:lnTo>
                    <a:lnTo>
                      <a:pt x="1390" y="287"/>
                    </a:lnTo>
                    <a:lnTo>
                      <a:pt x="1397" y="287"/>
                    </a:lnTo>
                    <a:lnTo>
                      <a:pt x="1405" y="287"/>
                    </a:lnTo>
                    <a:lnTo>
                      <a:pt x="1417" y="287"/>
                    </a:lnTo>
                    <a:lnTo>
                      <a:pt x="1427" y="288"/>
                    </a:lnTo>
                    <a:lnTo>
                      <a:pt x="1439" y="290"/>
                    </a:lnTo>
                    <a:lnTo>
                      <a:pt x="1451" y="292"/>
                    </a:lnTo>
                    <a:lnTo>
                      <a:pt x="1461" y="296"/>
                    </a:lnTo>
                    <a:lnTo>
                      <a:pt x="1469" y="303"/>
                    </a:lnTo>
                    <a:lnTo>
                      <a:pt x="1473" y="307"/>
                    </a:lnTo>
                    <a:lnTo>
                      <a:pt x="1476" y="310"/>
                    </a:lnTo>
                    <a:lnTo>
                      <a:pt x="1479" y="316"/>
                    </a:lnTo>
                    <a:lnTo>
                      <a:pt x="1480" y="322"/>
                    </a:lnTo>
                    <a:lnTo>
                      <a:pt x="1483" y="329"/>
                    </a:lnTo>
                    <a:lnTo>
                      <a:pt x="1486" y="333"/>
                    </a:lnTo>
                    <a:lnTo>
                      <a:pt x="1488" y="336"/>
                    </a:lnTo>
                    <a:lnTo>
                      <a:pt x="1492" y="339"/>
                    </a:lnTo>
                    <a:lnTo>
                      <a:pt x="1497" y="339"/>
                    </a:lnTo>
                    <a:lnTo>
                      <a:pt x="1502" y="340"/>
                    </a:lnTo>
                    <a:lnTo>
                      <a:pt x="1508" y="339"/>
                    </a:lnTo>
                    <a:lnTo>
                      <a:pt x="1513" y="338"/>
                    </a:lnTo>
                    <a:lnTo>
                      <a:pt x="1524" y="335"/>
                    </a:lnTo>
                    <a:lnTo>
                      <a:pt x="1535" y="331"/>
                    </a:lnTo>
                    <a:lnTo>
                      <a:pt x="1540" y="331"/>
                    </a:lnTo>
                    <a:lnTo>
                      <a:pt x="1545" y="330"/>
                    </a:lnTo>
                    <a:lnTo>
                      <a:pt x="1550" y="330"/>
                    </a:lnTo>
                    <a:lnTo>
                      <a:pt x="1554" y="331"/>
                    </a:lnTo>
                    <a:lnTo>
                      <a:pt x="1563" y="335"/>
                    </a:lnTo>
                    <a:lnTo>
                      <a:pt x="1571" y="340"/>
                    </a:lnTo>
                    <a:lnTo>
                      <a:pt x="1578" y="345"/>
                    </a:lnTo>
                    <a:lnTo>
                      <a:pt x="1583" y="352"/>
                    </a:lnTo>
                    <a:lnTo>
                      <a:pt x="1592" y="365"/>
                    </a:lnTo>
                    <a:lnTo>
                      <a:pt x="1600" y="377"/>
                    </a:lnTo>
                    <a:lnTo>
                      <a:pt x="1603" y="382"/>
                    </a:lnTo>
                    <a:lnTo>
                      <a:pt x="1609" y="386"/>
                    </a:lnTo>
                    <a:lnTo>
                      <a:pt x="1614" y="390"/>
                    </a:lnTo>
                    <a:lnTo>
                      <a:pt x="1620" y="391"/>
                    </a:lnTo>
                    <a:lnTo>
                      <a:pt x="1628" y="391"/>
                    </a:lnTo>
                    <a:lnTo>
                      <a:pt x="1637" y="390"/>
                    </a:lnTo>
                    <a:lnTo>
                      <a:pt x="1647" y="387"/>
                    </a:lnTo>
                    <a:lnTo>
                      <a:pt x="1660" y="380"/>
                    </a:lnTo>
                    <a:lnTo>
                      <a:pt x="1666" y="378"/>
                    </a:lnTo>
                    <a:lnTo>
                      <a:pt x="1671" y="373"/>
                    </a:lnTo>
                    <a:lnTo>
                      <a:pt x="1677" y="366"/>
                    </a:lnTo>
                    <a:lnTo>
                      <a:pt x="1682" y="358"/>
                    </a:lnTo>
                    <a:lnTo>
                      <a:pt x="1694" y="342"/>
                    </a:lnTo>
                    <a:lnTo>
                      <a:pt x="1706" y="325"/>
                    </a:lnTo>
                    <a:lnTo>
                      <a:pt x="1712" y="317"/>
                    </a:lnTo>
                    <a:lnTo>
                      <a:pt x="1719" y="310"/>
                    </a:lnTo>
                    <a:lnTo>
                      <a:pt x="1725" y="304"/>
                    </a:lnTo>
                    <a:lnTo>
                      <a:pt x="1732" y="300"/>
                    </a:lnTo>
                    <a:lnTo>
                      <a:pt x="1738" y="298"/>
                    </a:lnTo>
                    <a:lnTo>
                      <a:pt x="1745" y="296"/>
                    </a:lnTo>
                    <a:lnTo>
                      <a:pt x="1751" y="299"/>
                    </a:lnTo>
                    <a:lnTo>
                      <a:pt x="1756" y="303"/>
                    </a:lnTo>
                    <a:lnTo>
                      <a:pt x="1768" y="314"/>
                    </a:lnTo>
                    <a:lnTo>
                      <a:pt x="1777" y="323"/>
                    </a:lnTo>
                    <a:lnTo>
                      <a:pt x="1784" y="333"/>
                    </a:lnTo>
                    <a:lnTo>
                      <a:pt x="1789" y="339"/>
                    </a:lnTo>
                    <a:lnTo>
                      <a:pt x="1791" y="345"/>
                    </a:lnTo>
                    <a:lnTo>
                      <a:pt x="1791" y="351"/>
                    </a:lnTo>
                    <a:lnTo>
                      <a:pt x="1790" y="355"/>
                    </a:lnTo>
                    <a:lnTo>
                      <a:pt x="1787" y="357"/>
                    </a:lnTo>
                    <a:lnTo>
                      <a:pt x="1784" y="360"/>
                    </a:lnTo>
                    <a:lnTo>
                      <a:pt x="1777" y="360"/>
                    </a:lnTo>
                    <a:lnTo>
                      <a:pt x="1771" y="360"/>
                    </a:lnTo>
                    <a:lnTo>
                      <a:pt x="1762" y="360"/>
                    </a:lnTo>
                    <a:lnTo>
                      <a:pt x="1742" y="356"/>
                    </a:lnTo>
                    <a:lnTo>
                      <a:pt x="1720" y="348"/>
                    </a:lnTo>
                    <a:lnTo>
                      <a:pt x="1720" y="367"/>
                    </a:lnTo>
                    <a:lnTo>
                      <a:pt x="1720" y="386"/>
                    </a:lnTo>
                    <a:lnTo>
                      <a:pt x="1721" y="405"/>
                    </a:lnTo>
                    <a:lnTo>
                      <a:pt x="1724" y="424"/>
                    </a:lnTo>
                    <a:lnTo>
                      <a:pt x="1723" y="436"/>
                    </a:lnTo>
                    <a:lnTo>
                      <a:pt x="1721" y="447"/>
                    </a:lnTo>
                    <a:lnTo>
                      <a:pt x="1717" y="454"/>
                    </a:lnTo>
                    <a:lnTo>
                      <a:pt x="1714" y="461"/>
                    </a:lnTo>
                    <a:lnTo>
                      <a:pt x="1708" y="466"/>
                    </a:lnTo>
                    <a:lnTo>
                      <a:pt x="1702" y="470"/>
                    </a:lnTo>
                    <a:lnTo>
                      <a:pt x="1694" y="474"/>
                    </a:lnTo>
                    <a:lnTo>
                      <a:pt x="1686" y="476"/>
                    </a:lnTo>
                    <a:lnTo>
                      <a:pt x="1670" y="479"/>
                    </a:lnTo>
                    <a:lnTo>
                      <a:pt x="1653" y="481"/>
                    </a:lnTo>
                    <a:lnTo>
                      <a:pt x="1635" y="484"/>
                    </a:lnTo>
                    <a:lnTo>
                      <a:pt x="1616" y="489"/>
                    </a:lnTo>
                    <a:lnTo>
                      <a:pt x="1609" y="493"/>
                    </a:lnTo>
                    <a:lnTo>
                      <a:pt x="1603" y="498"/>
                    </a:lnTo>
                    <a:lnTo>
                      <a:pt x="1601" y="504"/>
                    </a:lnTo>
                    <a:lnTo>
                      <a:pt x="1601" y="509"/>
                    </a:lnTo>
                    <a:lnTo>
                      <a:pt x="1602" y="515"/>
                    </a:lnTo>
                    <a:lnTo>
                      <a:pt x="1606" y="520"/>
                    </a:lnTo>
                    <a:lnTo>
                      <a:pt x="1611" y="526"/>
                    </a:lnTo>
                    <a:lnTo>
                      <a:pt x="1618" y="531"/>
                    </a:lnTo>
                    <a:lnTo>
                      <a:pt x="1625" y="535"/>
                    </a:lnTo>
                    <a:lnTo>
                      <a:pt x="1633" y="538"/>
                    </a:lnTo>
                    <a:lnTo>
                      <a:pt x="1642" y="542"/>
                    </a:lnTo>
                    <a:lnTo>
                      <a:pt x="1653" y="545"/>
                    </a:lnTo>
                    <a:lnTo>
                      <a:pt x="1663" y="546"/>
                    </a:lnTo>
                    <a:lnTo>
                      <a:pt x="1672" y="546"/>
                    </a:lnTo>
                    <a:lnTo>
                      <a:pt x="1682" y="545"/>
                    </a:lnTo>
                    <a:lnTo>
                      <a:pt x="1692" y="541"/>
                    </a:lnTo>
                    <a:lnTo>
                      <a:pt x="1707" y="536"/>
                    </a:lnTo>
                    <a:lnTo>
                      <a:pt x="1719" y="532"/>
                    </a:lnTo>
                    <a:lnTo>
                      <a:pt x="1727" y="529"/>
                    </a:lnTo>
                    <a:lnTo>
                      <a:pt x="1733" y="531"/>
                    </a:lnTo>
                    <a:lnTo>
                      <a:pt x="1747" y="537"/>
                    </a:lnTo>
                    <a:lnTo>
                      <a:pt x="1773" y="550"/>
                    </a:lnTo>
                    <a:lnTo>
                      <a:pt x="1785" y="554"/>
                    </a:lnTo>
                    <a:lnTo>
                      <a:pt x="1795" y="558"/>
                    </a:lnTo>
                    <a:lnTo>
                      <a:pt x="1804" y="559"/>
                    </a:lnTo>
                    <a:lnTo>
                      <a:pt x="1812" y="559"/>
                    </a:lnTo>
                    <a:lnTo>
                      <a:pt x="1817" y="558"/>
                    </a:lnTo>
                    <a:lnTo>
                      <a:pt x="1822" y="555"/>
                    </a:lnTo>
                    <a:lnTo>
                      <a:pt x="1828" y="553"/>
                    </a:lnTo>
                    <a:lnTo>
                      <a:pt x="1830" y="549"/>
                    </a:lnTo>
                    <a:lnTo>
                      <a:pt x="1837" y="538"/>
                    </a:lnTo>
                    <a:lnTo>
                      <a:pt x="1842" y="527"/>
                    </a:lnTo>
                    <a:lnTo>
                      <a:pt x="1848" y="514"/>
                    </a:lnTo>
                    <a:lnTo>
                      <a:pt x="1857" y="502"/>
                    </a:lnTo>
                    <a:lnTo>
                      <a:pt x="1861" y="500"/>
                    </a:lnTo>
                    <a:lnTo>
                      <a:pt x="1868" y="497"/>
                    </a:lnTo>
                    <a:lnTo>
                      <a:pt x="1877" y="496"/>
                    </a:lnTo>
                    <a:lnTo>
                      <a:pt x="1886" y="494"/>
                    </a:lnTo>
                    <a:lnTo>
                      <a:pt x="1908" y="494"/>
                    </a:lnTo>
                    <a:lnTo>
                      <a:pt x="1933" y="496"/>
                    </a:lnTo>
                    <a:lnTo>
                      <a:pt x="1957" y="497"/>
                    </a:lnTo>
                    <a:lnTo>
                      <a:pt x="1980" y="497"/>
                    </a:lnTo>
                    <a:lnTo>
                      <a:pt x="1992" y="496"/>
                    </a:lnTo>
                    <a:lnTo>
                      <a:pt x="2002" y="494"/>
                    </a:lnTo>
                    <a:lnTo>
                      <a:pt x="2012" y="492"/>
                    </a:lnTo>
                    <a:lnTo>
                      <a:pt x="2018" y="488"/>
                    </a:lnTo>
                    <a:lnTo>
                      <a:pt x="2024" y="484"/>
                    </a:lnTo>
                    <a:lnTo>
                      <a:pt x="2031" y="476"/>
                    </a:lnTo>
                    <a:lnTo>
                      <a:pt x="2036" y="469"/>
                    </a:lnTo>
                    <a:lnTo>
                      <a:pt x="2041" y="458"/>
                    </a:lnTo>
                    <a:lnTo>
                      <a:pt x="2053" y="437"/>
                    </a:lnTo>
                    <a:lnTo>
                      <a:pt x="2065" y="415"/>
                    </a:lnTo>
                    <a:lnTo>
                      <a:pt x="2071" y="405"/>
                    </a:lnTo>
                    <a:lnTo>
                      <a:pt x="2076" y="396"/>
                    </a:lnTo>
                    <a:lnTo>
                      <a:pt x="2083" y="387"/>
                    </a:lnTo>
                    <a:lnTo>
                      <a:pt x="2089" y="380"/>
                    </a:lnTo>
                    <a:lnTo>
                      <a:pt x="2096" y="377"/>
                    </a:lnTo>
                    <a:lnTo>
                      <a:pt x="2102" y="374"/>
                    </a:lnTo>
                    <a:lnTo>
                      <a:pt x="2106" y="374"/>
                    </a:lnTo>
                    <a:lnTo>
                      <a:pt x="2110" y="375"/>
                    </a:lnTo>
                    <a:lnTo>
                      <a:pt x="2113" y="377"/>
                    </a:lnTo>
                    <a:lnTo>
                      <a:pt x="2116" y="378"/>
                    </a:lnTo>
                    <a:lnTo>
                      <a:pt x="2136" y="386"/>
                    </a:lnTo>
                    <a:lnTo>
                      <a:pt x="2167" y="396"/>
                    </a:lnTo>
                    <a:lnTo>
                      <a:pt x="2180" y="401"/>
                    </a:lnTo>
                    <a:lnTo>
                      <a:pt x="2190" y="405"/>
                    </a:lnTo>
                    <a:lnTo>
                      <a:pt x="2193" y="406"/>
                    </a:lnTo>
                    <a:lnTo>
                      <a:pt x="2194" y="408"/>
                    </a:lnTo>
                    <a:lnTo>
                      <a:pt x="2193" y="409"/>
                    </a:lnTo>
                    <a:lnTo>
                      <a:pt x="2189" y="409"/>
                    </a:lnTo>
                    <a:lnTo>
                      <a:pt x="2161" y="409"/>
                    </a:lnTo>
                    <a:lnTo>
                      <a:pt x="2126" y="412"/>
                    </a:lnTo>
                    <a:lnTo>
                      <a:pt x="2109" y="415"/>
                    </a:lnTo>
                    <a:lnTo>
                      <a:pt x="2094" y="421"/>
                    </a:lnTo>
                    <a:lnTo>
                      <a:pt x="2088" y="423"/>
                    </a:lnTo>
                    <a:lnTo>
                      <a:pt x="2084" y="428"/>
                    </a:lnTo>
                    <a:lnTo>
                      <a:pt x="2080" y="434"/>
                    </a:lnTo>
                    <a:lnTo>
                      <a:pt x="2078" y="439"/>
                    </a:lnTo>
                    <a:lnTo>
                      <a:pt x="2074" y="453"/>
                    </a:lnTo>
                    <a:lnTo>
                      <a:pt x="2072" y="463"/>
                    </a:lnTo>
                    <a:lnTo>
                      <a:pt x="2074" y="471"/>
                    </a:lnTo>
                    <a:lnTo>
                      <a:pt x="2076" y="476"/>
                    </a:lnTo>
                    <a:lnTo>
                      <a:pt x="2080" y="479"/>
                    </a:lnTo>
                    <a:lnTo>
                      <a:pt x="2084" y="480"/>
                    </a:lnTo>
                    <a:lnTo>
                      <a:pt x="2091" y="480"/>
                    </a:lnTo>
                    <a:lnTo>
                      <a:pt x="2098" y="478"/>
                    </a:lnTo>
                    <a:lnTo>
                      <a:pt x="2129" y="463"/>
                    </a:lnTo>
                    <a:lnTo>
                      <a:pt x="2155" y="450"/>
                    </a:lnTo>
                    <a:lnTo>
                      <a:pt x="2164" y="449"/>
                    </a:lnTo>
                    <a:lnTo>
                      <a:pt x="2172" y="450"/>
                    </a:lnTo>
                    <a:lnTo>
                      <a:pt x="2179" y="452"/>
                    </a:lnTo>
                    <a:lnTo>
                      <a:pt x="2184" y="453"/>
                    </a:lnTo>
                    <a:lnTo>
                      <a:pt x="2190" y="453"/>
                    </a:lnTo>
                    <a:lnTo>
                      <a:pt x="2198" y="452"/>
                    </a:lnTo>
                    <a:lnTo>
                      <a:pt x="2206" y="447"/>
                    </a:lnTo>
                    <a:lnTo>
                      <a:pt x="2218" y="437"/>
                    </a:lnTo>
                    <a:lnTo>
                      <a:pt x="2225" y="430"/>
                    </a:lnTo>
                    <a:lnTo>
                      <a:pt x="2232" y="426"/>
                    </a:lnTo>
                    <a:lnTo>
                      <a:pt x="2234" y="424"/>
                    </a:lnTo>
                    <a:lnTo>
                      <a:pt x="2237" y="424"/>
                    </a:lnTo>
                    <a:lnTo>
                      <a:pt x="2240" y="426"/>
                    </a:lnTo>
                    <a:lnTo>
                      <a:pt x="2242" y="426"/>
                    </a:lnTo>
                    <a:lnTo>
                      <a:pt x="2247" y="430"/>
                    </a:lnTo>
                    <a:lnTo>
                      <a:pt x="2251" y="436"/>
                    </a:lnTo>
                    <a:lnTo>
                      <a:pt x="2256" y="444"/>
                    </a:lnTo>
                    <a:lnTo>
                      <a:pt x="2263" y="454"/>
                    </a:lnTo>
                    <a:lnTo>
                      <a:pt x="2269" y="466"/>
                    </a:lnTo>
                    <a:lnTo>
                      <a:pt x="2277" y="476"/>
                    </a:lnTo>
                    <a:lnTo>
                      <a:pt x="2286" y="485"/>
                    </a:lnTo>
                    <a:lnTo>
                      <a:pt x="2294" y="493"/>
                    </a:lnTo>
                    <a:lnTo>
                      <a:pt x="2313" y="510"/>
                    </a:lnTo>
                    <a:lnTo>
                      <a:pt x="2333" y="527"/>
                    </a:lnTo>
                    <a:lnTo>
                      <a:pt x="2339" y="533"/>
                    </a:lnTo>
                    <a:lnTo>
                      <a:pt x="2347" y="540"/>
                    </a:lnTo>
                    <a:lnTo>
                      <a:pt x="2354" y="544"/>
                    </a:lnTo>
                    <a:lnTo>
                      <a:pt x="2361" y="546"/>
                    </a:lnTo>
                    <a:lnTo>
                      <a:pt x="2369" y="548"/>
                    </a:lnTo>
                    <a:lnTo>
                      <a:pt x="2377" y="546"/>
                    </a:lnTo>
                    <a:lnTo>
                      <a:pt x="2383" y="542"/>
                    </a:lnTo>
                    <a:lnTo>
                      <a:pt x="2391" y="536"/>
                    </a:lnTo>
                    <a:lnTo>
                      <a:pt x="2396" y="531"/>
                    </a:lnTo>
                    <a:lnTo>
                      <a:pt x="2403" y="528"/>
                    </a:lnTo>
                    <a:lnTo>
                      <a:pt x="2409" y="527"/>
                    </a:lnTo>
                    <a:lnTo>
                      <a:pt x="2416" y="528"/>
                    </a:lnTo>
                    <a:lnTo>
                      <a:pt x="2421" y="531"/>
                    </a:lnTo>
                    <a:lnTo>
                      <a:pt x="2425" y="535"/>
                    </a:lnTo>
                    <a:lnTo>
                      <a:pt x="2427" y="541"/>
                    </a:lnTo>
                    <a:lnTo>
                      <a:pt x="2429" y="549"/>
                    </a:lnTo>
                    <a:lnTo>
                      <a:pt x="2433" y="573"/>
                    </a:lnTo>
                    <a:lnTo>
                      <a:pt x="2439" y="597"/>
                    </a:lnTo>
                    <a:lnTo>
                      <a:pt x="2440" y="608"/>
                    </a:lnTo>
                    <a:lnTo>
                      <a:pt x="2442" y="619"/>
                    </a:lnTo>
                    <a:lnTo>
                      <a:pt x="2440" y="624"/>
                    </a:lnTo>
                    <a:lnTo>
                      <a:pt x="2439" y="629"/>
                    </a:lnTo>
                    <a:lnTo>
                      <a:pt x="2436" y="634"/>
                    </a:lnTo>
                    <a:lnTo>
                      <a:pt x="2434" y="640"/>
                    </a:lnTo>
                    <a:lnTo>
                      <a:pt x="2431" y="645"/>
                    </a:lnTo>
                    <a:lnTo>
                      <a:pt x="2429" y="650"/>
                    </a:lnTo>
                    <a:lnTo>
                      <a:pt x="2427" y="655"/>
                    </a:lnTo>
                    <a:lnTo>
                      <a:pt x="2426" y="660"/>
                    </a:lnTo>
                    <a:lnTo>
                      <a:pt x="2426" y="665"/>
                    </a:lnTo>
                    <a:lnTo>
                      <a:pt x="2426" y="671"/>
                    </a:lnTo>
                    <a:lnTo>
                      <a:pt x="2427" y="676"/>
                    </a:lnTo>
                    <a:lnTo>
                      <a:pt x="2430" y="680"/>
                    </a:lnTo>
                    <a:lnTo>
                      <a:pt x="2435" y="689"/>
                    </a:lnTo>
                    <a:lnTo>
                      <a:pt x="2443" y="698"/>
                    </a:lnTo>
                    <a:lnTo>
                      <a:pt x="2452" y="706"/>
                    </a:lnTo>
                    <a:lnTo>
                      <a:pt x="2462" y="712"/>
                    </a:lnTo>
                    <a:lnTo>
                      <a:pt x="2482" y="722"/>
                    </a:lnTo>
                    <a:lnTo>
                      <a:pt x="2503" y="731"/>
                    </a:lnTo>
                    <a:lnTo>
                      <a:pt x="2523" y="742"/>
                    </a:lnTo>
                    <a:lnTo>
                      <a:pt x="2544" y="75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8" name="Freeform 72">
                <a:extLst>
                  <a:ext uri="{FF2B5EF4-FFF2-40B4-BE49-F238E27FC236}">
                    <a16:creationId xmlns:a16="http://schemas.microsoft.com/office/drawing/2014/main" id="{3180163D-43A2-9348-8B83-2FDD4361B6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67023" y="3162970"/>
                <a:ext cx="41899" cy="74059"/>
              </a:xfrm>
              <a:custGeom>
                <a:avLst/>
                <a:gdLst/>
                <a:ahLst/>
                <a:cxnLst>
                  <a:cxn ang="0">
                    <a:pos x="92" y="114"/>
                  </a:cxn>
                  <a:cxn ang="0">
                    <a:pos x="74" y="162"/>
                  </a:cxn>
                  <a:cxn ang="0">
                    <a:pos x="74" y="162"/>
                  </a:cxn>
                  <a:cxn ang="0">
                    <a:pos x="61" y="154"/>
                  </a:cxn>
                  <a:cxn ang="0">
                    <a:pos x="46" y="148"/>
                  </a:cxn>
                  <a:cxn ang="0">
                    <a:pos x="38" y="145"/>
                  </a:cxn>
                  <a:cxn ang="0">
                    <a:pos x="31" y="141"/>
                  </a:cxn>
                  <a:cxn ang="0">
                    <a:pos x="26" y="136"/>
                  </a:cxn>
                  <a:cxn ang="0">
                    <a:pos x="22" y="130"/>
                  </a:cxn>
                  <a:cxn ang="0">
                    <a:pos x="20" y="123"/>
                  </a:cxn>
                  <a:cxn ang="0">
                    <a:pos x="18" y="117"/>
                  </a:cxn>
                  <a:cxn ang="0">
                    <a:pos x="18" y="109"/>
                  </a:cxn>
                  <a:cxn ang="0">
                    <a:pos x="21" y="104"/>
                  </a:cxn>
                  <a:cxn ang="0">
                    <a:pos x="25" y="99"/>
                  </a:cxn>
                  <a:cxn ang="0">
                    <a:pos x="29" y="96"/>
                  </a:cxn>
                  <a:cxn ang="0">
                    <a:pos x="34" y="95"/>
                  </a:cxn>
                  <a:cxn ang="0">
                    <a:pos x="38" y="94"/>
                  </a:cxn>
                  <a:cxn ang="0">
                    <a:pos x="47" y="94"/>
                  </a:cxn>
                  <a:cxn ang="0">
                    <a:pos x="58" y="92"/>
                  </a:cxn>
                  <a:cxn ang="0">
                    <a:pos x="62" y="90"/>
                  </a:cxn>
                  <a:cxn ang="0">
                    <a:pos x="65" y="87"/>
                  </a:cxn>
                  <a:cxn ang="0">
                    <a:pos x="65" y="82"/>
                  </a:cxn>
                  <a:cxn ang="0">
                    <a:pos x="64" y="78"/>
                  </a:cxn>
                  <a:cxn ang="0">
                    <a:pos x="56" y="66"/>
                  </a:cxn>
                  <a:cxn ang="0">
                    <a:pos x="46" y="55"/>
                  </a:cxn>
                  <a:cxn ang="0">
                    <a:pos x="21" y="31"/>
                  </a:cxn>
                  <a:cxn ang="0">
                    <a:pos x="7" y="18"/>
                  </a:cxn>
                  <a:cxn ang="0">
                    <a:pos x="1" y="12"/>
                  </a:cxn>
                  <a:cxn ang="0">
                    <a:pos x="0" y="7"/>
                  </a:cxn>
                  <a:cxn ang="0">
                    <a:pos x="0" y="3"/>
                  </a:cxn>
                  <a:cxn ang="0">
                    <a:pos x="3" y="0"/>
                  </a:cxn>
                  <a:cxn ang="0">
                    <a:pos x="7" y="0"/>
                  </a:cxn>
                  <a:cxn ang="0">
                    <a:pos x="12" y="2"/>
                  </a:cxn>
                  <a:cxn ang="0">
                    <a:pos x="17" y="3"/>
                  </a:cxn>
                  <a:cxn ang="0">
                    <a:pos x="24" y="7"/>
                  </a:cxn>
                  <a:cxn ang="0">
                    <a:pos x="33" y="16"/>
                  </a:cxn>
                  <a:cxn ang="0">
                    <a:pos x="46" y="29"/>
                  </a:cxn>
                  <a:cxn ang="0">
                    <a:pos x="51" y="35"/>
                  </a:cxn>
                  <a:cxn ang="0">
                    <a:pos x="57" y="40"/>
                  </a:cxn>
                  <a:cxn ang="0">
                    <a:pos x="62" y="44"/>
                  </a:cxn>
                  <a:cxn ang="0">
                    <a:pos x="68" y="47"/>
                  </a:cxn>
                  <a:cxn ang="0">
                    <a:pos x="79" y="87"/>
                  </a:cxn>
                  <a:cxn ang="0">
                    <a:pos x="86" y="100"/>
                  </a:cxn>
                  <a:cxn ang="0">
                    <a:pos x="92" y="114"/>
                  </a:cxn>
                  <a:cxn ang="0">
                    <a:pos x="92" y="114"/>
                  </a:cxn>
                </a:cxnLst>
                <a:rect l="0" t="0" r="r" b="b"/>
                <a:pathLst>
                  <a:path w="92" h="162">
                    <a:moveTo>
                      <a:pt x="92" y="114"/>
                    </a:moveTo>
                    <a:lnTo>
                      <a:pt x="74" y="162"/>
                    </a:lnTo>
                    <a:lnTo>
                      <a:pt x="74" y="162"/>
                    </a:lnTo>
                    <a:lnTo>
                      <a:pt x="61" y="154"/>
                    </a:lnTo>
                    <a:lnTo>
                      <a:pt x="46" y="148"/>
                    </a:lnTo>
                    <a:lnTo>
                      <a:pt x="38" y="145"/>
                    </a:lnTo>
                    <a:lnTo>
                      <a:pt x="31" y="141"/>
                    </a:lnTo>
                    <a:lnTo>
                      <a:pt x="26" y="136"/>
                    </a:lnTo>
                    <a:lnTo>
                      <a:pt x="22" y="130"/>
                    </a:lnTo>
                    <a:lnTo>
                      <a:pt x="20" y="123"/>
                    </a:lnTo>
                    <a:lnTo>
                      <a:pt x="18" y="117"/>
                    </a:lnTo>
                    <a:lnTo>
                      <a:pt x="18" y="109"/>
                    </a:lnTo>
                    <a:lnTo>
                      <a:pt x="21" y="104"/>
                    </a:lnTo>
                    <a:lnTo>
                      <a:pt x="25" y="99"/>
                    </a:lnTo>
                    <a:lnTo>
                      <a:pt x="29" y="96"/>
                    </a:lnTo>
                    <a:lnTo>
                      <a:pt x="34" y="95"/>
                    </a:lnTo>
                    <a:lnTo>
                      <a:pt x="38" y="94"/>
                    </a:lnTo>
                    <a:lnTo>
                      <a:pt x="47" y="94"/>
                    </a:lnTo>
                    <a:lnTo>
                      <a:pt x="58" y="92"/>
                    </a:lnTo>
                    <a:lnTo>
                      <a:pt x="62" y="90"/>
                    </a:lnTo>
                    <a:lnTo>
                      <a:pt x="65" y="87"/>
                    </a:lnTo>
                    <a:lnTo>
                      <a:pt x="65" y="82"/>
                    </a:lnTo>
                    <a:lnTo>
                      <a:pt x="64" y="78"/>
                    </a:lnTo>
                    <a:lnTo>
                      <a:pt x="56" y="66"/>
                    </a:lnTo>
                    <a:lnTo>
                      <a:pt x="46" y="55"/>
                    </a:lnTo>
                    <a:lnTo>
                      <a:pt x="21" y="31"/>
                    </a:lnTo>
                    <a:lnTo>
                      <a:pt x="7" y="18"/>
                    </a:lnTo>
                    <a:lnTo>
                      <a:pt x="1" y="12"/>
                    </a:lnTo>
                    <a:lnTo>
                      <a:pt x="0" y="7"/>
                    </a:lnTo>
                    <a:lnTo>
                      <a:pt x="0" y="3"/>
                    </a:lnTo>
                    <a:lnTo>
                      <a:pt x="3" y="0"/>
                    </a:lnTo>
                    <a:lnTo>
                      <a:pt x="7" y="0"/>
                    </a:lnTo>
                    <a:lnTo>
                      <a:pt x="12" y="2"/>
                    </a:lnTo>
                    <a:lnTo>
                      <a:pt x="17" y="3"/>
                    </a:lnTo>
                    <a:lnTo>
                      <a:pt x="24" y="7"/>
                    </a:lnTo>
                    <a:lnTo>
                      <a:pt x="33" y="16"/>
                    </a:lnTo>
                    <a:lnTo>
                      <a:pt x="46" y="29"/>
                    </a:lnTo>
                    <a:lnTo>
                      <a:pt x="51" y="35"/>
                    </a:lnTo>
                    <a:lnTo>
                      <a:pt x="57" y="40"/>
                    </a:lnTo>
                    <a:lnTo>
                      <a:pt x="62" y="44"/>
                    </a:lnTo>
                    <a:lnTo>
                      <a:pt x="68" y="47"/>
                    </a:lnTo>
                    <a:lnTo>
                      <a:pt x="79" y="87"/>
                    </a:lnTo>
                    <a:lnTo>
                      <a:pt x="86" y="100"/>
                    </a:lnTo>
                    <a:lnTo>
                      <a:pt x="92" y="114"/>
                    </a:lnTo>
                    <a:lnTo>
                      <a:pt x="92" y="114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79" name="Freeform 73">
                <a:extLst>
                  <a:ext uri="{FF2B5EF4-FFF2-40B4-BE49-F238E27FC236}">
                    <a16:creationId xmlns:a16="http://schemas.microsoft.com/office/drawing/2014/main" id="{4B78F1BE-77BD-7042-BB38-364A41301E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95978" y="3060011"/>
                <a:ext cx="74690" cy="90315"/>
              </a:xfrm>
              <a:custGeom>
                <a:avLst/>
                <a:gdLst/>
                <a:ahLst/>
                <a:cxnLst>
                  <a:cxn ang="0">
                    <a:pos x="8" y="134"/>
                  </a:cxn>
                  <a:cxn ang="0">
                    <a:pos x="3" y="125"/>
                  </a:cxn>
                  <a:cxn ang="0">
                    <a:pos x="0" y="105"/>
                  </a:cxn>
                  <a:cxn ang="0">
                    <a:pos x="1" y="84"/>
                  </a:cxn>
                  <a:cxn ang="0">
                    <a:pos x="7" y="74"/>
                  </a:cxn>
                  <a:cxn ang="0">
                    <a:pos x="17" y="70"/>
                  </a:cxn>
                  <a:cxn ang="0">
                    <a:pos x="31" y="74"/>
                  </a:cxn>
                  <a:cxn ang="0">
                    <a:pos x="56" y="88"/>
                  </a:cxn>
                  <a:cxn ang="0">
                    <a:pos x="77" y="112"/>
                  </a:cxn>
                  <a:cxn ang="0">
                    <a:pos x="84" y="129"/>
                  </a:cxn>
                  <a:cxn ang="0">
                    <a:pos x="96" y="138"/>
                  </a:cxn>
                  <a:cxn ang="0">
                    <a:pos x="110" y="141"/>
                  </a:cxn>
                  <a:cxn ang="0">
                    <a:pos x="118" y="140"/>
                  </a:cxn>
                  <a:cxn ang="0">
                    <a:pos x="122" y="132"/>
                  </a:cxn>
                  <a:cxn ang="0">
                    <a:pos x="118" y="107"/>
                  </a:cxn>
                  <a:cxn ang="0">
                    <a:pos x="113" y="87"/>
                  </a:cxn>
                  <a:cxn ang="0">
                    <a:pos x="110" y="78"/>
                  </a:cxn>
                  <a:cxn ang="0">
                    <a:pos x="101" y="69"/>
                  </a:cxn>
                  <a:cxn ang="0">
                    <a:pos x="75" y="57"/>
                  </a:cxn>
                  <a:cxn ang="0">
                    <a:pos x="49" y="46"/>
                  </a:cxn>
                  <a:cxn ang="0">
                    <a:pos x="34" y="35"/>
                  </a:cxn>
                  <a:cxn ang="0">
                    <a:pos x="27" y="27"/>
                  </a:cxn>
                  <a:cxn ang="0">
                    <a:pos x="34" y="18"/>
                  </a:cxn>
                  <a:cxn ang="0">
                    <a:pos x="62" y="4"/>
                  </a:cxn>
                  <a:cxn ang="0">
                    <a:pos x="75" y="5"/>
                  </a:cxn>
                  <a:cxn ang="0">
                    <a:pos x="78" y="16"/>
                  </a:cxn>
                  <a:cxn ang="0">
                    <a:pos x="80" y="27"/>
                  </a:cxn>
                  <a:cxn ang="0">
                    <a:pos x="88" y="39"/>
                  </a:cxn>
                  <a:cxn ang="0">
                    <a:pos x="109" y="47"/>
                  </a:cxn>
                  <a:cxn ang="0">
                    <a:pos x="137" y="52"/>
                  </a:cxn>
                  <a:cxn ang="0">
                    <a:pos x="153" y="59"/>
                  </a:cxn>
                  <a:cxn ang="0">
                    <a:pos x="156" y="66"/>
                  </a:cxn>
                  <a:cxn ang="0">
                    <a:pos x="154" y="79"/>
                  </a:cxn>
                  <a:cxn ang="0">
                    <a:pos x="152" y="96"/>
                  </a:cxn>
                  <a:cxn ang="0">
                    <a:pos x="156" y="112"/>
                  </a:cxn>
                  <a:cxn ang="0">
                    <a:pos x="161" y="126"/>
                  </a:cxn>
                  <a:cxn ang="0">
                    <a:pos x="166" y="140"/>
                  </a:cxn>
                  <a:cxn ang="0">
                    <a:pos x="166" y="157"/>
                  </a:cxn>
                  <a:cxn ang="0">
                    <a:pos x="159" y="167"/>
                  </a:cxn>
                  <a:cxn ang="0">
                    <a:pos x="150" y="170"/>
                  </a:cxn>
                  <a:cxn ang="0">
                    <a:pos x="137" y="167"/>
                  </a:cxn>
                  <a:cxn ang="0">
                    <a:pos x="126" y="162"/>
                  </a:cxn>
                  <a:cxn ang="0">
                    <a:pos x="115" y="164"/>
                  </a:cxn>
                  <a:cxn ang="0">
                    <a:pos x="104" y="171"/>
                  </a:cxn>
                  <a:cxn ang="0">
                    <a:pos x="92" y="186"/>
                  </a:cxn>
                  <a:cxn ang="0">
                    <a:pos x="79" y="192"/>
                  </a:cxn>
                  <a:cxn ang="0">
                    <a:pos x="58" y="197"/>
                  </a:cxn>
                  <a:cxn ang="0">
                    <a:pos x="34" y="196"/>
                  </a:cxn>
                  <a:cxn ang="0">
                    <a:pos x="22" y="188"/>
                  </a:cxn>
                  <a:cxn ang="0">
                    <a:pos x="17" y="175"/>
                  </a:cxn>
                  <a:cxn ang="0">
                    <a:pos x="14" y="161"/>
                  </a:cxn>
                  <a:cxn ang="0">
                    <a:pos x="11" y="135"/>
                  </a:cxn>
                </a:cxnLst>
                <a:rect l="0" t="0" r="r" b="b"/>
                <a:pathLst>
                  <a:path w="166" h="197">
                    <a:moveTo>
                      <a:pt x="11" y="135"/>
                    </a:moveTo>
                    <a:lnTo>
                      <a:pt x="8" y="134"/>
                    </a:lnTo>
                    <a:lnTo>
                      <a:pt x="5" y="130"/>
                    </a:lnTo>
                    <a:lnTo>
                      <a:pt x="3" y="125"/>
                    </a:lnTo>
                    <a:lnTo>
                      <a:pt x="1" y="119"/>
                    </a:lnTo>
                    <a:lnTo>
                      <a:pt x="0" y="105"/>
                    </a:lnTo>
                    <a:lnTo>
                      <a:pt x="0" y="91"/>
                    </a:lnTo>
                    <a:lnTo>
                      <a:pt x="1" y="84"/>
                    </a:lnTo>
                    <a:lnTo>
                      <a:pt x="4" y="79"/>
                    </a:lnTo>
                    <a:lnTo>
                      <a:pt x="7" y="74"/>
                    </a:lnTo>
                    <a:lnTo>
                      <a:pt x="12" y="72"/>
                    </a:lnTo>
                    <a:lnTo>
                      <a:pt x="17" y="70"/>
                    </a:lnTo>
                    <a:lnTo>
                      <a:pt x="23" y="70"/>
                    </a:lnTo>
                    <a:lnTo>
                      <a:pt x="31" y="74"/>
                    </a:lnTo>
                    <a:lnTo>
                      <a:pt x="40" y="81"/>
                    </a:lnTo>
                    <a:lnTo>
                      <a:pt x="56" y="88"/>
                    </a:lnTo>
                    <a:lnTo>
                      <a:pt x="69" y="96"/>
                    </a:lnTo>
                    <a:lnTo>
                      <a:pt x="77" y="112"/>
                    </a:lnTo>
                    <a:lnTo>
                      <a:pt x="82" y="123"/>
                    </a:lnTo>
                    <a:lnTo>
                      <a:pt x="84" y="129"/>
                    </a:lnTo>
                    <a:lnTo>
                      <a:pt x="90" y="134"/>
                    </a:lnTo>
                    <a:lnTo>
                      <a:pt x="96" y="138"/>
                    </a:lnTo>
                    <a:lnTo>
                      <a:pt x="106" y="141"/>
                    </a:lnTo>
                    <a:lnTo>
                      <a:pt x="110" y="141"/>
                    </a:lnTo>
                    <a:lnTo>
                      <a:pt x="114" y="141"/>
                    </a:lnTo>
                    <a:lnTo>
                      <a:pt x="118" y="140"/>
                    </a:lnTo>
                    <a:lnTo>
                      <a:pt x="119" y="139"/>
                    </a:lnTo>
                    <a:lnTo>
                      <a:pt x="122" y="132"/>
                    </a:lnTo>
                    <a:lnTo>
                      <a:pt x="122" y="125"/>
                    </a:lnTo>
                    <a:lnTo>
                      <a:pt x="118" y="107"/>
                    </a:lnTo>
                    <a:lnTo>
                      <a:pt x="114" y="94"/>
                    </a:lnTo>
                    <a:lnTo>
                      <a:pt x="113" y="87"/>
                    </a:lnTo>
                    <a:lnTo>
                      <a:pt x="112" y="82"/>
                    </a:lnTo>
                    <a:lnTo>
                      <a:pt x="110" y="78"/>
                    </a:lnTo>
                    <a:lnTo>
                      <a:pt x="108" y="74"/>
                    </a:lnTo>
                    <a:lnTo>
                      <a:pt x="101" y="69"/>
                    </a:lnTo>
                    <a:lnTo>
                      <a:pt x="93" y="64"/>
                    </a:lnTo>
                    <a:lnTo>
                      <a:pt x="75" y="57"/>
                    </a:lnTo>
                    <a:lnTo>
                      <a:pt x="57" y="50"/>
                    </a:lnTo>
                    <a:lnTo>
                      <a:pt x="49" y="46"/>
                    </a:lnTo>
                    <a:lnTo>
                      <a:pt x="39" y="39"/>
                    </a:lnTo>
                    <a:lnTo>
                      <a:pt x="34" y="35"/>
                    </a:lnTo>
                    <a:lnTo>
                      <a:pt x="30" y="31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34" y="18"/>
                    </a:lnTo>
                    <a:lnTo>
                      <a:pt x="48" y="11"/>
                    </a:lnTo>
                    <a:lnTo>
                      <a:pt x="62" y="4"/>
                    </a:lnTo>
                    <a:lnTo>
                      <a:pt x="71" y="0"/>
                    </a:lnTo>
                    <a:lnTo>
                      <a:pt x="75" y="5"/>
                    </a:lnTo>
                    <a:lnTo>
                      <a:pt x="77" y="11"/>
                    </a:lnTo>
                    <a:lnTo>
                      <a:pt x="78" y="16"/>
                    </a:lnTo>
                    <a:lnTo>
                      <a:pt x="79" y="22"/>
                    </a:lnTo>
                    <a:lnTo>
                      <a:pt x="80" y="27"/>
                    </a:lnTo>
                    <a:lnTo>
                      <a:pt x="83" y="34"/>
                    </a:lnTo>
                    <a:lnTo>
                      <a:pt x="88" y="39"/>
                    </a:lnTo>
                    <a:lnTo>
                      <a:pt x="96" y="43"/>
                    </a:lnTo>
                    <a:lnTo>
                      <a:pt x="109" y="47"/>
                    </a:lnTo>
                    <a:lnTo>
                      <a:pt x="123" y="50"/>
                    </a:lnTo>
                    <a:lnTo>
                      <a:pt x="137" y="52"/>
                    </a:lnTo>
                    <a:lnTo>
                      <a:pt x="150" y="56"/>
                    </a:lnTo>
                    <a:lnTo>
                      <a:pt x="153" y="59"/>
                    </a:lnTo>
                    <a:lnTo>
                      <a:pt x="156" y="62"/>
                    </a:lnTo>
                    <a:lnTo>
                      <a:pt x="156" y="66"/>
                    </a:lnTo>
                    <a:lnTo>
                      <a:pt x="156" y="70"/>
                    </a:lnTo>
                    <a:lnTo>
                      <a:pt x="154" y="79"/>
                    </a:lnTo>
                    <a:lnTo>
                      <a:pt x="153" y="87"/>
                    </a:lnTo>
                    <a:lnTo>
                      <a:pt x="152" y="96"/>
                    </a:lnTo>
                    <a:lnTo>
                      <a:pt x="153" y="104"/>
                    </a:lnTo>
                    <a:lnTo>
                      <a:pt x="156" y="112"/>
                    </a:lnTo>
                    <a:lnTo>
                      <a:pt x="158" y="119"/>
                    </a:lnTo>
                    <a:lnTo>
                      <a:pt x="161" y="126"/>
                    </a:lnTo>
                    <a:lnTo>
                      <a:pt x="163" y="134"/>
                    </a:lnTo>
                    <a:lnTo>
                      <a:pt x="166" y="140"/>
                    </a:lnTo>
                    <a:lnTo>
                      <a:pt x="166" y="149"/>
                    </a:lnTo>
                    <a:lnTo>
                      <a:pt x="166" y="157"/>
                    </a:lnTo>
                    <a:lnTo>
                      <a:pt x="163" y="164"/>
                    </a:lnTo>
                    <a:lnTo>
                      <a:pt x="159" y="167"/>
                    </a:lnTo>
                    <a:lnTo>
                      <a:pt x="156" y="169"/>
                    </a:lnTo>
                    <a:lnTo>
                      <a:pt x="150" y="170"/>
                    </a:lnTo>
                    <a:lnTo>
                      <a:pt x="144" y="169"/>
                    </a:lnTo>
                    <a:lnTo>
                      <a:pt x="137" y="167"/>
                    </a:lnTo>
                    <a:lnTo>
                      <a:pt x="131" y="165"/>
                    </a:lnTo>
                    <a:lnTo>
                      <a:pt x="126" y="162"/>
                    </a:lnTo>
                    <a:lnTo>
                      <a:pt x="121" y="162"/>
                    </a:lnTo>
                    <a:lnTo>
                      <a:pt x="115" y="164"/>
                    </a:lnTo>
                    <a:lnTo>
                      <a:pt x="112" y="165"/>
                    </a:lnTo>
                    <a:lnTo>
                      <a:pt x="104" y="171"/>
                    </a:lnTo>
                    <a:lnTo>
                      <a:pt x="97" y="179"/>
                    </a:lnTo>
                    <a:lnTo>
                      <a:pt x="92" y="186"/>
                    </a:lnTo>
                    <a:lnTo>
                      <a:pt x="87" y="189"/>
                    </a:lnTo>
                    <a:lnTo>
                      <a:pt x="79" y="192"/>
                    </a:lnTo>
                    <a:lnTo>
                      <a:pt x="73" y="195"/>
                    </a:lnTo>
                    <a:lnTo>
                      <a:pt x="58" y="197"/>
                    </a:lnTo>
                    <a:lnTo>
                      <a:pt x="43" y="197"/>
                    </a:lnTo>
                    <a:lnTo>
                      <a:pt x="34" y="196"/>
                    </a:lnTo>
                    <a:lnTo>
                      <a:pt x="27" y="193"/>
                    </a:lnTo>
                    <a:lnTo>
                      <a:pt x="22" y="188"/>
                    </a:lnTo>
                    <a:lnTo>
                      <a:pt x="18" y="183"/>
                    </a:lnTo>
                    <a:lnTo>
                      <a:pt x="17" y="175"/>
                    </a:lnTo>
                    <a:lnTo>
                      <a:pt x="16" y="169"/>
                    </a:lnTo>
                    <a:lnTo>
                      <a:pt x="14" y="161"/>
                    </a:lnTo>
                    <a:lnTo>
                      <a:pt x="14" y="152"/>
                    </a:lnTo>
                    <a:lnTo>
                      <a:pt x="11" y="13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0" name="Freeform 74">
                <a:extLst>
                  <a:ext uri="{FF2B5EF4-FFF2-40B4-BE49-F238E27FC236}">
                    <a16:creationId xmlns:a16="http://schemas.microsoft.com/office/drawing/2014/main" id="{998E25FD-53B7-8445-98B1-155757768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8505" y="2931763"/>
                <a:ext cx="1229642" cy="1627481"/>
              </a:xfrm>
              <a:custGeom>
                <a:avLst/>
                <a:gdLst/>
                <a:ahLst/>
                <a:cxnLst>
                  <a:cxn ang="0">
                    <a:pos x="2500" y="1133"/>
                  </a:cxn>
                  <a:cxn ang="0">
                    <a:pos x="2606" y="1355"/>
                  </a:cxn>
                  <a:cxn ang="0">
                    <a:pos x="2635" y="1629"/>
                  </a:cxn>
                  <a:cxn ang="0">
                    <a:pos x="2671" y="1922"/>
                  </a:cxn>
                  <a:cxn ang="0">
                    <a:pos x="2503" y="1985"/>
                  </a:cxn>
                  <a:cxn ang="0">
                    <a:pos x="2205" y="2109"/>
                  </a:cxn>
                  <a:cxn ang="0">
                    <a:pos x="1912" y="2247"/>
                  </a:cxn>
                  <a:cxn ang="0">
                    <a:pos x="1887" y="2378"/>
                  </a:cxn>
                  <a:cxn ang="0">
                    <a:pos x="2012" y="2640"/>
                  </a:cxn>
                  <a:cxn ang="0">
                    <a:pos x="2215" y="2925"/>
                  </a:cxn>
                  <a:cxn ang="0">
                    <a:pos x="2140" y="3136"/>
                  </a:cxn>
                  <a:cxn ang="0">
                    <a:pos x="1996" y="3271"/>
                  </a:cxn>
                  <a:cxn ang="0">
                    <a:pos x="1948" y="3528"/>
                  </a:cxn>
                  <a:cxn ang="0">
                    <a:pos x="1800" y="3493"/>
                  </a:cxn>
                  <a:cxn ang="0">
                    <a:pos x="1653" y="3523"/>
                  </a:cxn>
                  <a:cxn ang="0">
                    <a:pos x="1326" y="3572"/>
                  </a:cxn>
                  <a:cxn ang="0">
                    <a:pos x="1168" y="3491"/>
                  </a:cxn>
                  <a:cxn ang="0">
                    <a:pos x="1070" y="3585"/>
                  </a:cxn>
                  <a:cxn ang="0">
                    <a:pos x="664" y="3308"/>
                  </a:cxn>
                  <a:cxn ang="0">
                    <a:pos x="562" y="3395"/>
                  </a:cxn>
                  <a:cxn ang="0">
                    <a:pos x="387" y="3365"/>
                  </a:cxn>
                  <a:cxn ang="0">
                    <a:pos x="277" y="3278"/>
                  </a:cxn>
                  <a:cxn ang="0">
                    <a:pos x="406" y="2940"/>
                  </a:cxn>
                  <a:cxn ang="0">
                    <a:pos x="382" y="2636"/>
                  </a:cxn>
                  <a:cxn ang="0">
                    <a:pos x="151" y="2510"/>
                  </a:cxn>
                  <a:cxn ang="0">
                    <a:pos x="75" y="2305"/>
                  </a:cxn>
                  <a:cxn ang="0">
                    <a:pos x="5" y="2085"/>
                  </a:cxn>
                  <a:cxn ang="0">
                    <a:pos x="16" y="1792"/>
                  </a:cxn>
                  <a:cxn ang="0">
                    <a:pos x="132" y="1518"/>
                  </a:cxn>
                  <a:cxn ang="0">
                    <a:pos x="84" y="1369"/>
                  </a:cxn>
                  <a:cxn ang="0">
                    <a:pos x="331" y="1314"/>
                  </a:cxn>
                  <a:cxn ang="0">
                    <a:pos x="414" y="1184"/>
                  </a:cxn>
                  <a:cxn ang="0">
                    <a:pos x="423" y="1044"/>
                  </a:cxn>
                  <a:cxn ang="0">
                    <a:pos x="533" y="870"/>
                  </a:cxn>
                  <a:cxn ang="0">
                    <a:pos x="548" y="699"/>
                  </a:cxn>
                  <a:cxn ang="0">
                    <a:pos x="594" y="554"/>
                  </a:cxn>
                  <a:cxn ang="0">
                    <a:pos x="864" y="607"/>
                  </a:cxn>
                  <a:cxn ang="0">
                    <a:pos x="901" y="708"/>
                  </a:cxn>
                  <a:cxn ang="0">
                    <a:pos x="961" y="715"/>
                  </a:cxn>
                  <a:cxn ang="0">
                    <a:pos x="984" y="546"/>
                  </a:cxn>
                  <a:cxn ang="0">
                    <a:pos x="1177" y="557"/>
                  </a:cxn>
                  <a:cxn ang="0">
                    <a:pos x="1138" y="496"/>
                  </a:cxn>
                  <a:cxn ang="0">
                    <a:pos x="1101" y="380"/>
                  </a:cxn>
                  <a:cxn ang="0">
                    <a:pos x="1061" y="333"/>
                  </a:cxn>
                  <a:cxn ang="0">
                    <a:pos x="1146" y="233"/>
                  </a:cxn>
                  <a:cxn ang="0">
                    <a:pos x="1226" y="64"/>
                  </a:cxn>
                  <a:cxn ang="0">
                    <a:pos x="1410" y="73"/>
                  </a:cxn>
                  <a:cxn ang="0">
                    <a:pos x="1454" y="225"/>
                  </a:cxn>
                  <a:cxn ang="0">
                    <a:pos x="1469" y="303"/>
                  </a:cxn>
                  <a:cxn ang="0">
                    <a:pos x="1563" y="335"/>
                  </a:cxn>
                  <a:cxn ang="0">
                    <a:pos x="1706" y="325"/>
                  </a:cxn>
                  <a:cxn ang="0">
                    <a:pos x="1771" y="360"/>
                  </a:cxn>
                  <a:cxn ang="0">
                    <a:pos x="1616" y="489"/>
                  </a:cxn>
                  <a:cxn ang="0">
                    <a:pos x="1727" y="529"/>
                  </a:cxn>
                  <a:cxn ang="0">
                    <a:pos x="1886" y="494"/>
                  </a:cxn>
                  <a:cxn ang="0">
                    <a:pos x="2096" y="377"/>
                  </a:cxn>
                  <a:cxn ang="0">
                    <a:pos x="2084" y="428"/>
                  </a:cxn>
                  <a:cxn ang="0">
                    <a:pos x="2206" y="447"/>
                  </a:cxn>
                  <a:cxn ang="0">
                    <a:pos x="2347" y="540"/>
                  </a:cxn>
                  <a:cxn ang="0">
                    <a:pos x="2440" y="624"/>
                  </a:cxn>
                  <a:cxn ang="0">
                    <a:pos x="2544" y="750"/>
                  </a:cxn>
                </a:cxnLst>
                <a:rect l="0" t="0" r="r" b="b"/>
                <a:pathLst>
                  <a:path w="2701" h="3602">
                    <a:moveTo>
                      <a:pt x="2544" y="750"/>
                    </a:moveTo>
                    <a:lnTo>
                      <a:pt x="2557" y="834"/>
                    </a:lnTo>
                    <a:lnTo>
                      <a:pt x="2566" y="878"/>
                    </a:lnTo>
                    <a:lnTo>
                      <a:pt x="2576" y="925"/>
                    </a:lnTo>
                    <a:lnTo>
                      <a:pt x="2580" y="948"/>
                    </a:lnTo>
                    <a:lnTo>
                      <a:pt x="2583" y="970"/>
                    </a:lnTo>
                    <a:lnTo>
                      <a:pt x="2583" y="982"/>
                    </a:lnTo>
                    <a:lnTo>
                      <a:pt x="2583" y="993"/>
                    </a:lnTo>
                    <a:lnTo>
                      <a:pt x="2582" y="1004"/>
                    </a:lnTo>
                    <a:lnTo>
                      <a:pt x="2579" y="1014"/>
                    </a:lnTo>
                    <a:lnTo>
                      <a:pt x="2572" y="1032"/>
                    </a:lnTo>
                    <a:lnTo>
                      <a:pt x="2565" y="1049"/>
                    </a:lnTo>
                    <a:lnTo>
                      <a:pt x="2554" y="1066"/>
                    </a:lnTo>
                    <a:lnTo>
                      <a:pt x="2543" y="1080"/>
                    </a:lnTo>
                    <a:lnTo>
                      <a:pt x="2513" y="1108"/>
                    </a:lnTo>
                    <a:lnTo>
                      <a:pt x="2497" y="1123"/>
                    </a:lnTo>
                    <a:lnTo>
                      <a:pt x="2497" y="1125"/>
                    </a:lnTo>
                    <a:lnTo>
                      <a:pt x="2497" y="1129"/>
                    </a:lnTo>
                    <a:lnTo>
                      <a:pt x="2500" y="1133"/>
                    </a:lnTo>
                    <a:lnTo>
                      <a:pt x="2503" y="1138"/>
                    </a:lnTo>
                    <a:lnTo>
                      <a:pt x="2515" y="1151"/>
                    </a:lnTo>
                    <a:lnTo>
                      <a:pt x="2535" y="1169"/>
                    </a:lnTo>
                    <a:lnTo>
                      <a:pt x="2569" y="1197"/>
                    </a:lnTo>
                    <a:lnTo>
                      <a:pt x="2606" y="1229"/>
                    </a:lnTo>
                    <a:lnTo>
                      <a:pt x="2615" y="1237"/>
                    </a:lnTo>
                    <a:lnTo>
                      <a:pt x="2622" y="1246"/>
                    </a:lnTo>
                    <a:lnTo>
                      <a:pt x="2628" y="1255"/>
                    </a:lnTo>
                    <a:lnTo>
                      <a:pt x="2632" y="1264"/>
                    </a:lnTo>
                    <a:lnTo>
                      <a:pt x="2636" y="1273"/>
                    </a:lnTo>
                    <a:lnTo>
                      <a:pt x="2636" y="1283"/>
                    </a:lnTo>
                    <a:lnTo>
                      <a:pt x="2635" y="1292"/>
                    </a:lnTo>
                    <a:lnTo>
                      <a:pt x="2631" y="1303"/>
                    </a:lnTo>
                    <a:lnTo>
                      <a:pt x="2622" y="1317"/>
                    </a:lnTo>
                    <a:lnTo>
                      <a:pt x="2611" y="1331"/>
                    </a:lnTo>
                    <a:lnTo>
                      <a:pt x="2607" y="1339"/>
                    </a:lnTo>
                    <a:lnTo>
                      <a:pt x="2606" y="1347"/>
                    </a:lnTo>
                    <a:lnTo>
                      <a:pt x="2606" y="1351"/>
                    </a:lnTo>
                    <a:lnTo>
                      <a:pt x="2606" y="1355"/>
                    </a:lnTo>
                    <a:lnTo>
                      <a:pt x="2607" y="1360"/>
                    </a:lnTo>
                    <a:lnTo>
                      <a:pt x="2610" y="1364"/>
                    </a:lnTo>
                    <a:lnTo>
                      <a:pt x="2622" y="1384"/>
                    </a:lnTo>
                    <a:lnTo>
                      <a:pt x="2627" y="1399"/>
                    </a:lnTo>
                    <a:lnTo>
                      <a:pt x="2628" y="1406"/>
                    </a:lnTo>
                    <a:lnTo>
                      <a:pt x="2628" y="1415"/>
                    </a:lnTo>
                    <a:lnTo>
                      <a:pt x="2627" y="1427"/>
                    </a:lnTo>
                    <a:lnTo>
                      <a:pt x="2624" y="1444"/>
                    </a:lnTo>
                    <a:lnTo>
                      <a:pt x="2626" y="1462"/>
                    </a:lnTo>
                    <a:lnTo>
                      <a:pt x="2629" y="1479"/>
                    </a:lnTo>
                    <a:lnTo>
                      <a:pt x="2633" y="1497"/>
                    </a:lnTo>
                    <a:lnTo>
                      <a:pt x="2637" y="1515"/>
                    </a:lnTo>
                    <a:lnTo>
                      <a:pt x="2637" y="1533"/>
                    </a:lnTo>
                    <a:lnTo>
                      <a:pt x="2637" y="1551"/>
                    </a:lnTo>
                    <a:lnTo>
                      <a:pt x="2635" y="1568"/>
                    </a:lnTo>
                    <a:lnTo>
                      <a:pt x="2633" y="1585"/>
                    </a:lnTo>
                    <a:lnTo>
                      <a:pt x="2633" y="1603"/>
                    </a:lnTo>
                    <a:lnTo>
                      <a:pt x="2633" y="1620"/>
                    </a:lnTo>
                    <a:lnTo>
                      <a:pt x="2635" y="1629"/>
                    </a:lnTo>
                    <a:lnTo>
                      <a:pt x="2636" y="1638"/>
                    </a:lnTo>
                    <a:lnTo>
                      <a:pt x="2639" y="1647"/>
                    </a:lnTo>
                    <a:lnTo>
                      <a:pt x="2642" y="1658"/>
                    </a:lnTo>
                    <a:lnTo>
                      <a:pt x="2654" y="1684"/>
                    </a:lnTo>
                    <a:lnTo>
                      <a:pt x="2666" y="1711"/>
                    </a:lnTo>
                    <a:lnTo>
                      <a:pt x="2679" y="1738"/>
                    </a:lnTo>
                    <a:lnTo>
                      <a:pt x="2689" y="1764"/>
                    </a:lnTo>
                    <a:lnTo>
                      <a:pt x="2693" y="1778"/>
                    </a:lnTo>
                    <a:lnTo>
                      <a:pt x="2697" y="1792"/>
                    </a:lnTo>
                    <a:lnTo>
                      <a:pt x="2699" y="1805"/>
                    </a:lnTo>
                    <a:lnTo>
                      <a:pt x="2701" y="1820"/>
                    </a:lnTo>
                    <a:lnTo>
                      <a:pt x="2701" y="1835"/>
                    </a:lnTo>
                    <a:lnTo>
                      <a:pt x="2699" y="1849"/>
                    </a:lnTo>
                    <a:lnTo>
                      <a:pt x="2697" y="1865"/>
                    </a:lnTo>
                    <a:lnTo>
                      <a:pt x="2693" y="1881"/>
                    </a:lnTo>
                    <a:lnTo>
                      <a:pt x="2689" y="1892"/>
                    </a:lnTo>
                    <a:lnTo>
                      <a:pt x="2684" y="1903"/>
                    </a:lnTo>
                    <a:lnTo>
                      <a:pt x="2677" y="1913"/>
                    </a:lnTo>
                    <a:lnTo>
                      <a:pt x="2671" y="1922"/>
                    </a:lnTo>
                    <a:lnTo>
                      <a:pt x="2655" y="1941"/>
                    </a:lnTo>
                    <a:lnTo>
                      <a:pt x="2639" y="1961"/>
                    </a:lnTo>
                    <a:lnTo>
                      <a:pt x="2623" y="1979"/>
                    </a:lnTo>
                    <a:lnTo>
                      <a:pt x="2607" y="1998"/>
                    </a:lnTo>
                    <a:lnTo>
                      <a:pt x="2601" y="2009"/>
                    </a:lnTo>
                    <a:lnTo>
                      <a:pt x="2595" y="2019"/>
                    </a:lnTo>
                    <a:lnTo>
                      <a:pt x="2589" y="2030"/>
                    </a:lnTo>
                    <a:lnTo>
                      <a:pt x="2584" y="2041"/>
                    </a:lnTo>
                    <a:lnTo>
                      <a:pt x="2584" y="2041"/>
                    </a:lnTo>
                    <a:lnTo>
                      <a:pt x="2549" y="2017"/>
                    </a:lnTo>
                    <a:lnTo>
                      <a:pt x="2544" y="2004"/>
                    </a:lnTo>
                    <a:lnTo>
                      <a:pt x="2539" y="1993"/>
                    </a:lnTo>
                    <a:lnTo>
                      <a:pt x="2536" y="1989"/>
                    </a:lnTo>
                    <a:lnTo>
                      <a:pt x="2534" y="1987"/>
                    </a:lnTo>
                    <a:lnTo>
                      <a:pt x="2530" y="1984"/>
                    </a:lnTo>
                    <a:lnTo>
                      <a:pt x="2526" y="1983"/>
                    </a:lnTo>
                    <a:lnTo>
                      <a:pt x="2519" y="1982"/>
                    </a:lnTo>
                    <a:lnTo>
                      <a:pt x="2512" y="1983"/>
                    </a:lnTo>
                    <a:lnTo>
                      <a:pt x="2503" y="1985"/>
                    </a:lnTo>
                    <a:lnTo>
                      <a:pt x="2493" y="1991"/>
                    </a:lnTo>
                    <a:lnTo>
                      <a:pt x="2475" y="2002"/>
                    </a:lnTo>
                    <a:lnTo>
                      <a:pt x="2457" y="2014"/>
                    </a:lnTo>
                    <a:lnTo>
                      <a:pt x="2448" y="2020"/>
                    </a:lnTo>
                    <a:lnTo>
                      <a:pt x="2439" y="2024"/>
                    </a:lnTo>
                    <a:lnTo>
                      <a:pt x="2430" y="2028"/>
                    </a:lnTo>
                    <a:lnTo>
                      <a:pt x="2421" y="2030"/>
                    </a:lnTo>
                    <a:lnTo>
                      <a:pt x="2408" y="2031"/>
                    </a:lnTo>
                    <a:lnTo>
                      <a:pt x="2396" y="2032"/>
                    </a:lnTo>
                    <a:lnTo>
                      <a:pt x="2385" y="2036"/>
                    </a:lnTo>
                    <a:lnTo>
                      <a:pt x="2373" y="2039"/>
                    </a:lnTo>
                    <a:lnTo>
                      <a:pt x="2352" y="2048"/>
                    </a:lnTo>
                    <a:lnTo>
                      <a:pt x="2332" y="2058"/>
                    </a:lnTo>
                    <a:lnTo>
                      <a:pt x="2312" y="2068"/>
                    </a:lnTo>
                    <a:lnTo>
                      <a:pt x="2291" y="2079"/>
                    </a:lnTo>
                    <a:lnTo>
                      <a:pt x="2269" y="2088"/>
                    </a:lnTo>
                    <a:lnTo>
                      <a:pt x="2246" y="2096"/>
                    </a:lnTo>
                    <a:lnTo>
                      <a:pt x="2225" y="2102"/>
                    </a:lnTo>
                    <a:lnTo>
                      <a:pt x="2205" y="2109"/>
                    </a:lnTo>
                    <a:lnTo>
                      <a:pt x="2185" y="2116"/>
                    </a:lnTo>
                    <a:lnTo>
                      <a:pt x="2167" y="2127"/>
                    </a:lnTo>
                    <a:lnTo>
                      <a:pt x="2149" y="2136"/>
                    </a:lnTo>
                    <a:lnTo>
                      <a:pt x="2131" y="2147"/>
                    </a:lnTo>
                    <a:lnTo>
                      <a:pt x="2113" y="2159"/>
                    </a:lnTo>
                    <a:lnTo>
                      <a:pt x="2094" y="2171"/>
                    </a:lnTo>
                    <a:lnTo>
                      <a:pt x="2083" y="2178"/>
                    </a:lnTo>
                    <a:lnTo>
                      <a:pt x="2071" y="2184"/>
                    </a:lnTo>
                    <a:lnTo>
                      <a:pt x="2058" y="2188"/>
                    </a:lnTo>
                    <a:lnTo>
                      <a:pt x="2045" y="2191"/>
                    </a:lnTo>
                    <a:lnTo>
                      <a:pt x="2018" y="2197"/>
                    </a:lnTo>
                    <a:lnTo>
                      <a:pt x="1991" y="2202"/>
                    </a:lnTo>
                    <a:lnTo>
                      <a:pt x="1977" y="2206"/>
                    </a:lnTo>
                    <a:lnTo>
                      <a:pt x="1964" y="2210"/>
                    </a:lnTo>
                    <a:lnTo>
                      <a:pt x="1952" y="2213"/>
                    </a:lnTo>
                    <a:lnTo>
                      <a:pt x="1940" y="2220"/>
                    </a:lnTo>
                    <a:lnTo>
                      <a:pt x="1930" y="2228"/>
                    </a:lnTo>
                    <a:lnTo>
                      <a:pt x="1920" y="2235"/>
                    </a:lnTo>
                    <a:lnTo>
                      <a:pt x="1912" y="2247"/>
                    </a:lnTo>
                    <a:lnTo>
                      <a:pt x="1905" y="2260"/>
                    </a:lnTo>
                    <a:lnTo>
                      <a:pt x="1901" y="2268"/>
                    </a:lnTo>
                    <a:lnTo>
                      <a:pt x="1896" y="2274"/>
                    </a:lnTo>
                    <a:lnTo>
                      <a:pt x="1892" y="2278"/>
                    </a:lnTo>
                    <a:lnTo>
                      <a:pt x="1887" y="2282"/>
                    </a:lnTo>
                    <a:lnTo>
                      <a:pt x="1877" y="2287"/>
                    </a:lnTo>
                    <a:lnTo>
                      <a:pt x="1866" y="2290"/>
                    </a:lnTo>
                    <a:lnTo>
                      <a:pt x="1857" y="2292"/>
                    </a:lnTo>
                    <a:lnTo>
                      <a:pt x="1848" y="2295"/>
                    </a:lnTo>
                    <a:lnTo>
                      <a:pt x="1846" y="2298"/>
                    </a:lnTo>
                    <a:lnTo>
                      <a:pt x="1842" y="2302"/>
                    </a:lnTo>
                    <a:lnTo>
                      <a:pt x="1841" y="2305"/>
                    </a:lnTo>
                    <a:lnTo>
                      <a:pt x="1839" y="2311"/>
                    </a:lnTo>
                    <a:lnTo>
                      <a:pt x="1848" y="2327"/>
                    </a:lnTo>
                    <a:lnTo>
                      <a:pt x="1859" y="2340"/>
                    </a:lnTo>
                    <a:lnTo>
                      <a:pt x="1869" y="2353"/>
                    </a:lnTo>
                    <a:lnTo>
                      <a:pt x="1879" y="2365"/>
                    </a:lnTo>
                    <a:lnTo>
                      <a:pt x="1883" y="2371"/>
                    </a:lnTo>
                    <a:lnTo>
                      <a:pt x="1887" y="2378"/>
                    </a:lnTo>
                    <a:lnTo>
                      <a:pt x="1890" y="2384"/>
                    </a:lnTo>
                    <a:lnTo>
                      <a:pt x="1892" y="2392"/>
                    </a:lnTo>
                    <a:lnTo>
                      <a:pt x="1895" y="2401"/>
                    </a:lnTo>
                    <a:lnTo>
                      <a:pt x="1895" y="2409"/>
                    </a:lnTo>
                    <a:lnTo>
                      <a:pt x="1895" y="2419"/>
                    </a:lnTo>
                    <a:lnTo>
                      <a:pt x="1894" y="2431"/>
                    </a:lnTo>
                    <a:lnTo>
                      <a:pt x="1891" y="2454"/>
                    </a:lnTo>
                    <a:lnTo>
                      <a:pt x="1888" y="2474"/>
                    </a:lnTo>
                    <a:lnTo>
                      <a:pt x="1887" y="2491"/>
                    </a:lnTo>
                    <a:lnTo>
                      <a:pt x="1888" y="2505"/>
                    </a:lnTo>
                    <a:lnTo>
                      <a:pt x="1891" y="2513"/>
                    </a:lnTo>
                    <a:lnTo>
                      <a:pt x="1894" y="2519"/>
                    </a:lnTo>
                    <a:lnTo>
                      <a:pt x="1896" y="2526"/>
                    </a:lnTo>
                    <a:lnTo>
                      <a:pt x="1901" y="2533"/>
                    </a:lnTo>
                    <a:lnTo>
                      <a:pt x="1914" y="2548"/>
                    </a:lnTo>
                    <a:lnTo>
                      <a:pt x="1933" y="2565"/>
                    </a:lnTo>
                    <a:lnTo>
                      <a:pt x="1956" y="2585"/>
                    </a:lnTo>
                    <a:lnTo>
                      <a:pt x="1983" y="2611"/>
                    </a:lnTo>
                    <a:lnTo>
                      <a:pt x="2012" y="2640"/>
                    </a:lnTo>
                    <a:lnTo>
                      <a:pt x="2040" y="2669"/>
                    </a:lnTo>
                    <a:lnTo>
                      <a:pt x="2053" y="2686"/>
                    </a:lnTo>
                    <a:lnTo>
                      <a:pt x="2066" y="2702"/>
                    </a:lnTo>
                    <a:lnTo>
                      <a:pt x="2079" y="2717"/>
                    </a:lnTo>
                    <a:lnTo>
                      <a:pt x="2089" y="2734"/>
                    </a:lnTo>
                    <a:lnTo>
                      <a:pt x="2100" y="2750"/>
                    </a:lnTo>
                    <a:lnTo>
                      <a:pt x="2107" y="2764"/>
                    </a:lnTo>
                    <a:lnTo>
                      <a:pt x="2115" y="2780"/>
                    </a:lnTo>
                    <a:lnTo>
                      <a:pt x="2119" y="2794"/>
                    </a:lnTo>
                    <a:lnTo>
                      <a:pt x="2127" y="2820"/>
                    </a:lnTo>
                    <a:lnTo>
                      <a:pt x="2133" y="2839"/>
                    </a:lnTo>
                    <a:lnTo>
                      <a:pt x="2141" y="2855"/>
                    </a:lnTo>
                    <a:lnTo>
                      <a:pt x="2150" y="2868"/>
                    </a:lnTo>
                    <a:lnTo>
                      <a:pt x="2161" y="2879"/>
                    </a:lnTo>
                    <a:lnTo>
                      <a:pt x="2173" y="2890"/>
                    </a:lnTo>
                    <a:lnTo>
                      <a:pt x="2192" y="2901"/>
                    </a:lnTo>
                    <a:lnTo>
                      <a:pt x="2212" y="2916"/>
                    </a:lnTo>
                    <a:lnTo>
                      <a:pt x="2214" y="2919"/>
                    </a:lnTo>
                    <a:lnTo>
                      <a:pt x="2215" y="2925"/>
                    </a:lnTo>
                    <a:lnTo>
                      <a:pt x="2256" y="3014"/>
                    </a:lnTo>
                    <a:lnTo>
                      <a:pt x="2256" y="3014"/>
                    </a:lnTo>
                    <a:lnTo>
                      <a:pt x="2247" y="3026"/>
                    </a:lnTo>
                    <a:lnTo>
                      <a:pt x="2240" y="3037"/>
                    </a:lnTo>
                    <a:lnTo>
                      <a:pt x="2236" y="3048"/>
                    </a:lnTo>
                    <a:lnTo>
                      <a:pt x="2232" y="3059"/>
                    </a:lnTo>
                    <a:lnTo>
                      <a:pt x="2230" y="3079"/>
                    </a:lnTo>
                    <a:lnTo>
                      <a:pt x="2230" y="3097"/>
                    </a:lnTo>
                    <a:lnTo>
                      <a:pt x="2229" y="3105"/>
                    </a:lnTo>
                    <a:lnTo>
                      <a:pt x="2227" y="3112"/>
                    </a:lnTo>
                    <a:lnTo>
                      <a:pt x="2223" y="3118"/>
                    </a:lnTo>
                    <a:lnTo>
                      <a:pt x="2216" y="3123"/>
                    </a:lnTo>
                    <a:lnTo>
                      <a:pt x="2208" y="3128"/>
                    </a:lnTo>
                    <a:lnTo>
                      <a:pt x="2195" y="3131"/>
                    </a:lnTo>
                    <a:lnTo>
                      <a:pt x="2180" y="3133"/>
                    </a:lnTo>
                    <a:lnTo>
                      <a:pt x="2159" y="3133"/>
                    </a:lnTo>
                    <a:lnTo>
                      <a:pt x="2151" y="3133"/>
                    </a:lnTo>
                    <a:lnTo>
                      <a:pt x="2146" y="3134"/>
                    </a:lnTo>
                    <a:lnTo>
                      <a:pt x="2140" y="3136"/>
                    </a:lnTo>
                    <a:lnTo>
                      <a:pt x="2135" y="3138"/>
                    </a:lnTo>
                    <a:lnTo>
                      <a:pt x="2127" y="3144"/>
                    </a:lnTo>
                    <a:lnTo>
                      <a:pt x="2119" y="3151"/>
                    </a:lnTo>
                    <a:lnTo>
                      <a:pt x="2114" y="3160"/>
                    </a:lnTo>
                    <a:lnTo>
                      <a:pt x="2110" y="3171"/>
                    </a:lnTo>
                    <a:lnTo>
                      <a:pt x="2106" y="3182"/>
                    </a:lnTo>
                    <a:lnTo>
                      <a:pt x="2102" y="3194"/>
                    </a:lnTo>
                    <a:lnTo>
                      <a:pt x="2098" y="3206"/>
                    </a:lnTo>
                    <a:lnTo>
                      <a:pt x="2094" y="3217"/>
                    </a:lnTo>
                    <a:lnTo>
                      <a:pt x="2089" y="3229"/>
                    </a:lnTo>
                    <a:lnTo>
                      <a:pt x="2083" y="3239"/>
                    </a:lnTo>
                    <a:lnTo>
                      <a:pt x="2075" y="3248"/>
                    </a:lnTo>
                    <a:lnTo>
                      <a:pt x="2065" y="3256"/>
                    </a:lnTo>
                    <a:lnTo>
                      <a:pt x="2059" y="3260"/>
                    </a:lnTo>
                    <a:lnTo>
                      <a:pt x="2053" y="3263"/>
                    </a:lnTo>
                    <a:lnTo>
                      <a:pt x="2045" y="3265"/>
                    </a:lnTo>
                    <a:lnTo>
                      <a:pt x="2037" y="3268"/>
                    </a:lnTo>
                    <a:lnTo>
                      <a:pt x="2017" y="3271"/>
                    </a:lnTo>
                    <a:lnTo>
                      <a:pt x="1996" y="3271"/>
                    </a:lnTo>
                    <a:lnTo>
                      <a:pt x="1974" y="3271"/>
                    </a:lnTo>
                    <a:lnTo>
                      <a:pt x="1953" y="3268"/>
                    </a:lnTo>
                    <a:lnTo>
                      <a:pt x="1931" y="3267"/>
                    </a:lnTo>
                    <a:lnTo>
                      <a:pt x="1910" y="3267"/>
                    </a:lnTo>
                    <a:lnTo>
                      <a:pt x="1891" y="3268"/>
                    </a:lnTo>
                    <a:lnTo>
                      <a:pt x="1873" y="3271"/>
                    </a:lnTo>
                    <a:lnTo>
                      <a:pt x="1872" y="3277"/>
                    </a:lnTo>
                    <a:lnTo>
                      <a:pt x="1872" y="3285"/>
                    </a:lnTo>
                    <a:lnTo>
                      <a:pt x="1873" y="3293"/>
                    </a:lnTo>
                    <a:lnTo>
                      <a:pt x="1874" y="3302"/>
                    </a:lnTo>
                    <a:lnTo>
                      <a:pt x="1879" y="3322"/>
                    </a:lnTo>
                    <a:lnTo>
                      <a:pt x="1887" y="3344"/>
                    </a:lnTo>
                    <a:lnTo>
                      <a:pt x="1907" y="3396"/>
                    </a:lnTo>
                    <a:lnTo>
                      <a:pt x="1927" y="3449"/>
                    </a:lnTo>
                    <a:lnTo>
                      <a:pt x="1936" y="3474"/>
                    </a:lnTo>
                    <a:lnTo>
                      <a:pt x="1943" y="3497"/>
                    </a:lnTo>
                    <a:lnTo>
                      <a:pt x="1945" y="3509"/>
                    </a:lnTo>
                    <a:lnTo>
                      <a:pt x="1947" y="3519"/>
                    </a:lnTo>
                    <a:lnTo>
                      <a:pt x="1948" y="3528"/>
                    </a:lnTo>
                    <a:lnTo>
                      <a:pt x="1948" y="3536"/>
                    </a:lnTo>
                    <a:lnTo>
                      <a:pt x="1945" y="3544"/>
                    </a:lnTo>
                    <a:lnTo>
                      <a:pt x="1943" y="3550"/>
                    </a:lnTo>
                    <a:lnTo>
                      <a:pt x="1939" y="3557"/>
                    </a:lnTo>
                    <a:lnTo>
                      <a:pt x="1934" y="3561"/>
                    </a:lnTo>
                    <a:lnTo>
                      <a:pt x="1927" y="3563"/>
                    </a:lnTo>
                    <a:lnTo>
                      <a:pt x="1920" y="3565"/>
                    </a:lnTo>
                    <a:lnTo>
                      <a:pt x="1909" y="3565"/>
                    </a:lnTo>
                    <a:lnTo>
                      <a:pt x="1898" y="3563"/>
                    </a:lnTo>
                    <a:lnTo>
                      <a:pt x="1888" y="3557"/>
                    </a:lnTo>
                    <a:lnTo>
                      <a:pt x="1879" y="3549"/>
                    </a:lnTo>
                    <a:lnTo>
                      <a:pt x="1873" y="3541"/>
                    </a:lnTo>
                    <a:lnTo>
                      <a:pt x="1865" y="3532"/>
                    </a:lnTo>
                    <a:lnTo>
                      <a:pt x="1859" y="3524"/>
                    </a:lnTo>
                    <a:lnTo>
                      <a:pt x="1851" y="3517"/>
                    </a:lnTo>
                    <a:lnTo>
                      <a:pt x="1842" y="3509"/>
                    </a:lnTo>
                    <a:lnTo>
                      <a:pt x="1833" y="3505"/>
                    </a:lnTo>
                    <a:lnTo>
                      <a:pt x="1816" y="3499"/>
                    </a:lnTo>
                    <a:lnTo>
                      <a:pt x="1800" y="3493"/>
                    </a:lnTo>
                    <a:lnTo>
                      <a:pt x="1786" y="3491"/>
                    </a:lnTo>
                    <a:lnTo>
                      <a:pt x="1768" y="3489"/>
                    </a:lnTo>
                    <a:lnTo>
                      <a:pt x="1763" y="3488"/>
                    </a:lnTo>
                    <a:lnTo>
                      <a:pt x="1756" y="3487"/>
                    </a:lnTo>
                    <a:lnTo>
                      <a:pt x="1751" y="3484"/>
                    </a:lnTo>
                    <a:lnTo>
                      <a:pt x="1746" y="3480"/>
                    </a:lnTo>
                    <a:lnTo>
                      <a:pt x="1736" y="3474"/>
                    </a:lnTo>
                    <a:lnTo>
                      <a:pt x="1727" y="3467"/>
                    </a:lnTo>
                    <a:lnTo>
                      <a:pt x="1721" y="3465"/>
                    </a:lnTo>
                    <a:lnTo>
                      <a:pt x="1716" y="3464"/>
                    </a:lnTo>
                    <a:lnTo>
                      <a:pt x="1711" y="3464"/>
                    </a:lnTo>
                    <a:lnTo>
                      <a:pt x="1706" y="3465"/>
                    </a:lnTo>
                    <a:lnTo>
                      <a:pt x="1695" y="3470"/>
                    </a:lnTo>
                    <a:lnTo>
                      <a:pt x="1688" y="3476"/>
                    </a:lnTo>
                    <a:lnTo>
                      <a:pt x="1680" y="3483"/>
                    </a:lnTo>
                    <a:lnTo>
                      <a:pt x="1675" y="3491"/>
                    </a:lnTo>
                    <a:lnTo>
                      <a:pt x="1668" y="3499"/>
                    </a:lnTo>
                    <a:lnTo>
                      <a:pt x="1663" y="3506"/>
                    </a:lnTo>
                    <a:lnTo>
                      <a:pt x="1653" y="3523"/>
                    </a:lnTo>
                    <a:lnTo>
                      <a:pt x="1640" y="3537"/>
                    </a:lnTo>
                    <a:lnTo>
                      <a:pt x="1627" y="3544"/>
                    </a:lnTo>
                    <a:lnTo>
                      <a:pt x="1614" y="3548"/>
                    </a:lnTo>
                    <a:lnTo>
                      <a:pt x="1601" y="3552"/>
                    </a:lnTo>
                    <a:lnTo>
                      <a:pt x="1587" y="3553"/>
                    </a:lnTo>
                    <a:lnTo>
                      <a:pt x="1561" y="3553"/>
                    </a:lnTo>
                    <a:lnTo>
                      <a:pt x="1533" y="3552"/>
                    </a:lnTo>
                    <a:lnTo>
                      <a:pt x="1506" y="3549"/>
                    </a:lnTo>
                    <a:lnTo>
                      <a:pt x="1480" y="3548"/>
                    </a:lnTo>
                    <a:lnTo>
                      <a:pt x="1466" y="3548"/>
                    </a:lnTo>
                    <a:lnTo>
                      <a:pt x="1453" y="3548"/>
                    </a:lnTo>
                    <a:lnTo>
                      <a:pt x="1440" y="3550"/>
                    </a:lnTo>
                    <a:lnTo>
                      <a:pt x="1427" y="3554"/>
                    </a:lnTo>
                    <a:lnTo>
                      <a:pt x="1401" y="3561"/>
                    </a:lnTo>
                    <a:lnTo>
                      <a:pt x="1377" y="3567"/>
                    </a:lnTo>
                    <a:lnTo>
                      <a:pt x="1364" y="3568"/>
                    </a:lnTo>
                    <a:lnTo>
                      <a:pt x="1351" y="3571"/>
                    </a:lnTo>
                    <a:lnTo>
                      <a:pt x="1339" y="3571"/>
                    </a:lnTo>
                    <a:lnTo>
                      <a:pt x="1326" y="3572"/>
                    </a:lnTo>
                    <a:lnTo>
                      <a:pt x="1315" y="3571"/>
                    </a:lnTo>
                    <a:lnTo>
                      <a:pt x="1303" y="3568"/>
                    </a:lnTo>
                    <a:lnTo>
                      <a:pt x="1291" y="3566"/>
                    </a:lnTo>
                    <a:lnTo>
                      <a:pt x="1280" y="3561"/>
                    </a:lnTo>
                    <a:lnTo>
                      <a:pt x="1269" y="3554"/>
                    </a:lnTo>
                    <a:lnTo>
                      <a:pt x="1259" y="3546"/>
                    </a:lnTo>
                    <a:lnTo>
                      <a:pt x="1250" y="3537"/>
                    </a:lnTo>
                    <a:lnTo>
                      <a:pt x="1241" y="3526"/>
                    </a:lnTo>
                    <a:lnTo>
                      <a:pt x="1236" y="3518"/>
                    </a:lnTo>
                    <a:lnTo>
                      <a:pt x="1229" y="3510"/>
                    </a:lnTo>
                    <a:lnTo>
                      <a:pt x="1221" y="3502"/>
                    </a:lnTo>
                    <a:lnTo>
                      <a:pt x="1214" y="3496"/>
                    </a:lnTo>
                    <a:lnTo>
                      <a:pt x="1204" y="3491"/>
                    </a:lnTo>
                    <a:lnTo>
                      <a:pt x="1195" y="3488"/>
                    </a:lnTo>
                    <a:lnTo>
                      <a:pt x="1190" y="3487"/>
                    </a:lnTo>
                    <a:lnTo>
                      <a:pt x="1185" y="3487"/>
                    </a:lnTo>
                    <a:lnTo>
                      <a:pt x="1180" y="3487"/>
                    </a:lnTo>
                    <a:lnTo>
                      <a:pt x="1175" y="3488"/>
                    </a:lnTo>
                    <a:lnTo>
                      <a:pt x="1168" y="3491"/>
                    </a:lnTo>
                    <a:lnTo>
                      <a:pt x="1163" y="3495"/>
                    </a:lnTo>
                    <a:lnTo>
                      <a:pt x="1159" y="3500"/>
                    </a:lnTo>
                    <a:lnTo>
                      <a:pt x="1157" y="3508"/>
                    </a:lnTo>
                    <a:lnTo>
                      <a:pt x="1153" y="3523"/>
                    </a:lnTo>
                    <a:lnTo>
                      <a:pt x="1150" y="3540"/>
                    </a:lnTo>
                    <a:lnTo>
                      <a:pt x="1149" y="3558"/>
                    </a:lnTo>
                    <a:lnTo>
                      <a:pt x="1146" y="3575"/>
                    </a:lnTo>
                    <a:lnTo>
                      <a:pt x="1145" y="3581"/>
                    </a:lnTo>
                    <a:lnTo>
                      <a:pt x="1142" y="3588"/>
                    </a:lnTo>
                    <a:lnTo>
                      <a:pt x="1138" y="3593"/>
                    </a:lnTo>
                    <a:lnTo>
                      <a:pt x="1134" y="3597"/>
                    </a:lnTo>
                    <a:lnTo>
                      <a:pt x="1127" y="3601"/>
                    </a:lnTo>
                    <a:lnTo>
                      <a:pt x="1119" y="3602"/>
                    </a:lnTo>
                    <a:lnTo>
                      <a:pt x="1110" y="3602"/>
                    </a:lnTo>
                    <a:lnTo>
                      <a:pt x="1102" y="3601"/>
                    </a:lnTo>
                    <a:lnTo>
                      <a:pt x="1094" y="3598"/>
                    </a:lnTo>
                    <a:lnTo>
                      <a:pt x="1085" y="3596"/>
                    </a:lnTo>
                    <a:lnTo>
                      <a:pt x="1077" y="3590"/>
                    </a:lnTo>
                    <a:lnTo>
                      <a:pt x="1070" y="3585"/>
                    </a:lnTo>
                    <a:lnTo>
                      <a:pt x="1039" y="3563"/>
                    </a:lnTo>
                    <a:lnTo>
                      <a:pt x="1013" y="3544"/>
                    </a:lnTo>
                    <a:lnTo>
                      <a:pt x="997" y="3532"/>
                    </a:lnTo>
                    <a:lnTo>
                      <a:pt x="976" y="3513"/>
                    </a:lnTo>
                    <a:lnTo>
                      <a:pt x="956" y="3493"/>
                    </a:lnTo>
                    <a:lnTo>
                      <a:pt x="941" y="3478"/>
                    </a:lnTo>
                    <a:lnTo>
                      <a:pt x="886" y="3488"/>
                    </a:lnTo>
                    <a:lnTo>
                      <a:pt x="886" y="3488"/>
                    </a:lnTo>
                    <a:lnTo>
                      <a:pt x="878" y="3449"/>
                    </a:lnTo>
                    <a:lnTo>
                      <a:pt x="800" y="3374"/>
                    </a:lnTo>
                    <a:lnTo>
                      <a:pt x="787" y="3364"/>
                    </a:lnTo>
                    <a:lnTo>
                      <a:pt x="774" y="3356"/>
                    </a:lnTo>
                    <a:lnTo>
                      <a:pt x="760" y="3350"/>
                    </a:lnTo>
                    <a:lnTo>
                      <a:pt x="745" y="3344"/>
                    </a:lnTo>
                    <a:lnTo>
                      <a:pt x="729" y="3339"/>
                    </a:lnTo>
                    <a:lnTo>
                      <a:pt x="713" y="3335"/>
                    </a:lnTo>
                    <a:lnTo>
                      <a:pt x="699" y="3329"/>
                    </a:lnTo>
                    <a:lnTo>
                      <a:pt x="684" y="3322"/>
                    </a:lnTo>
                    <a:lnTo>
                      <a:pt x="664" y="3308"/>
                    </a:lnTo>
                    <a:lnTo>
                      <a:pt x="646" y="3293"/>
                    </a:lnTo>
                    <a:lnTo>
                      <a:pt x="636" y="3285"/>
                    </a:lnTo>
                    <a:lnTo>
                      <a:pt x="625" y="3278"/>
                    </a:lnTo>
                    <a:lnTo>
                      <a:pt x="619" y="3277"/>
                    </a:lnTo>
                    <a:lnTo>
                      <a:pt x="614" y="3274"/>
                    </a:lnTo>
                    <a:lnTo>
                      <a:pt x="607" y="3274"/>
                    </a:lnTo>
                    <a:lnTo>
                      <a:pt x="601" y="3273"/>
                    </a:lnTo>
                    <a:lnTo>
                      <a:pt x="590" y="3274"/>
                    </a:lnTo>
                    <a:lnTo>
                      <a:pt x="581" y="3277"/>
                    </a:lnTo>
                    <a:lnTo>
                      <a:pt x="575" y="3281"/>
                    </a:lnTo>
                    <a:lnTo>
                      <a:pt x="570" y="3286"/>
                    </a:lnTo>
                    <a:lnTo>
                      <a:pt x="566" y="3293"/>
                    </a:lnTo>
                    <a:lnTo>
                      <a:pt x="563" y="3299"/>
                    </a:lnTo>
                    <a:lnTo>
                      <a:pt x="562" y="3307"/>
                    </a:lnTo>
                    <a:lnTo>
                      <a:pt x="562" y="3316"/>
                    </a:lnTo>
                    <a:lnTo>
                      <a:pt x="566" y="3352"/>
                    </a:lnTo>
                    <a:lnTo>
                      <a:pt x="568" y="3385"/>
                    </a:lnTo>
                    <a:lnTo>
                      <a:pt x="564" y="3390"/>
                    </a:lnTo>
                    <a:lnTo>
                      <a:pt x="562" y="3395"/>
                    </a:lnTo>
                    <a:lnTo>
                      <a:pt x="557" y="3400"/>
                    </a:lnTo>
                    <a:lnTo>
                      <a:pt x="552" y="3405"/>
                    </a:lnTo>
                    <a:lnTo>
                      <a:pt x="545" y="3409"/>
                    </a:lnTo>
                    <a:lnTo>
                      <a:pt x="537" y="3412"/>
                    </a:lnTo>
                    <a:lnTo>
                      <a:pt x="529" y="3412"/>
                    </a:lnTo>
                    <a:lnTo>
                      <a:pt x="520" y="3410"/>
                    </a:lnTo>
                    <a:lnTo>
                      <a:pt x="513" y="3407"/>
                    </a:lnTo>
                    <a:lnTo>
                      <a:pt x="504" y="3403"/>
                    </a:lnTo>
                    <a:lnTo>
                      <a:pt x="495" y="3399"/>
                    </a:lnTo>
                    <a:lnTo>
                      <a:pt x="485" y="3392"/>
                    </a:lnTo>
                    <a:lnTo>
                      <a:pt x="469" y="3382"/>
                    </a:lnTo>
                    <a:lnTo>
                      <a:pt x="452" y="3370"/>
                    </a:lnTo>
                    <a:lnTo>
                      <a:pt x="443" y="3366"/>
                    </a:lnTo>
                    <a:lnTo>
                      <a:pt x="435" y="3362"/>
                    </a:lnTo>
                    <a:lnTo>
                      <a:pt x="428" y="3360"/>
                    </a:lnTo>
                    <a:lnTo>
                      <a:pt x="421" y="3360"/>
                    </a:lnTo>
                    <a:lnTo>
                      <a:pt x="409" y="3360"/>
                    </a:lnTo>
                    <a:lnTo>
                      <a:pt x="399" y="3362"/>
                    </a:lnTo>
                    <a:lnTo>
                      <a:pt x="387" y="3365"/>
                    </a:lnTo>
                    <a:lnTo>
                      <a:pt x="375" y="3368"/>
                    </a:lnTo>
                    <a:lnTo>
                      <a:pt x="353" y="3374"/>
                    </a:lnTo>
                    <a:lnTo>
                      <a:pt x="331" y="3378"/>
                    </a:lnTo>
                    <a:lnTo>
                      <a:pt x="323" y="3378"/>
                    </a:lnTo>
                    <a:lnTo>
                      <a:pt x="316" y="3375"/>
                    </a:lnTo>
                    <a:lnTo>
                      <a:pt x="309" y="3373"/>
                    </a:lnTo>
                    <a:lnTo>
                      <a:pt x="303" y="3369"/>
                    </a:lnTo>
                    <a:lnTo>
                      <a:pt x="298" y="3364"/>
                    </a:lnTo>
                    <a:lnTo>
                      <a:pt x="294" y="3357"/>
                    </a:lnTo>
                    <a:lnTo>
                      <a:pt x="289" y="3351"/>
                    </a:lnTo>
                    <a:lnTo>
                      <a:pt x="286" y="3343"/>
                    </a:lnTo>
                    <a:lnTo>
                      <a:pt x="286" y="3343"/>
                    </a:lnTo>
                    <a:lnTo>
                      <a:pt x="282" y="3334"/>
                    </a:lnTo>
                    <a:lnTo>
                      <a:pt x="279" y="3324"/>
                    </a:lnTo>
                    <a:lnTo>
                      <a:pt x="278" y="3315"/>
                    </a:lnTo>
                    <a:lnTo>
                      <a:pt x="277" y="3304"/>
                    </a:lnTo>
                    <a:lnTo>
                      <a:pt x="276" y="3295"/>
                    </a:lnTo>
                    <a:lnTo>
                      <a:pt x="276" y="3286"/>
                    </a:lnTo>
                    <a:lnTo>
                      <a:pt x="277" y="3278"/>
                    </a:lnTo>
                    <a:lnTo>
                      <a:pt x="278" y="3271"/>
                    </a:lnTo>
                    <a:lnTo>
                      <a:pt x="286" y="3233"/>
                    </a:lnTo>
                    <a:lnTo>
                      <a:pt x="291" y="3198"/>
                    </a:lnTo>
                    <a:lnTo>
                      <a:pt x="294" y="3181"/>
                    </a:lnTo>
                    <a:lnTo>
                      <a:pt x="298" y="3164"/>
                    </a:lnTo>
                    <a:lnTo>
                      <a:pt x="304" y="3147"/>
                    </a:lnTo>
                    <a:lnTo>
                      <a:pt x="313" y="3131"/>
                    </a:lnTo>
                    <a:lnTo>
                      <a:pt x="330" y="3105"/>
                    </a:lnTo>
                    <a:lnTo>
                      <a:pt x="347" y="3080"/>
                    </a:lnTo>
                    <a:lnTo>
                      <a:pt x="355" y="3068"/>
                    </a:lnTo>
                    <a:lnTo>
                      <a:pt x="362" y="3054"/>
                    </a:lnTo>
                    <a:lnTo>
                      <a:pt x="368" y="3040"/>
                    </a:lnTo>
                    <a:lnTo>
                      <a:pt x="373" y="3024"/>
                    </a:lnTo>
                    <a:lnTo>
                      <a:pt x="377" y="3008"/>
                    </a:lnTo>
                    <a:lnTo>
                      <a:pt x="381" y="2993"/>
                    </a:lnTo>
                    <a:lnTo>
                      <a:pt x="386" y="2979"/>
                    </a:lnTo>
                    <a:lnTo>
                      <a:pt x="392" y="2965"/>
                    </a:lnTo>
                    <a:lnTo>
                      <a:pt x="399" y="2952"/>
                    </a:lnTo>
                    <a:lnTo>
                      <a:pt x="406" y="2940"/>
                    </a:lnTo>
                    <a:lnTo>
                      <a:pt x="414" y="2929"/>
                    </a:lnTo>
                    <a:lnTo>
                      <a:pt x="422" y="2917"/>
                    </a:lnTo>
                    <a:lnTo>
                      <a:pt x="440" y="2894"/>
                    </a:lnTo>
                    <a:lnTo>
                      <a:pt x="460" y="2872"/>
                    </a:lnTo>
                    <a:lnTo>
                      <a:pt x="482" y="2849"/>
                    </a:lnTo>
                    <a:lnTo>
                      <a:pt x="504" y="2826"/>
                    </a:lnTo>
                    <a:lnTo>
                      <a:pt x="523" y="2804"/>
                    </a:lnTo>
                    <a:lnTo>
                      <a:pt x="541" y="2780"/>
                    </a:lnTo>
                    <a:lnTo>
                      <a:pt x="557" y="2756"/>
                    </a:lnTo>
                    <a:lnTo>
                      <a:pt x="571" y="2732"/>
                    </a:lnTo>
                    <a:lnTo>
                      <a:pt x="541" y="2704"/>
                    </a:lnTo>
                    <a:lnTo>
                      <a:pt x="523" y="2693"/>
                    </a:lnTo>
                    <a:lnTo>
                      <a:pt x="505" y="2682"/>
                    </a:lnTo>
                    <a:lnTo>
                      <a:pt x="484" y="2672"/>
                    </a:lnTo>
                    <a:lnTo>
                      <a:pt x="465" y="2663"/>
                    </a:lnTo>
                    <a:lnTo>
                      <a:pt x="444" y="2655"/>
                    </a:lnTo>
                    <a:lnTo>
                      <a:pt x="423" y="2647"/>
                    </a:lnTo>
                    <a:lnTo>
                      <a:pt x="403" y="2641"/>
                    </a:lnTo>
                    <a:lnTo>
                      <a:pt x="382" y="2636"/>
                    </a:lnTo>
                    <a:lnTo>
                      <a:pt x="369" y="2632"/>
                    </a:lnTo>
                    <a:lnTo>
                      <a:pt x="358" y="2628"/>
                    </a:lnTo>
                    <a:lnTo>
                      <a:pt x="348" y="2623"/>
                    </a:lnTo>
                    <a:lnTo>
                      <a:pt x="339" y="2618"/>
                    </a:lnTo>
                    <a:lnTo>
                      <a:pt x="323" y="2605"/>
                    </a:lnTo>
                    <a:lnTo>
                      <a:pt x="308" y="2590"/>
                    </a:lnTo>
                    <a:lnTo>
                      <a:pt x="295" y="2576"/>
                    </a:lnTo>
                    <a:lnTo>
                      <a:pt x="279" y="2562"/>
                    </a:lnTo>
                    <a:lnTo>
                      <a:pt x="272" y="2555"/>
                    </a:lnTo>
                    <a:lnTo>
                      <a:pt x="264" y="2550"/>
                    </a:lnTo>
                    <a:lnTo>
                      <a:pt x="255" y="2545"/>
                    </a:lnTo>
                    <a:lnTo>
                      <a:pt x="246" y="2540"/>
                    </a:lnTo>
                    <a:lnTo>
                      <a:pt x="232" y="2535"/>
                    </a:lnTo>
                    <a:lnTo>
                      <a:pt x="216" y="2531"/>
                    </a:lnTo>
                    <a:lnTo>
                      <a:pt x="200" y="2528"/>
                    </a:lnTo>
                    <a:lnTo>
                      <a:pt x="185" y="2524"/>
                    </a:lnTo>
                    <a:lnTo>
                      <a:pt x="171" y="2520"/>
                    </a:lnTo>
                    <a:lnTo>
                      <a:pt x="158" y="2514"/>
                    </a:lnTo>
                    <a:lnTo>
                      <a:pt x="151" y="2510"/>
                    </a:lnTo>
                    <a:lnTo>
                      <a:pt x="145" y="2506"/>
                    </a:lnTo>
                    <a:lnTo>
                      <a:pt x="140" y="2500"/>
                    </a:lnTo>
                    <a:lnTo>
                      <a:pt x="134" y="2493"/>
                    </a:lnTo>
                    <a:lnTo>
                      <a:pt x="114" y="2465"/>
                    </a:lnTo>
                    <a:lnTo>
                      <a:pt x="94" y="2438"/>
                    </a:lnTo>
                    <a:lnTo>
                      <a:pt x="83" y="2425"/>
                    </a:lnTo>
                    <a:lnTo>
                      <a:pt x="71" y="2412"/>
                    </a:lnTo>
                    <a:lnTo>
                      <a:pt x="59" y="2399"/>
                    </a:lnTo>
                    <a:lnTo>
                      <a:pt x="45" y="2387"/>
                    </a:lnTo>
                    <a:lnTo>
                      <a:pt x="45" y="2387"/>
                    </a:lnTo>
                    <a:lnTo>
                      <a:pt x="46" y="2381"/>
                    </a:lnTo>
                    <a:lnTo>
                      <a:pt x="48" y="2373"/>
                    </a:lnTo>
                    <a:lnTo>
                      <a:pt x="49" y="2366"/>
                    </a:lnTo>
                    <a:lnTo>
                      <a:pt x="51" y="2360"/>
                    </a:lnTo>
                    <a:lnTo>
                      <a:pt x="57" y="2348"/>
                    </a:lnTo>
                    <a:lnTo>
                      <a:pt x="63" y="2337"/>
                    </a:lnTo>
                    <a:lnTo>
                      <a:pt x="68" y="2325"/>
                    </a:lnTo>
                    <a:lnTo>
                      <a:pt x="73" y="2312"/>
                    </a:lnTo>
                    <a:lnTo>
                      <a:pt x="75" y="2305"/>
                    </a:lnTo>
                    <a:lnTo>
                      <a:pt x="75" y="2298"/>
                    </a:lnTo>
                    <a:lnTo>
                      <a:pt x="75" y="2290"/>
                    </a:lnTo>
                    <a:lnTo>
                      <a:pt x="73" y="2281"/>
                    </a:lnTo>
                    <a:lnTo>
                      <a:pt x="71" y="2272"/>
                    </a:lnTo>
                    <a:lnTo>
                      <a:pt x="67" y="2263"/>
                    </a:lnTo>
                    <a:lnTo>
                      <a:pt x="63" y="2255"/>
                    </a:lnTo>
                    <a:lnTo>
                      <a:pt x="57" y="2247"/>
                    </a:lnTo>
                    <a:lnTo>
                      <a:pt x="45" y="2233"/>
                    </a:lnTo>
                    <a:lnTo>
                      <a:pt x="32" y="2219"/>
                    </a:lnTo>
                    <a:lnTo>
                      <a:pt x="19" y="2204"/>
                    </a:lnTo>
                    <a:lnTo>
                      <a:pt x="9" y="2189"/>
                    </a:lnTo>
                    <a:lnTo>
                      <a:pt x="5" y="2181"/>
                    </a:lnTo>
                    <a:lnTo>
                      <a:pt x="2" y="2173"/>
                    </a:lnTo>
                    <a:lnTo>
                      <a:pt x="0" y="2163"/>
                    </a:lnTo>
                    <a:lnTo>
                      <a:pt x="0" y="2154"/>
                    </a:lnTo>
                    <a:lnTo>
                      <a:pt x="1" y="2132"/>
                    </a:lnTo>
                    <a:lnTo>
                      <a:pt x="4" y="2109"/>
                    </a:lnTo>
                    <a:lnTo>
                      <a:pt x="4" y="2097"/>
                    </a:lnTo>
                    <a:lnTo>
                      <a:pt x="5" y="2085"/>
                    </a:lnTo>
                    <a:lnTo>
                      <a:pt x="5" y="2074"/>
                    </a:lnTo>
                    <a:lnTo>
                      <a:pt x="4" y="2063"/>
                    </a:lnTo>
                    <a:lnTo>
                      <a:pt x="4" y="2063"/>
                    </a:lnTo>
                    <a:lnTo>
                      <a:pt x="31" y="2035"/>
                    </a:lnTo>
                    <a:lnTo>
                      <a:pt x="40" y="2018"/>
                    </a:lnTo>
                    <a:lnTo>
                      <a:pt x="49" y="2001"/>
                    </a:lnTo>
                    <a:lnTo>
                      <a:pt x="55" y="1984"/>
                    </a:lnTo>
                    <a:lnTo>
                      <a:pt x="61" y="1969"/>
                    </a:lnTo>
                    <a:lnTo>
                      <a:pt x="66" y="1952"/>
                    </a:lnTo>
                    <a:lnTo>
                      <a:pt x="67" y="1935"/>
                    </a:lnTo>
                    <a:lnTo>
                      <a:pt x="68" y="1916"/>
                    </a:lnTo>
                    <a:lnTo>
                      <a:pt x="66" y="1896"/>
                    </a:lnTo>
                    <a:lnTo>
                      <a:pt x="62" y="1879"/>
                    </a:lnTo>
                    <a:lnTo>
                      <a:pt x="57" y="1864"/>
                    </a:lnTo>
                    <a:lnTo>
                      <a:pt x="49" y="1849"/>
                    </a:lnTo>
                    <a:lnTo>
                      <a:pt x="40" y="1835"/>
                    </a:lnTo>
                    <a:lnTo>
                      <a:pt x="31" y="1821"/>
                    </a:lnTo>
                    <a:lnTo>
                      <a:pt x="23" y="1807"/>
                    </a:lnTo>
                    <a:lnTo>
                      <a:pt x="16" y="1792"/>
                    </a:lnTo>
                    <a:lnTo>
                      <a:pt x="11" y="1777"/>
                    </a:lnTo>
                    <a:lnTo>
                      <a:pt x="11" y="1777"/>
                    </a:lnTo>
                    <a:lnTo>
                      <a:pt x="19" y="1767"/>
                    </a:lnTo>
                    <a:lnTo>
                      <a:pt x="24" y="1755"/>
                    </a:lnTo>
                    <a:lnTo>
                      <a:pt x="31" y="1745"/>
                    </a:lnTo>
                    <a:lnTo>
                      <a:pt x="35" y="1734"/>
                    </a:lnTo>
                    <a:lnTo>
                      <a:pt x="44" y="1712"/>
                    </a:lnTo>
                    <a:lnTo>
                      <a:pt x="50" y="1689"/>
                    </a:lnTo>
                    <a:lnTo>
                      <a:pt x="57" y="1667"/>
                    </a:lnTo>
                    <a:lnTo>
                      <a:pt x="63" y="1643"/>
                    </a:lnTo>
                    <a:lnTo>
                      <a:pt x="71" y="1621"/>
                    </a:lnTo>
                    <a:lnTo>
                      <a:pt x="80" y="1598"/>
                    </a:lnTo>
                    <a:lnTo>
                      <a:pt x="90" y="1580"/>
                    </a:lnTo>
                    <a:lnTo>
                      <a:pt x="102" y="1564"/>
                    </a:lnTo>
                    <a:lnTo>
                      <a:pt x="114" y="1549"/>
                    </a:lnTo>
                    <a:lnTo>
                      <a:pt x="125" y="1532"/>
                    </a:lnTo>
                    <a:lnTo>
                      <a:pt x="128" y="1527"/>
                    </a:lnTo>
                    <a:lnTo>
                      <a:pt x="130" y="1523"/>
                    </a:lnTo>
                    <a:lnTo>
                      <a:pt x="132" y="1518"/>
                    </a:lnTo>
                    <a:lnTo>
                      <a:pt x="132" y="1513"/>
                    </a:lnTo>
                    <a:lnTo>
                      <a:pt x="132" y="1501"/>
                    </a:lnTo>
                    <a:lnTo>
                      <a:pt x="129" y="1491"/>
                    </a:lnTo>
                    <a:lnTo>
                      <a:pt x="121" y="1470"/>
                    </a:lnTo>
                    <a:lnTo>
                      <a:pt x="111" y="1450"/>
                    </a:lnTo>
                    <a:lnTo>
                      <a:pt x="111" y="1445"/>
                    </a:lnTo>
                    <a:lnTo>
                      <a:pt x="108" y="1440"/>
                    </a:lnTo>
                    <a:lnTo>
                      <a:pt x="105" y="1435"/>
                    </a:lnTo>
                    <a:lnTo>
                      <a:pt x="102" y="1430"/>
                    </a:lnTo>
                    <a:lnTo>
                      <a:pt x="93" y="1421"/>
                    </a:lnTo>
                    <a:lnTo>
                      <a:pt x="85" y="1412"/>
                    </a:lnTo>
                    <a:lnTo>
                      <a:pt x="81" y="1408"/>
                    </a:lnTo>
                    <a:lnTo>
                      <a:pt x="79" y="1403"/>
                    </a:lnTo>
                    <a:lnTo>
                      <a:pt x="76" y="1399"/>
                    </a:lnTo>
                    <a:lnTo>
                      <a:pt x="75" y="1393"/>
                    </a:lnTo>
                    <a:lnTo>
                      <a:pt x="75" y="1387"/>
                    </a:lnTo>
                    <a:lnTo>
                      <a:pt x="76" y="1382"/>
                    </a:lnTo>
                    <a:lnTo>
                      <a:pt x="79" y="1375"/>
                    </a:lnTo>
                    <a:lnTo>
                      <a:pt x="84" y="1369"/>
                    </a:lnTo>
                    <a:lnTo>
                      <a:pt x="89" y="1362"/>
                    </a:lnTo>
                    <a:lnTo>
                      <a:pt x="94" y="1357"/>
                    </a:lnTo>
                    <a:lnTo>
                      <a:pt x="99" y="1352"/>
                    </a:lnTo>
                    <a:lnTo>
                      <a:pt x="106" y="1349"/>
                    </a:lnTo>
                    <a:lnTo>
                      <a:pt x="116" y="1343"/>
                    </a:lnTo>
                    <a:lnTo>
                      <a:pt x="128" y="1340"/>
                    </a:lnTo>
                    <a:lnTo>
                      <a:pt x="152" y="1336"/>
                    </a:lnTo>
                    <a:lnTo>
                      <a:pt x="180" y="1333"/>
                    </a:lnTo>
                    <a:lnTo>
                      <a:pt x="194" y="1330"/>
                    </a:lnTo>
                    <a:lnTo>
                      <a:pt x="207" y="1327"/>
                    </a:lnTo>
                    <a:lnTo>
                      <a:pt x="219" y="1326"/>
                    </a:lnTo>
                    <a:lnTo>
                      <a:pt x="230" y="1326"/>
                    </a:lnTo>
                    <a:lnTo>
                      <a:pt x="254" y="1326"/>
                    </a:lnTo>
                    <a:lnTo>
                      <a:pt x="276" y="1326"/>
                    </a:lnTo>
                    <a:lnTo>
                      <a:pt x="287" y="1325"/>
                    </a:lnTo>
                    <a:lnTo>
                      <a:pt x="298" y="1323"/>
                    </a:lnTo>
                    <a:lnTo>
                      <a:pt x="309" y="1322"/>
                    </a:lnTo>
                    <a:lnTo>
                      <a:pt x="320" y="1318"/>
                    </a:lnTo>
                    <a:lnTo>
                      <a:pt x="331" y="1314"/>
                    </a:lnTo>
                    <a:lnTo>
                      <a:pt x="343" y="1308"/>
                    </a:lnTo>
                    <a:lnTo>
                      <a:pt x="356" y="1301"/>
                    </a:lnTo>
                    <a:lnTo>
                      <a:pt x="368" y="1291"/>
                    </a:lnTo>
                    <a:lnTo>
                      <a:pt x="375" y="1285"/>
                    </a:lnTo>
                    <a:lnTo>
                      <a:pt x="379" y="1278"/>
                    </a:lnTo>
                    <a:lnTo>
                      <a:pt x="382" y="1273"/>
                    </a:lnTo>
                    <a:lnTo>
                      <a:pt x="382" y="1267"/>
                    </a:lnTo>
                    <a:lnTo>
                      <a:pt x="379" y="1254"/>
                    </a:lnTo>
                    <a:lnTo>
                      <a:pt x="374" y="1241"/>
                    </a:lnTo>
                    <a:lnTo>
                      <a:pt x="371" y="1235"/>
                    </a:lnTo>
                    <a:lnTo>
                      <a:pt x="370" y="1229"/>
                    </a:lnTo>
                    <a:lnTo>
                      <a:pt x="370" y="1222"/>
                    </a:lnTo>
                    <a:lnTo>
                      <a:pt x="370" y="1217"/>
                    </a:lnTo>
                    <a:lnTo>
                      <a:pt x="373" y="1211"/>
                    </a:lnTo>
                    <a:lnTo>
                      <a:pt x="378" y="1206"/>
                    </a:lnTo>
                    <a:lnTo>
                      <a:pt x="384" y="1200"/>
                    </a:lnTo>
                    <a:lnTo>
                      <a:pt x="395" y="1195"/>
                    </a:lnTo>
                    <a:lnTo>
                      <a:pt x="405" y="1190"/>
                    </a:lnTo>
                    <a:lnTo>
                      <a:pt x="414" y="1184"/>
                    </a:lnTo>
                    <a:lnTo>
                      <a:pt x="422" y="1178"/>
                    </a:lnTo>
                    <a:lnTo>
                      <a:pt x="428" y="1173"/>
                    </a:lnTo>
                    <a:lnTo>
                      <a:pt x="434" y="1167"/>
                    </a:lnTo>
                    <a:lnTo>
                      <a:pt x="439" y="1160"/>
                    </a:lnTo>
                    <a:lnTo>
                      <a:pt x="441" y="1154"/>
                    </a:lnTo>
                    <a:lnTo>
                      <a:pt x="445" y="1147"/>
                    </a:lnTo>
                    <a:lnTo>
                      <a:pt x="453" y="1116"/>
                    </a:lnTo>
                    <a:lnTo>
                      <a:pt x="460" y="1077"/>
                    </a:lnTo>
                    <a:lnTo>
                      <a:pt x="460" y="1072"/>
                    </a:lnTo>
                    <a:lnTo>
                      <a:pt x="460" y="1068"/>
                    </a:lnTo>
                    <a:lnTo>
                      <a:pt x="457" y="1064"/>
                    </a:lnTo>
                    <a:lnTo>
                      <a:pt x="454" y="1062"/>
                    </a:lnTo>
                    <a:lnTo>
                      <a:pt x="447" y="1059"/>
                    </a:lnTo>
                    <a:lnTo>
                      <a:pt x="439" y="1057"/>
                    </a:lnTo>
                    <a:lnTo>
                      <a:pt x="435" y="1055"/>
                    </a:lnTo>
                    <a:lnTo>
                      <a:pt x="431" y="1054"/>
                    </a:lnTo>
                    <a:lnTo>
                      <a:pt x="427" y="1051"/>
                    </a:lnTo>
                    <a:lnTo>
                      <a:pt x="425" y="1048"/>
                    </a:lnTo>
                    <a:lnTo>
                      <a:pt x="423" y="1044"/>
                    </a:lnTo>
                    <a:lnTo>
                      <a:pt x="422" y="1039"/>
                    </a:lnTo>
                    <a:lnTo>
                      <a:pt x="422" y="1032"/>
                    </a:lnTo>
                    <a:lnTo>
                      <a:pt x="425" y="1024"/>
                    </a:lnTo>
                    <a:lnTo>
                      <a:pt x="428" y="1013"/>
                    </a:lnTo>
                    <a:lnTo>
                      <a:pt x="432" y="1002"/>
                    </a:lnTo>
                    <a:lnTo>
                      <a:pt x="436" y="996"/>
                    </a:lnTo>
                    <a:lnTo>
                      <a:pt x="440" y="989"/>
                    </a:lnTo>
                    <a:lnTo>
                      <a:pt x="445" y="984"/>
                    </a:lnTo>
                    <a:lnTo>
                      <a:pt x="452" y="980"/>
                    </a:lnTo>
                    <a:lnTo>
                      <a:pt x="460" y="975"/>
                    </a:lnTo>
                    <a:lnTo>
                      <a:pt x="469" y="970"/>
                    </a:lnTo>
                    <a:lnTo>
                      <a:pt x="484" y="962"/>
                    </a:lnTo>
                    <a:lnTo>
                      <a:pt x="496" y="952"/>
                    </a:lnTo>
                    <a:lnTo>
                      <a:pt x="505" y="940"/>
                    </a:lnTo>
                    <a:lnTo>
                      <a:pt x="513" y="928"/>
                    </a:lnTo>
                    <a:lnTo>
                      <a:pt x="519" y="915"/>
                    </a:lnTo>
                    <a:lnTo>
                      <a:pt x="526" y="901"/>
                    </a:lnTo>
                    <a:lnTo>
                      <a:pt x="529" y="887"/>
                    </a:lnTo>
                    <a:lnTo>
                      <a:pt x="533" y="870"/>
                    </a:lnTo>
                    <a:lnTo>
                      <a:pt x="566" y="764"/>
                    </a:lnTo>
                    <a:lnTo>
                      <a:pt x="566" y="763"/>
                    </a:lnTo>
                    <a:lnTo>
                      <a:pt x="571" y="764"/>
                    </a:lnTo>
                    <a:lnTo>
                      <a:pt x="576" y="763"/>
                    </a:lnTo>
                    <a:lnTo>
                      <a:pt x="581" y="760"/>
                    </a:lnTo>
                    <a:lnTo>
                      <a:pt x="585" y="755"/>
                    </a:lnTo>
                    <a:lnTo>
                      <a:pt x="589" y="748"/>
                    </a:lnTo>
                    <a:lnTo>
                      <a:pt x="593" y="739"/>
                    </a:lnTo>
                    <a:lnTo>
                      <a:pt x="597" y="729"/>
                    </a:lnTo>
                    <a:lnTo>
                      <a:pt x="599" y="716"/>
                    </a:lnTo>
                    <a:lnTo>
                      <a:pt x="601" y="715"/>
                    </a:lnTo>
                    <a:lnTo>
                      <a:pt x="602" y="712"/>
                    </a:lnTo>
                    <a:lnTo>
                      <a:pt x="586" y="711"/>
                    </a:lnTo>
                    <a:lnTo>
                      <a:pt x="568" y="711"/>
                    </a:lnTo>
                    <a:lnTo>
                      <a:pt x="559" y="709"/>
                    </a:lnTo>
                    <a:lnTo>
                      <a:pt x="553" y="707"/>
                    </a:lnTo>
                    <a:lnTo>
                      <a:pt x="550" y="704"/>
                    </a:lnTo>
                    <a:lnTo>
                      <a:pt x="548" y="702"/>
                    </a:lnTo>
                    <a:lnTo>
                      <a:pt x="548" y="699"/>
                    </a:lnTo>
                    <a:lnTo>
                      <a:pt x="548" y="695"/>
                    </a:lnTo>
                    <a:lnTo>
                      <a:pt x="550" y="678"/>
                    </a:lnTo>
                    <a:lnTo>
                      <a:pt x="552" y="659"/>
                    </a:lnTo>
                    <a:lnTo>
                      <a:pt x="553" y="641"/>
                    </a:lnTo>
                    <a:lnTo>
                      <a:pt x="555" y="627"/>
                    </a:lnTo>
                    <a:lnTo>
                      <a:pt x="572" y="627"/>
                    </a:lnTo>
                    <a:lnTo>
                      <a:pt x="584" y="628"/>
                    </a:lnTo>
                    <a:lnTo>
                      <a:pt x="590" y="627"/>
                    </a:lnTo>
                    <a:lnTo>
                      <a:pt x="594" y="624"/>
                    </a:lnTo>
                    <a:lnTo>
                      <a:pt x="594" y="620"/>
                    </a:lnTo>
                    <a:lnTo>
                      <a:pt x="593" y="612"/>
                    </a:lnTo>
                    <a:lnTo>
                      <a:pt x="590" y="602"/>
                    </a:lnTo>
                    <a:lnTo>
                      <a:pt x="586" y="588"/>
                    </a:lnTo>
                    <a:lnTo>
                      <a:pt x="585" y="577"/>
                    </a:lnTo>
                    <a:lnTo>
                      <a:pt x="585" y="570"/>
                    </a:lnTo>
                    <a:lnTo>
                      <a:pt x="585" y="564"/>
                    </a:lnTo>
                    <a:lnTo>
                      <a:pt x="588" y="559"/>
                    </a:lnTo>
                    <a:lnTo>
                      <a:pt x="590" y="557"/>
                    </a:lnTo>
                    <a:lnTo>
                      <a:pt x="594" y="554"/>
                    </a:lnTo>
                    <a:lnTo>
                      <a:pt x="598" y="553"/>
                    </a:lnTo>
                    <a:lnTo>
                      <a:pt x="602" y="553"/>
                    </a:lnTo>
                    <a:lnTo>
                      <a:pt x="614" y="554"/>
                    </a:lnTo>
                    <a:lnTo>
                      <a:pt x="625" y="554"/>
                    </a:lnTo>
                    <a:lnTo>
                      <a:pt x="638" y="555"/>
                    </a:lnTo>
                    <a:lnTo>
                      <a:pt x="650" y="553"/>
                    </a:lnTo>
                    <a:lnTo>
                      <a:pt x="666" y="553"/>
                    </a:lnTo>
                    <a:lnTo>
                      <a:pt x="694" y="553"/>
                    </a:lnTo>
                    <a:lnTo>
                      <a:pt x="728" y="553"/>
                    </a:lnTo>
                    <a:lnTo>
                      <a:pt x="765" y="555"/>
                    </a:lnTo>
                    <a:lnTo>
                      <a:pt x="802" y="557"/>
                    </a:lnTo>
                    <a:lnTo>
                      <a:pt x="833" y="561"/>
                    </a:lnTo>
                    <a:lnTo>
                      <a:pt x="846" y="563"/>
                    </a:lnTo>
                    <a:lnTo>
                      <a:pt x="856" y="566"/>
                    </a:lnTo>
                    <a:lnTo>
                      <a:pt x="862" y="568"/>
                    </a:lnTo>
                    <a:lnTo>
                      <a:pt x="865" y="572"/>
                    </a:lnTo>
                    <a:lnTo>
                      <a:pt x="866" y="584"/>
                    </a:lnTo>
                    <a:lnTo>
                      <a:pt x="865" y="595"/>
                    </a:lnTo>
                    <a:lnTo>
                      <a:pt x="864" y="607"/>
                    </a:lnTo>
                    <a:lnTo>
                      <a:pt x="861" y="617"/>
                    </a:lnTo>
                    <a:lnTo>
                      <a:pt x="853" y="640"/>
                    </a:lnTo>
                    <a:lnTo>
                      <a:pt x="846" y="660"/>
                    </a:lnTo>
                    <a:lnTo>
                      <a:pt x="843" y="671"/>
                    </a:lnTo>
                    <a:lnTo>
                      <a:pt x="840" y="680"/>
                    </a:lnTo>
                    <a:lnTo>
                      <a:pt x="840" y="687"/>
                    </a:lnTo>
                    <a:lnTo>
                      <a:pt x="840" y="695"/>
                    </a:lnTo>
                    <a:lnTo>
                      <a:pt x="844" y="703"/>
                    </a:lnTo>
                    <a:lnTo>
                      <a:pt x="849" y="709"/>
                    </a:lnTo>
                    <a:lnTo>
                      <a:pt x="857" y="715"/>
                    </a:lnTo>
                    <a:lnTo>
                      <a:pt x="869" y="719"/>
                    </a:lnTo>
                    <a:lnTo>
                      <a:pt x="881" y="722"/>
                    </a:lnTo>
                    <a:lnTo>
                      <a:pt x="888" y="724"/>
                    </a:lnTo>
                    <a:lnTo>
                      <a:pt x="895" y="724"/>
                    </a:lnTo>
                    <a:lnTo>
                      <a:pt x="900" y="722"/>
                    </a:lnTo>
                    <a:lnTo>
                      <a:pt x="901" y="720"/>
                    </a:lnTo>
                    <a:lnTo>
                      <a:pt x="903" y="717"/>
                    </a:lnTo>
                    <a:lnTo>
                      <a:pt x="903" y="712"/>
                    </a:lnTo>
                    <a:lnTo>
                      <a:pt x="901" y="708"/>
                    </a:lnTo>
                    <a:lnTo>
                      <a:pt x="897" y="697"/>
                    </a:lnTo>
                    <a:lnTo>
                      <a:pt x="895" y="685"/>
                    </a:lnTo>
                    <a:lnTo>
                      <a:pt x="894" y="678"/>
                    </a:lnTo>
                    <a:lnTo>
                      <a:pt x="894" y="673"/>
                    </a:lnTo>
                    <a:lnTo>
                      <a:pt x="896" y="668"/>
                    </a:lnTo>
                    <a:lnTo>
                      <a:pt x="899" y="663"/>
                    </a:lnTo>
                    <a:lnTo>
                      <a:pt x="912" y="642"/>
                    </a:lnTo>
                    <a:lnTo>
                      <a:pt x="926" y="623"/>
                    </a:lnTo>
                    <a:lnTo>
                      <a:pt x="930" y="620"/>
                    </a:lnTo>
                    <a:lnTo>
                      <a:pt x="934" y="617"/>
                    </a:lnTo>
                    <a:lnTo>
                      <a:pt x="938" y="617"/>
                    </a:lnTo>
                    <a:lnTo>
                      <a:pt x="941" y="620"/>
                    </a:lnTo>
                    <a:lnTo>
                      <a:pt x="945" y="624"/>
                    </a:lnTo>
                    <a:lnTo>
                      <a:pt x="951" y="630"/>
                    </a:lnTo>
                    <a:lnTo>
                      <a:pt x="954" y="638"/>
                    </a:lnTo>
                    <a:lnTo>
                      <a:pt x="960" y="650"/>
                    </a:lnTo>
                    <a:lnTo>
                      <a:pt x="961" y="664"/>
                    </a:lnTo>
                    <a:lnTo>
                      <a:pt x="961" y="686"/>
                    </a:lnTo>
                    <a:lnTo>
                      <a:pt x="961" y="715"/>
                    </a:lnTo>
                    <a:lnTo>
                      <a:pt x="960" y="744"/>
                    </a:lnTo>
                    <a:lnTo>
                      <a:pt x="957" y="773"/>
                    </a:lnTo>
                    <a:lnTo>
                      <a:pt x="957" y="796"/>
                    </a:lnTo>
                    <a:lnTo>
                      <a:pt x="956" y="809"/>
                    </a:lnTo>
                    <a:lnTo>
                      <a:pt x="957" y="811"/>
                    </a:lnTo>
                    <a:lnTo>
                      <a:pt x="963" y="786"/>
                    </a:lnTo>
                    <a:lnTo>
                      <a:pt x="970" y="756"/>
                    </a:lnTo>
                    <a:lnTo>
                      <a:pt x="976" y="724"/>
                    </a:lnTo>
                    <a:lnTo>
                      <a:pt x="982" y="689"/>
                    </a:lnTo>
                    <a:lnTo>
                      <a:pt x="984" y="655"/>
                    </a:lnTo>
                    <a:lnTo>
                      <a:pt x="985" y="623"/>
                    </a:lnTo>
                    <a:lnTo>
                      <a:pt x="985" y="607"/>
                    </a:lnTo>
                    <a:lnTo>
                      <a:pt x="984" y="594"/>
                    </a:lnTo>
                    <a:lnTo>
                      <a:pt x="983" y="581"/>
                    </a:lnTo>
                    <a:lnTo>
                      <a:pt x="980" y="571"/>
                    </a:lnTo>
                    <a:lnTo>
                      <a:pt x="979" y="566"/>
                    </a:lnTo>
                    <a:lnTo>
                      <a:pt x="979" y="559"/>
                    </a:lnTo>
                    <a:lnTo>
                      <a:pt x="982" y="553"/>
                    </a:lnTo>
                    <a:lnTo>
                      <a:pt x="984" y="546"/>
                    </a:lnTo>
                    <a:lnTo>
                      <a:pt x="993" y="532"/>
                    </a:lnTo>
                    <a:lnTo>
                      <a:pt x="1005" y="518"/>
                    </a:lnTo>
                    <a:lnTo>
                      <a:pt x="1017" y="506"/>
                    </a:lnTo>
                    <a:lnTo>
                      <a:pt x="1028" y="497"/>
                    </a:lnTo>
                    <a:lnTo>
                      <a:pt x="1033" y="494"/>
                    </a:lnTo>
                    <a:lnTo>
                      <a:pt x="1039" y="493"/>
                    </a:lnTo>
                    <a:lnTo>
                      <a:pt x="1043" y="493"/>
                    </a:lnTo>
                    <a:lnTo>
                      <a:pt x="1045" y="496"/>
                    </a:lnTo>
                    <a:lnTo>
                      <a:pt x="1054" y="504"/>
                    </a:lnTo>
                    <a:lnTo>
                      <a:pt x="1061" y="510"/>
                    </a:lnTo>
                    <a:lnTo>
                      <a:pt x="1066" y="513"/>
                    </a:lnTo>
                    <a:lnTo>
                      <a:pt x="1072" y="515"/>
                    </a:lnTo>
                    <a:lnTo>
                      <a:pt x="1085" y="516"/>
                    </a:lnTo>
                    <a:lnTo>
                      <a:pt x="1105" y="518"/>
                    </a:lnTo>
                    <a:lnTo>
                      <a:pt x="1118" y="520"/>
                    </a:lnTo>
                    <a:lnTo>
                      <a:pt x="1129" y="526"/>
                    </a:lnTo>
                    <a:lnTo>
                      <a:pt x="1141" y="531"/>
                    </a:lnTo>
                    <a:lnTo>
                      <a:pt x="1154" y="538"/>
                    </a:lnTo>
                    <a:lnTo>
                      <a:pt x="1177" y="557"/>
                    </a:lnTo>
                    <a:lnTo>
                      <a:pt x="1201" y="576"/>
                    </a:lnTo>
                    <a:lnTo>
                      <a:pt x="1223" y="595"/>
                    </a:lnTo>
                    <a:lnTo>
                      <a:pt x="1243" y="612"/>
                    </a:lnTo>
                    <a:lnTo>
                      <a:pt x="1252" y="619"/>
                    </a:lnTo>
                    <a:lnTo>
                      <a:pt x="1261" y="624"/>
                    </a:lnTo>
                    <a:lnTo>
                      <a:pt x="1271" y="627"/>
                    </a:lnTo>
                    <a:lnTo>
                      <a:pt x="1278" y="628"/>
                    </a:lnTo>
                    <a:lnTo>
                      <a:pt x="1278" y="621"/>
                    </a:lnTo>
                    <a:lnTo>
                      <a:pt x="1277" y="615"/>
                    </a:lnTo>
                    <a:lnTo>
                      <a:pt x="1274" y="608"/>
                    </a:lnTo>
                    <a:lnTo>
                      <a:pt x="1272" y="602"/>
                    </a:lnTo>
                    <a:lnTo>
                      <a:pt x="1264" y="590"/>
                    </a:lnTo>
                    <a:lnTo>
                      <a:pt x="1254" y="579"/>
                    </a:lnTo>
                    <a:lnTo>
                      <a:pt x="1242" y="567"/>
                    </a:lnTo>
                    <a:lnTo>
                      <a:pt x="1228" y="557"/>
                    </a:lnTo>
                    <a:lnTo>
                      <a:pt x="1214" y="546"/>
                    </a:lnTo>
                    <a:lnTo>
                      <a:pt x="1198" y="536"/>
                    </a:lnTo>
                    <a:lnTo>
                      <a:pt x="1167" y="515"/>
                    </a:lnTo>
                    <a:lnTo>
                      <a:pt x="1138" y="496"/>
                    </a:lnTo>
                    <a:lnTo>
                      <a:pt x="1127" y="487"/>
                    </a:lnTo>
                    <a:lnTo>
                      <a:pt x="1116" y="476"/>
                    </a:lnTo>
                    <a:lnTo>
                      <a:pt x="1107" y="466"/>
                    </a:lnTo>
                    <a:lnTo>
                      <a:pt x="1102" y="456"/>
                    </a:lnTo>
                    <a:lnTo>
                      <a:pt x="1101" y="452"/>
                    </a:lnTo>
                    <a:lnTo>
                      <a:pt x="1101" y="447"/>
                    </a:lnTo>
                    <a:lnTo>
                      <a:pt x="1102" y="443"/>
                    </a:lnTo>
                    <a:lnTo>
                      <a:pt x="1103" y="439"/>
                    </a:lnTo>
                    <a:lnTo>
                      <a:pt x="1107" y="431"/>
                    </a:lnTo>
                    <a:lnTo>
                      <a:pt x="1114" y="423"/>
                    </a:lnTo>
                    <a:lnTo>
                      <a:pt x="1119" y="417"/>
                    </a:lnTo>
                    <a:lnTo>
                      <a:pt x="1122" y="410"/>
                    </a:lnTo>
                    <a:lnTo>
                      <a:pt x="1123" y="408"/>
                    </a:lnTo>
                    <a:lnTo>
                      <a:pt x="1123" y="405"/>
                    </a:lnTo>
                    <a:lnTo>
                      <a:pt x="1122" y="401"/>
                    </a:lnTo>
                    <a:lnTo>
                      <a:pt x="1119" y="399"/>
                    </a:lnTo>
                    <a:lnTo>
                      <a:pt x="1111" y="392"/>
                    </a:lnTo>
                    <a:lnTo>
                      <a:pt x="1105" y="386"/>
                    </a:lnTo>
                    <a:lnTo>
                      <a:pt x="1101" y="380"/>
                    </a:lnTo>
                    <a:lnTo>
                      <a:pt x="1100" y="374"/>
                    </a:lnTo>
                    <a:lnTo>
                      <a:pt x="1098" y="370"/>
                    </a:lnTo>
                    <a:lnTo>
                      <a:pt x="1098" y="365"/>
                    </a:lnTo>
                    <a:lnTo>
                      <a:pt x="1100" y="361"/>
                    </a:lnTo>
                    <a:lnTo>
                      <a:pt x="1101" y="357"/>
                    </a:lnTo>
                    <a:lnTo>
                      <a:pt x="1105" y="351"/>
                    </a:lnTo>
                    <a:lnTo>
                      <a:pt x="1109" y="345"/>
                    </a:lnTo>
                    <a:lnTo>
                      <a:pt x="1111" y="343"/>
                    </a:lnTo>
                    <a:lnTo>
                      <a:pt x="1111" y="340"/>
                    </a:lnTo>
                    <a:lnTo>
                      <a:pt x="1111" y="338"/>
                    </a:lnTo>
                    <a:lnTo>
                      <a:pt x="1110" y="336"/>
                    </a:lnTo>
                    <a:lnTo>
                      <a:pt x="1107" y="334"/>
                    </a:lnTo>
                    <a:lnTo>
                      <a:pt x="1103" y="331"/>
                    </a:lnTo>
                    <a:lnTo>
                      <a:pt x="1100" y="330"/>
                    </a:lnTo>
                    <a:lnTo>
                      <a:pt x="1096" y="330"/>
                    </a:lnTo>
                    <a:lnTo>
                      <a:pt x="1087" y="330"/>
                    </a:lnTo>
                    <a:lnTo>
                      <a:pt x="1079" y="330"/>
                    </a:lnTo>
                    <a:lnTo>
                      <a:pt x="1070" y="331"/>
                    </a:lnTo>
                    <a:lnTo>
                      <a:pt x="1061" y="333"/>
                    </a:lnTo>
                    <a:lnTo>
                      <a:pt x="1052" y="333"/>
                    </a:lnTo>
                    <a:lnTo>
                      <a:pt x="1045" y="331"/>
                    </a:lnTo>
                    <a:lnTo>
                      <a:pt x="1043" y="330"/>
                    </a:lnTo>
                    <a:lnTo>
                      <a:pt x="1041" y="327"/>
                    </a:lnTo>
                    <a:lnTo>
                      <a:pt x="1040" y="325"/>
                    </a:lnTo>
                    <a:lnTo>
                      <a:pt x="1040" y="322"/>
                    </a:lnTo>
                    <a:lnTo>
                      <a:pt x="1043" y="314"/>
                    </a:lnTo>
                    <a:lnTo>
                      <a:pt x="1046" y="305"/>
                    </a:lnTo>
                    <a:lnTo>
                      <a:pt x="1055" y="288"/>
                    </a:lnTo>
                    <a:lnTo>
                      <a:pt x="1062" y="276"/>
                    </a:lnTo>
                    <a:lnTo>
                      <a:pt x="1088" y="273"/>
                    </a:lnTo>
                    <a:lnTo>
                      <a:pt x="1109" y="269"/>
                    </a:lnTo>
                    <a:lnTo>
                      <a:pt x="1118" y="266"/>
                    </a:lnTo>
                    <a:lnTo>
                      <a:pt x="1125" y="263"/>
                    </a:lnTo>
                    <a:lnTo>
                      <a:pt x="1133" y="259"/>
                    </a:lnTo>
                    <a:lnTo>
                      <a:pt x="1138" y="253"/>
                    </a:lnTo>
                    <a:lnTo>
                      <a:pt x="1142" y="247"/>
                    </a:lnTo>
                    <a:lnTo>
                      <a:pt x="1145" y="241"/>
                    </a:lnTo>
                    <a:lnTo>
                      <a:pt x="1146" y="233"/>
                    </a:lnTo>
                    <a:lnTo>
                      <a:pt x="1145" y="224"/>
                    </a:lnTo>
                    <a:lnTo>
                      <a:pt x="1144" y="215"/>
                    </a:lnTo>
                    <a:lnTo>
                      <a:pt x="1140" y="203"/>
                    </a:lnTo>
                    <a:lnTo>
                      <a:pt x="1134" y="190"/>
                    </a:lnTo>
                    <a:lnTo>
                      <a:pt x="1127" y="177"/>
                    </a:lnTo>
                    <a:lnTo>
                      <a:pt x="1115" y="155"/>
                    </a:lnTo>
                    <a:lnTo>
                      <a:pt x="1107" y="136"/>
                    </a:lnTo>
                    <a:lnTo>
                      <a:pt x="1101" y="117"/>
                    </a:lnTo>
                    <a:lnTo>
                      <a:pt x="1098" y="99"/>
                    </a:lnTo>
                    <a:lnTo>
                      <a:pt x="1097" y="81"/>
                    </a:lnTo>
                    <a:lnTo>
                      <a:pt x="1098" y="63"/>
                    </a:lnTo>
                    <a:lnTo>
                      <a:pt x="1101" y="42"/>
                    </a:lnTo>
                    <a:lnTo>
                      <a:pt x="1106" y="18"/>
                    </a:lnTo>
                    <a:lnTo>
                      <a:pt x="1107" y="9"/>
                    </a:lnTo>
                    <a:lnTo>
                      <a:pt x="1109" y="0"/>
                    </a:lnTo>
                    <a:lnTo>
                      <a:pt x="1109" y="0"/>
                    </a:lnTo>
                    <a:lnTo>
                      <a:pt x="1190" y="11"/>
                    </a:lnTo>
                    <a:lnTo>
                      <a:pt x="1207" y="37"/>
                    </a:lnTo>
                    <a:lnTo>
                      <a:pt x="1226" y="64"/>
                    </a:lnTo>
                    <a:lnTo>
                      <a:pt x="1237" y="77"/>
                    </a:lnTo>
                    <a:lnTo>
                      <a:pt x="1248" y="89"/>
                    </a:lnTo>
                    <a:lnTo>
                      <a:pt x="1260" y="98"/>
                    </a:lnTo>
                    <a:lnTo>
                      <a:pt x="1273" y="106"/>
                    </a:lnTo>
                    <a:lnTo>
                      <a:pt x="1283" y="110"/>
                    </a:lnTo>
                    <a:lnTo>
                      <a:pt x="1293" y="111"/>
                    </a:lnTo>
                    <a:lnTo>
                      <a:pt x="1303" y="111"/>
                    </a:lnTo>
                    <a:lnTo>
                      <a:pt x="1311" y="111"/>
                    </a:lnTo>
                    <a:lnTo>
                      <a:pt x="1320" y="108"/>
                    </a:lnTo>
                    <a:lnTo>
                      <a:pt x="1329" y="106"/>
                    </a:lnTo>
                    <a:lnTo>
                      <a:pt x="1337" y="102"/>
                    </a:lnTo>
                    <a:lnTo>
                      <a:pt x="1344" y="98"/>
                    </a:lnTo>
                    <a:lnTo>
                      <a:pt x="1361" y="90"/>
                    </a:lnTo>
                    <a:lnTo>
                      <a:pt x="1377" y="81"/>
                    </a:lnTo>
                    <a:lnTo>
                      <a:pt x="1385" y="79"/>
                    </a:lnTo>
                    <a:lnTo>
                      <a:pt x="1394" y="76"/>
                    </a:lnTo>
                    <a:lnTo>
                      <a:pt x="1401" y="75"/>
                    </a:lnTo>
                    <a:lnTo>
                      <a:pt x="1410" y="73"/>
                    </a:lnTo>
                    <a:lnTo>
                      <a:pt x="1410" y="73"/>
                    </a:lnTo>
                    <a:lnTo>
                      <a:pt x="1401" y="90"/>
                    </a:lnTo>
                    <a:lnTo>
                      <a:pt x="1394" y="103"/>
                    </a:lnTo>
                    <a:lnTo>
                      <a:pt x="1392" y="106"/>
                    </a:lnTo>
                    <a:lnTo>
                      <a:pt x="1392" y="110"/>
                    </a:lnTo>
                    <a:lnTo>
                      <a:pt x="1394" y="114"/>
                    </a:lnTo>
                    <a:lnTo>
                      <a:pt x="1395" y="117"/>
                    </a:lnTo>
                    <a:lnTo>
                      <a:pt x="1397" y="123"/>
                    </a:lnTo>
                    <a:lnTo>
                      <a:pt x="1401" y="128"/>
                    </a:lnTo>
                    <a:lnTo>
                      <a:pt x="1408" y="133"/>
                    </a:lnTo>
                    <a:lnTo>
                      <a:pt x="1414" y="139"/>
                    </a:lnTo>
                    <a:lnTo>
                      <a:pt x="1429" y="152"/>
                    </a:lnTo>
                    <a:lnTo>
                      <a:pt x="1440" y="168"/>
                    </a:lnTo>
                    <a:lnTo>
                      <a:pt x="1445" y="176"/>
                    </a:lnTo>
                    <a:lnTo>
                      <a:pt x="1449" y="184"/>
                    </a:lnTo>
                    <a:lnTo>
                      <a:pt x="1453" y="193"/>
                    </a:lnTo>
                    <a:lnTo>
                      <a:pt x="1456" y="200"/>
                    </a:lnTo>
                    <a:lnTo>
                      <a:pt x="1457" y="209"/>
                    </a:lnTo>
                    <a:lnTo>
                      <a:pt x="1456" y="217"/>
                    </a:lnTo>
                    <a:lnTo>
                      <a:pt x="1454" y="225"/>
                    </a:lnTo>
                    <a:lnTo>
                      <a:pt x="1452" y="233"/>
                    </a:lnTo>
                    <a:lnTo>
                      <a:pt x="1447" y="241"/>
                    </a:lnTo>
                    <a:lnTo>
                      <a:pt x="1440" y="248"/>
                    </a:lnTo>
                    <a:lnTo>
                      <a:pt x="1432" y="255"/>
                    </a:lnTo>
                    <a:lnTo>
                      <a:pt x="1422" y="260"/>
                    </a:lnTo>
                    <a:lnTo>
                      <a:pt x="1405" y="269"/>
                    </a:lnTo>
                    <a:lnTo>
                      <a:pt x="1394" y="277"/>
                    </a:lnTo>
                    <a:lnTo>
                      <a:pt x="1387" y="281"/>
                    </a:lnTo>
                    <a:lnTo>
                      <a:pt x="1385" y="285"/>
                    </a:lnTo>
                    <a:lnTo>
                      <a:pt x="1386" y="286"/>
                    </a:lnTo>
                    <a:lnTo>
                      <a:pt x="1390" y="287"/>
                    </a:lnTo>
                    <a:lnTo>
                      <a:pt x="1397" y="287"/>
                    </a:lnTo>
                    <a:lnTo>
                      <a:pt x="1405" y="287"/>
                    </a:lnTo>
                    <a:lnTo>
                      <a:pt x="1417" y="287"/>
                    </a:lnTo>
                    <a:lnTo>
                      <a:pt x="1427" y="288"/>
                    </a:lnTo>
                    <a:lnTo>
                      <a:pt x="1439" y="290"/>
                    </a:lnTo>
                    <a:lnTo>
                      <a:pt x="1451" y="292"/>
                    </a:lnTo>
                    <a:lnTo>
                      <a:pt x="1461" y="296"/>
                    </a:lnTo>
                    <a:lnTo>
                      <a:pt x="1469" y="303"/>
                    </a:lnTo>
                    <a:lnTo>
                      <a:pt x="1473" y="307"/>
                    </a:lnTo>
                    <a:lnTo>
                      <a:pt x="1476" y="310"/>
                    </a:lnTo>
                    <a:lnTo>
                      <a:pt x="1479" y="316"/>
                    </a:lnTo>
                    <a:lnTo>
                      <a:pt x="1480" y="322"/>
                    </a:lnTo>
                    <a:lnTo>
                      <a:pt x="1483" y="329"/>
                    </a:lnTo>
                    <a:lnTo>
                      <a:pt x="1486" y="333"/>
                    </a:lnTo>
                    <a:lnTo>
                      <a:pt x="1488" y="336"/>
                    </a:lnTo>
                    <a:lnTo>
                      <a:pt x="1492" y="339"/>
                    </a:lnTo>
                    <a:lnTo>
                      <a:pt x="1497" y="339"/>
                    </a:lnTo>
                    <a:lnTo>
                      <a:pt x="1502" y="340"/>
                    </a:lnTo>
                    <a:lnTo>
                      <a:pt x="1508" y="339"/>
                    </a:lnTo>
                    <a:lnTo>
                      <a:pt x="1513" y="338"/>
                    </a:lnTo>
                    <a:lnTo>
                      <a:pt x="1524" y="335"/>
                    </a:lnTo>
                    <a:lnTo>
                      <a:pt x="1535" y="331"/>
                    </a:lnTo>
                    <a:lnTo>
                      <a:pt x="1540" y="331"/>
                    </a:lnTo>
                    <a:lnTo>
                      <a:pt x="1545" y="330"/>
                    </a:lnTo>
                    <a:lnTo>
                      <a:pt x="1550" y="330"/>
                    </a:lnTo>
                    <a:lnTo>
                      <a:pt x="1554" y="331"/>
                    </a:lnTo>
                    <a:lnTo>
                      <a:pt x="1563" y="335"/>
                    </a:lnTo>
                    <a:lnTo>
                      <a:pt x="1571" y="340"/>
                    </a:lnTo>
                    <a:lnTo>
                      <a:pt x="1578" y="345"/>
                    </a:lnTo>
                    <a:lnTo>
                      <a:pt x="1583" y="352"/>
                    </a:lnTo>
                    <a:lnTo>
                      <a:pt x="1592" y="365"/>
                    </a:lnTo>
                    <a:lnTo>
                      <a:pt x="1600" y="377"/>
                    </a:lnTo>
                    <a:lnTo>
                      <a:pt x="1603" y="382"/>
                    </a:lnTo>
                    <a:lnTo>
                      <a:pt x="1609" y="386"/>
                    </a:lnTo>
                    <a:lnTo>
                      <a:pt x="1614" y="390"/>
                    </a:lnTo>
                    <a:lnTo>
                      <a:pt x="1620" y="391"/>
                    </a:lnTo>
                    <a:lnTo>
                      <a:pt x="1628" y="391"/>
                    </a:lnTo>
                    <a:lnTo>
                      <a:pt x="1637" y="390"/>
                    </a:lnTo>
                    <a:lnTo>
                      <a:pt x="1647" y="387"/>
                    </a:lnTo>
                    <a:lnTo>
                      <a:pt x="1660" y="380"/>
                    </a:lnTo>
                    <a:lnTo>
                      <a:pt x="1666" y="378"/>
                    </a:lnTo>
                    <a:lnTo>
                      <a:pt x="1671" y="373"/>
                    </a:lnTo>
                    <a:lnTo>
                      <a:pt x="1677" y="366"/>
                    </a:lnTo>
                    <a:lnTo>
                      <a:pt x="1682" y="358"/>
                    </a:lnTo>
                    <a:lnTo>
                      <a:pt x="1694" y="342"/>
                    </a:lnTo>
                    <a:lnTo>
                      <a:pt x="1706" y="325"/>
                    </a:lnTo>
                    <a:lnTo>
                      <a:pt x="1712" y="317"/>
                    </a:lnTo>
                    <a:lnTo>
                      <a:pt x="1719" y="310"/>
                    </a:lnTo>
                    <a:lnTo>
                      <a:pt x="1725" y="304"/>
                    </a:lnTo>
                    <a:lnTo>
                      <a:pt x="1732" y="300"/>
                    </a:lnTo>
                    <a:lnTo>
                      <a:pt x="1738" y="298"/>
                    </a:lnTo>
                    <a:lnTo>
                      <a:pt x="1745" y="296"/>
                    </a:lnTo>
                    <a:lnTo>
                      <a:pt x="1751" y="299"/>
                    </a:lnTo>
                    <a:lnTo>
                      <a:pt x="1756" y="303"/>
                    </a:lnTo>
                    <a:lnTo>
                      <a:pt x="1768" y="314"/>
                    </a:lnTo>
                    <a:lnTo>
                      <a:pt x="1777" y="323"/>
                    </a:lnTo>
                    <a:lnTo>
                      <a:pt x="1784" y="333"/>
                    </a:lnTo>
                    <a:lnTo>
                      <a:pt x="1789" y="339"/>
                    </a:lnTo>
                    <a:lnTo>
                      <a:pt x="1791" y="345"/>
                    </a:lnTo>
                    <a:lnTo>
                      <a:pt x="1791" y="351"/>
                    </a:lnTo>
                    <a:lnTo>
                      <a:pt x="1790" y="355"/>
                    </a:lnTo>
                    <a:lnTo>
                      <a:pt x="1787" y="357"/>
                    </a:lnTo>
                    <a:lnTo>
                      <a:pt x="1784" y="360"/>
                    </a:lnTo>
                    <a:lnTo>
                      <a:pt x="1777" y="360"/>
                    </a:lnTo>
                    <a:lnTo>
                      <a:pt x="1771" y="360"/>
                    </a:lnTo>
                    <a:lnTo>
                      <a:pt x="1762" y="360"/>
                    </a:lnTo>
                    <a:lnTo>
                      <a:pt x="1742" y="356"/>
                    </a:lnTo>
                    <a:lnTo>
                      <a:pt x="1720" y="348"/>
                    </a:lnTo>
                    <a:lnTo>
                      <a:pt x="1720" y="367"/>
                    </a:lnTo>
                    <a:lnTo>
                      <a:pt x="1720" y="386"/>
                    </a:lnTo>
                    <a:lnTo>
                      <a:pt x="1721" y="405"/>
                    </a:lnTo>
                    <a:lnTo>
                      <a:pt x="1724" y="424"/>
                    </a:lnTo>
                    <a:lnTo>
                      <a:pt x="1723" y="436"/>
                    </a:lnTo>
                    <a:lnTo>
                      <a:pt x="1721" y="447"/>
                    </a:lnTo>
                    <a:lnTo>
                      <a:pt x="1717" y="454"/>
                    </a:lnTo>
                    <a:lnTo>
                      <a:pt x="1714" y="461"/>
                    </a:lnTo>
                    <a:lnTo>
                      <a:pt x="1708" y="466"/>
                    </a:lnTo>
                    <a:lnTo>
                      <a:pt x="1702" y="470"/>
                    </a:lnTo>
                    <a:lnTo>
                      <a:pt x="1694" y="474"/>
                    </a:lnTo>
                    <a:lnTo>
                      <a:pt x="1686" y="476"/>
                    </a:lnTo>
                    <a:lnTo>
                      <a:pt x="1670" y="479"/>
                    </a:lnTo>
                    <a:lnTo>
                      <a:pt x="1653" y="481"/>
                    </a:lnTo>
                    <a:lnTo>
                      <a:pt x="1635" y="484"/>
                    </a:lnTo>
                    <a:lnTo>
                      <a:pt x="1616" y="489"/>
                    </a:lnTo>
                    <a:lnTo>
                      <a:pt x="1609" y="493"/>
                    </a:lnTo>
                    <a:lnTo>
                      <a:pt x="1603" y="498"/>
                    </a:lnTo>
                    <a:lnTo>
                      <a:pt x="1601" y="504"/>
                    </a:lnTo>
                    <a:lnTo>
                      <a:pt x="1601" y="509"/>
                    </a:lnTo>
                    <a:lnTo>
                      <a:pt x="1602" y="515"/>
                    </a:lnTo>
                    <a:lnTo>
                      <a:pt x="1606" y="520"/>
                    </a:lnTo>
                    <a:lnTo>
                      <a:pt x="1611" y="526"/>
                    </a:lnTo>
                    <a:lnTo>
                      <a:pt x="1618" y="531"/>
                    </a:lnTo>
                    <a:lnTo>
                      <a:pt x="1625" y="535"/>
                    </a:lnTo>
                    <a:lnTo>
                      <a:pt x="1633" y="538"/>
                    </a:lnTo>
                    <a:lnTo>
                      <a:pt x="1642" y="542"/>
                    </a:lnTo>
                    <a:lnTo>
                      <a:pt x="1653" y="545"/>
                    </a:lnTo>
                    <a:lnTo>
                      <a:pt x="1663" y="546"/>
                    </a:lnTo>
                    <a:lnTo>
                      <a:pt x="1672" y="546"/>
                    </a:lnTo>
                    <a:lnTo>
                      <a:pt x="1682" y="545"/>
                    </a:lnTo>
                    <a:lnTo>
                      <a:pt x="1692" y="541"/>
                    </a:lnTo>
                    <a:lnTo>
                      <a:pt x="1707" y="536"/>
                    </a:lnTo>
                    <a:lnTo>
                      <a:pt x="1719" y="532"/>
                    </a:lnTo>
                    <a:lnTo>
                      <a:pt x="1727" y="529"/>
                    </a:lnTo>
                    <a:lnTo>
                      <a:pt x="1733" y="531"/>
                    </a:lnTo>
                    <a:lnTo>
                      <a:pt x="1747" y="537"/>
                    </a:lnTo>
                    <a:lnTo>
                      <a:pt x="1773" y="550"/>
                    </a:lnTo>
                    <a:lnTo>
                      <a:pt x="1785" y="554"/>
                    </a:lnTo>
                    <a:lnTo>
                      <a:pt x="1795" y="558"/>
                    </a:lnTo>
                    <a:lnTo>
                      <a:pt x="1804" y="559"/>
                    </a:lnTo>
                    <a:lnTo>
                      <a:pt x="1812" y="559"/>
                    </a:lnTo>
                    <a:lnTo>
                      <a:pt x="1817" y="558"/>
                    </a:lnTo>
                    <a:lnTo>
                      <a:pt x="1822" y="555"/>
                    </a:lnTo>
                    <a:lnTo>
                      <a:pt x="1828" y="553"/>
                    </a:lnTo>
                    <a:lnTo>
                      <a:pt x="1830" y="549"/>
                    </a:lnTo>
                    <a:lnTo>
                      <a:pt x="1837" y="538"/>
                    </a:lnTo>
                    <a:lnTo>
                      <a:pt x="1842" y="527"/>
                    </a:lnTo>
                    <a:lnTo>
                      <a:pt x="1848" y="514"/>
                    </a:lnTo>
                    <a:lnTo>
                      <a:pt x="1857" y="502"/>
                    </a:lnTo>
                    <a:lnTo>
                      <a:pt x="1861" y="500"/>
                    </a:lnTo>
                    <a:lnTo>
                      <a:pt x="1868" y="497"/>
                    </a:lnTo>
                    <a:lnTo>
                      <a:pt x="1877" y="496"/>
                    </a:lnTo>
                    <a:lnTo>
                      <a:pt x="1886" y="494"/>
                    </a:lnTo>
                    <a:lnTo>
                      <a:pt x="1908" y="494"/>
                    </a:lnTo>
                    <a:lnTo>
                      <a:pt x="1933" y="496"/>
                    </a:lnTo>
                    <a:lnTo>
                      <a:pt x="1957" y="497"/>
                    </a:lnTo>
                    <a:lnTo>
                      <a:pt x="1980" y="497"/>
                    </a:lnTo>
                    <a:lnTo>
                      <a:pt x="1992" y="496"/>
                    </a:lnTo>
                    <a:lnTo>
                      <a:pt x="2002" y="494"/>
                    </a:lnTo>
                    <a:lnTo>
                      <a:pt x="2012" y="492"/>
                    </a:lnTo>
                    <a:lnTo>
                      <a:pt x="2018" y="488"/>
                    </a:lnTo>
                    <a:lnTo>
                      <a:pt x="2024" y="484"/>
                    </a:lnTo>
                    <a:lnTo>
                      <a:pt x="2031" y="476"/>
                    </a:lnTo>
                    <a:lnTo>
                      <a:pt x="2036" y="469"/>
                    </a:lnTo>
                    <a:lnTo>
                      <a:pt x="2041" y="458"/>
                    </a:lnTo>
                    <a:lnTo>
                      <a:pt x="2053" y="437"/>
                    </a:lnTo>
                    <a:lnTo>
                      <a:pt x="2065" y="415"/>
                    </a:lnTo>
                    <a:lnTo>
                      <a:pt x="2071" y="405"/>
                    </a:lnTo>
                    <a:lnTo>
                      <a:pt x="2076" y="396"/>
                    </a:lnTo>
                    <a:lnTo>
                      <a:pt x="2083" y="387"/>
                    </a:lnTo>
                    <a:lnTo>
                      <a:pt x="2089" y="380"/>
                    </a:lnTo>
                    <a:lnTo>
                      <a:pt x="2096" y="377"/>
                    </a:lnTo>
                    <a:lnTo>
                      <a:pt x="2102" y="374"/>
                    </a:lnTo>
                    <a:lnTo>
                      <a:pt x="2106" y="374"/>
                    </a:lnTo>
                    <a:lnTo>
                      <a:pt x="2110" y="375"/>
                    </a:lnTo>
                    <a:lnTo>
                      <a:pt x="2113" y="377"/>
                    </a:lnTo>
                    <a:lnTo>
                      <a:pt x="2116" y="378"/>
                    </a:lnTo>
                    <a:lnTo>
                      <a:pt x="2136" y="386"/>
                    </a:lnTo>
                    <a:lnTo>
                      <a:pt x="2167" y="396"/>
                    </a:lnTo>
                    <a:lnTo>
                      <a:pt x="2180" y="401"/>
                    </a:lnTo>
                    <a:lnTo>
                      <a:pt x="2190" y="405"/>
                    </a:lnTo>
                    <a:lnTo>
                      <a:pt x="2193" y="406"/>
                    </a:lnTo>
                    <a:lnTo>
                      <a:pt x="2194" y="408"/>
                    </a:lnTo>
                    <a:lnTo>
                      <a:pt x="2193" y="409"/>
                    </a:lnTo>
                    <a:lnTo>
                      <a:pt x="2189" y="409"/>
                    </a:lnTo>
                    <a:lnTo>
                      <a:pt x="2161" y="409"/>
                    </a:lnTo>
                    <a:lnTo>
                      <a:pt x="2126" y="412"/>
                    </a:lnTo>
                    <a:lnTo>
                      <a:pt x="2109" y="415"/>
                    </a:lnTo>
                    <a:lnTo>
                      <a:pt x="2094" y="421"/>
                    </a:lnTo>
                    <a:lnTo>
                      <a:pt x="2088" y="423"/>
                    </a:lnTo>
                    <a:lnTo>
                      <a:pt x="2084" y="428"/>
                    </a:lnTo>
                    <a:lnTo>
                      <a:pt x="2080" y="434"/>
                    </a:lnTo>
                    <a:lnTo>
                      <a:pt x="2078" y="439"/>
                    </a:lnTo>
                    <a:lnTo>
                      <a:pt x="2074" y="453"/>
                    </a:lnTo>
                    <a:lnTo>
                      <a:pt x="2072" y="463"/>
                    </a:lnTo>
                    <a:lnTo>
                      <a:pt x="2074" y="471"/>
                    </a:lnTo>
                    <a:lnTo>
                      <a:pt x="2076" y="476"/>
                    </a:lnTo>
                    <a:lnTo>
                      <a:pt x="2080" y="479"/>
                    </a:lnTo>
                    <a:lnTo>
                      <a:pt x="2084" y="480"/>
                    </a:lnTo>
                    <a:lnTo>
                      <a:pt x="2091" y="480"/>
                    </a:lnTo>
                    <a:lnTo>
                      <a:pt x="2098" y="478"/>
                    </a:lnTo>
                    <a:lnTo>
                      <a:pt x="2129" y="463"/>
                    </a:lnTo>
                    <a:lnTo>
                      <a:pt x="2155" y="450"/>
                    </a:lnTo>
                    <a:lnTo>
                      <a:pt x="2164" y="449"/>
                    </a:lnTo>
                    <a:lnTo>
                      <a:pt x="2172" y="450"/>
                    </a:lnTo>
                    <a:lnTo>
                      <a:pt x="2179" y="452"/>
                    </a:lnTo>
                    <a:lnTo>
                      <a:pt x="2184" y="453"/>
                    </a:lnTo>
                    <a:lnTo>
                      <a:pt x="2190" y="453"/>
                    </a:lnTo>
                    <a:lnTo>
                      <a:pt x="2198" y="452"/>
                    </a:lnTo>
                    <a:lnTo>
                      <a:pt x="2206" y="447"/>
                    </a:lnTo>
                    <a:lnTo>
                      <a:pt x="2218" y="437"/>
                    </a:lnTo>
                    <a:lnTo>
                      <a:pt x="2225" y="430"/>
                    </a:lnTo>
                    <a:lnTo>
                      <a:pt x="2232" y="426"/>
                    </a:lnTo>
                    <a:lnTo>
                      <a:pt x="2234" y="424"/>
                    </a:lnTo>
                    <a:lnTo>
                      <a:pt x="2237" y="424"/>
                    </a:lnTo>
                    <a:lnTo>
                      <a:pt x="2240" y="426"/>
                    </a:lnTo>
                    <a:lnTo>
                      <a:pt x="2242" y="426"/>
                    </a:lnTo>
                    <a:lnTo>
                      <a:pt x="2247" y="430"/>
                    </a:lnTo>
                    <a:lnTo>
                      <a:pt x="2251" y="436"/>
                    </a:lnTo>
                    <a:lnTo>
                      <a:pt x="2256" y="444"/>
                    </a:lnTo>
                    <a:lnTo>
                      <a:pt x="2263" y="454"/>
                    </a:lnTo>
                    <a:lnTo>
                      <a:pt x="2269" y="466"/>
                    </a:lnTo>
                    <a:lnTo>
                      <a:pt x="2277" y="476"/>
                    </a:lnTo>
                    <a:lnTo>
                      <a:pt x="2286" y="485"/>
                    </a:lnTo>
                    <a:lnTo>
                      <a:pt x="2294" y="493"/>
                    </a:lnTo>
                    <a:lnTo>
                      <a:pt x="2313" y="510"/>
                    </a:lnTo>
                    <a:lnTo>
                      <a:pt x="2333" y="527"/>
                    </a:lnTo>
                    <a:lnTo>
                      <a:pt x="2339" y="533"/>
                    </a:lnTo>
                    <a:lnTo>
                      <a:pt x="2347" y="540"/>
                    </a:lnTo>
                    <a:lnTo>
                      <a:pt x="2354" y="544"/>
                    </a:lnTo>
                    <a:lnTo>
                      <a:pt x="2361" y="546"/>
                    </a:lnTo>
                    <a:lnTo>
                      <a:pt x="2369" y="548"/>
                    </a:lnTo>
                    <a:lnTo>
                      <a:pt x="2377" y="546"/>
                    </a:lnTo>
                    <a:lnTo>
                      <a:pt x="2383" y="542"/>
                    </a:lnTo>
                    <a:lnTo>
                      <a:pt x="2391" y="536"/>
                    </a:lnTo>
                    <a:lnTo>
                      <a:pt x="2396" y="531"/>
                    </a:lnTo>
                    <a:lnTo>
                      <a:pt x="2403" y="528"/>
                    </a:lnTo>
                    <a:lnTo>
                      <a:pt x="2409" y="527"/>
                    </a:lnTo>
                    <a:lnTo>
                      <a:pt x="2416" y="528"/>
                    </a:lnTo>
                    <a:lnTo>
                      <a:pt x="2421" y="531"/>
                    </a:lnTo>
                    <a:lnTo>
                      <a:pt x="2425" y="535"/>
                    </a:lnTo>
                    <a:lnTo>
                      <a:pt x="2427" y="541"/>
                    </a:lnTo>
                    <a:lnTo>
                      <a:pt x="2429" y="549"/>
                    </a:lnTo>
                    <a:lnTo>
                      <a:pt x="2433" y="573"/>
                    </a:lnTo>
                    <a:lnTo>
                      <a:pt x="2439" y="597"/>
                    </a:lnTo>
                    <a:lnTo>
                      <a:pt x="2440" y="608"/>
                    </a:lnTo>
                    <a:lnTo>
                      <a:pt x="2442" y="619"/>
                    </a:lnTo>
                    <a:lnTo>
                      <a:pt x="2440" y="624"/>
                    </a:lnTo>
                    <a:lnTo>
                      <a:pt x="2439" y="629"/>
                    </a:lnTo>
                    <a:lnTo>
                      <a:pt x="2436" y="634"/>
                    </a:lnTo>
                    <a:lnTo>
                      <a:pt x="2434" y="640"/>
                    </a:lnTo>
                    <a:lnTo>
                      <a:pt x="2431" y="645"/>
                    </a:lnTo>
                    <a:lnTo>
                      <a:pt x="2429" y="650"/>
                    </a:lnTo>
                    <a:lnTo>
                      <a:pt x="2427" y="655"/>
                    </a:lnTo>
                    <a:lnTo>
                      <a:pt x="2426" y="660"/>
                    </a:lnTo>
                    <a:lnTo>
                      <a:pt x="2426" y="665"/>
                    </a:lnTo>
                    <a:lnTo>
                      <a:pt x="2426" y="671"/>
                    </a:lnTo>
                    <a:lnTo>
                      <a:pt x="2427" y="676"/>
                    </a:lnTo>
                    <a:lnTo>
                      <a:pt x="2430" y="680"/>
                    </a:lnTo>
                    <a:lnTo>
                      <a:pt x="2435" y="689"/>
                    </a:lnTo>
                    <a:lnTo>
                      <a:pt x="2443" y="698"/>
                    </a:lnTo>
                    <a:lnTo>
                      <a:pt x="2452" y="706"/>
                    </a:lnTo>
                    <a:lnTo>
                      <a:pt x="2462" y="712"/>
                    </a:lnTo>
                    <a:lnTo>
                      <a:pt x="2482" y="722"/>
                    </a:lnTo>
                    <a:lnTo>
                      <a:pt x="2503" y="731"/>
                    </a:lnTo>
                    <a:lnTo>
                      <a:pt x="2523" y="742"/>
                    </a:lnTo>
                    <a:lnTo>
                      <a:pt x="2544" y="750"/>
                    </a:lnTo>
                    <a:lnTo>
                      <a:pt x="2544" y="75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1" name="Freeform 81">
                <a:extLst>
                  <a:ext uri="{FF2B5EF4-FFF2-40B4-BE49-F238E27FC236}">
                    <a16:creationId xmlns:a16="http://schemas.microsoft.com/office/drawing/2014/main" id="{C41F068E-8469-314D-84AB-1524FFB7B6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903758" y="5243833"/>
                <a:ext cx="970962" cy="634014"/>
              </a:xfrm>
              <a:custGeom>
                <a:avLst/>
                <a:gdLst/>
                <a:ahLst/>
                <a:cxnLst>
                  <a:cxn ang="0">
                    <a:pos x="190" y="103"/>
                  </a:cxn>
                  <a:cxn ang="0">
                    <a:pos x="189" y="147"/>
                  </a:cxn>
                  <a:cxn ang="0">
                    <a:pos x="162" y="222"/>
                  </a:cxn>
                  <a:cxn ang="0">
                    <a:pos x="233" y="247"/>
                  </a:cxn>
                  <a:cxn ang="0">
                    <a:pos x="343" y="222"/>
                  </a:cxn>
                  <a:cxn ang="0">
                    <a:pos x="494" y="262"/>
                  </a:cxn>
                  <a:cxn ang="0">
                    <a:pos x="710" y="256"/>
                  </a:cxn>
                  <a:cxn ang="0">
                    <a:pos x="954" y="273"/>
                  </a:cxn>
                  <a:cxn ang="0">
                    <a:pos x="1078" y="279"/>
                  </a:cxn>
                  <a:cxn ang="0">
                    <a:pos x="1211" y="153"/>
                  </a:cxn>
                  <a:cxn ang="0">
                    <a:pos x="1347" y="47"/>
                  </a:cxn>
                  <a:cxn ang="0">
                    <a:pos x="1632" y="7"/>
                  </a:cxn>
                  <a:cxn ang="0">
                    <a:pos x="1805" y="38"/>
                  </a:cxn>
                  <a:cxn ang="0">
                    <a:pos x="1904" y="89"/>
                  </a:cxn>
                  <a:cxn ang="0">
                    <a:pos x="2065" y="83"/>
                  </a:cxn>
                  <a:cxn ang="0">
                    <a:pos x="2095" y="219"/>
                  </a:cxn>
                  <a:cxn ang="0">
                    <a:pos x="2134" y="288"/>
                  </a:cxn>
                  <a:cxn ang="0">
                    <a:pos x="2059" y="346"/>
                  </a:cxn>
                  <a:cxn ang="0">
                    <a:pos x="1955" y="352"/>
                  </a:cxn>
                  <a:cxn ang="0">
                    <a:pos x="1860" y="574"/>
                  </a:cxn>
                  <a:cxn ang="0">
                    <a:pos x="1815" y="678"/>
                  </a:cxn>
                  <a:cxn ang="0">
                    <a:pos x="1754" y="766"/>
                  </a:cxn>
                  <a:cxn ang="0">
                    <a:pos x="1731" y="793"/>
                  </a:cxn>
                  <a:cxn ang="0">
                    <a:pos x="1793" y="787"/>
                  </a:cxn>
                  <a:cxn ang="0">
                    <a:pos x="1868" y="832"/>
                  </a:cxn>
                  <a:cxn ang="0">
                    <a:pos x="1939" y="945"/>
                  </a:cxn>
                  <a:cxn ang="0">
                    <a:pos x="1836" y="1048"/>
                  </a:cxn>
                  <a:cxn ang="0">
                    <a:pos x="1753" y="1026"/>
                  </a:cxn>
                  <a:cxn ang="0">
                    <a:pos x="1644" y="928"/>
                  </a:cxn>
                  <a:cxn ang="0">
                    <a:pos x="1588" y="958"/>
                  </a:cxn>
                  <a:cxn ang="0">
                    <a:pos x="1516" y="1051"/>
                  </a:cxn>
                  <a:cxn ang="0">
                    <a:pos x="1312" y="1102"/>
                  </a:cxn>
                  <a:cxn ang="0">
                    <a:pos x="1253" y="1112"/>
                  </a:cxn>
                  <a:cxn ang="0">
                    <a:pos x="1262" y="1217"/>
                  </a:cxn>
                  <a:cxn ang="0">
                    <a:pos x="1253" y="1271"/>
                  </a:cxn>
                  <a:cxn ang="0">
                    <a:pos x="1110" y="1291"/>
                  </a:cxn>
                  <a:cxn ang="0">
                    <a:pos x="1025" y="1326"/>
                  </a:cxn>
                  <a:cxn ang="0">
                    <a:pos x="916" y="1275"/>
                  </a:cxn>
                  <a:cxn ang="0">
                    <a:pos x="794" y="1282"/>
                  </a:cxn>
                  <a:cxn ang="0">
                    <a:pos x="736" y="1273"/>
                  </a:cxn>
                  <a:cxn ang="0">
                    <a:pos x="648" y="1229"/>
                  </a:cxn>
                  <a:cxn ang="0">
                    <a:pos x="587" y="1271"/>
                  </a:cxn>
                  <a:cxn ang="0">
                    <a:pos x="509" y="1352"/>
                  </a:cxn>
                  <a:cxn ang="0">
                    <a:pos x="372" y="1380"/>
                  </a:cxn>
                  <a:cxn ang="0">
                    <a:pos x="262" y="1400"/>
                  </a:cxn>
                  <a:cxn ang="0">
                    <a:pos x="202" y="1394"/>
                  </a:cxn>
                  <a:cxn ang="0">
                    <a:pos x="188" y="1182"/>
                  </a:cxn>
                  <a:cxn ang="0">
                    <a:pos x="188" y="1102"/>
                  </a:cxn>
                  <a:cxn ang="0">
                    <a:pos x="113" y="1073"/>
                  </a:cxn>
                  <a:cxn ang="0">
                    <a:pos x="8" y="1004"/>
                  </a:cxn>
                  <a:cxn ang="0">
                    <a:pos x="18" y="844"/>
                  </a:cxn>
                  <a:cxn ang="0">
                    <a:pos x="12" y="699"/>
                  </a:cxn>
                  <a:cxn ang="0">
                    <a:pos x="137" y="633"/>
                  </a:cxn>
                  <a:cxn ang="0">
                    <a:pos x="190" y="583"/>
                  </a:cxn>
                  <a:cxn ang="0">
                    <a:pos x="146" y="511"/>
                  </a:cxn>
                  <a:cxn ang="0">
                    <a:pos x="32" y="392"/>
                  </a:cxn>
                  <a:cxn ang="0">
                    <a:pos x="5" y="249"/>
                  </a:cxn>
                </a:cxnLst>
                <a:rect l="0" t="0" r="r" b="b"/>
                <a:pathLst>
                  <a:path w="2135" h="1405">
                    <a:moveTo>
                      <a:pt x="105" y="76"/>
                    </a:moveTo>
                    <a:lnTo>
                      <a:pt x="119" y="81"/>
                    </a:lnTo>
                    <a:lnTo>
                      <a:pt x="135" y="86"/>
                    </a:lnTo>
                    <a:lnTo>
                      <a:pt x="149" y="90"/>
                    </a:lnTo>
                    <a:lnTo>
                      <a:pt x="162" y="94"/>
                    </a:lnTo>
                    <a:lnTo>
                      <a:pt x="174" y="96"/>
                    </a:lnTo>
                    <a:lnTo>
                      <a:pt x="185" y="100"/>
                    </a:lnTo>
                    <a:lnTo>
                      <a:pt x="190" y="103"/>
                    </a:lnTo>
                    <a:lnTo>
                      <a:pt x="196" y="105"/>
                    </a:lnTo>
                    <a:lnTo>
                      <a:pt x="200" y="108"/>
                    </a:lnTo>
                    <a:lnTo>
                      <a:pt x="202" y="112"/>
                    </a:lnTo>
                    <a:lnTo>
                      <a:pt x="205" y="117"/>
                    </a:lnTo>
                    <a:lnTo>
                      <a:pt x="205" y="122"/>
                    </a:lnTo>
                    <a:lnTo>
                      <a:pt x="203" y="127"/>
                    </a:lnTo>
                    <a:lnTo>
                      <a:pt x="200" y="134"/>
                    </a:lnTo>
                    <a:lnTo>
                      <a:pt x="189" y="147"/>
                    </a:lnTo>
                    <a:lnTo>
                      <a:pt x="178" y="160"/>
                    </a:lnTo>
                    <a:lnTo>
                      <a:pt x="171" y="168"/>
                    </a:lnTo>
                    <a:lnTo>
                      <a:pt x="166" y="175"/>
                    </a:lnTo>
                    <a:lnTo>
                      <a:pt x="162" y="184"/>
                    </a:lnTo>
                    <a:lnTo>
                      <a:pt x="159" y="192"/>
                    </a:lnTo>
                    <a:lnTo>
                      <a:pt x="158" y="201"/>
                    </a:lnTo>
                    <a:lnTo>
                      <a:pt x="159" y="212"/>
                    </a:lnTo>
                    <a:lnTo>
                      <a:pt x="162" y="222"/>
                    </a:lnTo>
                    <a:lnTo>
                      <a:pt x="168" y="232"/>
                    </a:lnTo>
                    <a:lnTo>
                      <a:pt x="175" y="240"/>
                    </a:lnTo>
                    <a:lnTo>
                      <a:pt x="183" y="245"/>
                    </a:lnTo>
                    <a:lnTo>
                      <a:pt x="192" y="248"/>
                    </a:lnTo>
                    <a:lnTo>
                      <a:pt x="201" y="249"/>
                    </a:lnTo>
                    <a:lnTo>
                      <a:pt x="211" y="250"/>
                    </a:lnTo>
                    <a:lnTo>
                      <a:pt x="222" y="249"/>
                    </a:lnTo>
                    <a:lnTo>
                      <a:pt x="233" y="247"/>
                    </a:lnTo>
                    <a:lnTo>
                      <a:pt x="245" y="244"/>
                    </a:lnTo>
                    <a:lnTo>
                      <a:pt x="268" y="236"/>
                    </a:lnTo>
                    <a:lnTo>
                      <a:pt x="290" y="228"/>
                    </a:lnTo>
                    <a:lnTo>
                      <a:pt x="301" y="226"/>
                    </a:lnTo>
                    <a:lnTo>
                      <a:pt x="311" y="223"/>
                    </a:lnTo>
                    <a:lnTo>
                      <a:pt x="320" y="221"/>
                    </a:lnTo>
                    <a:lnTo>
                      <a:pt x="328" y="221"/>
                    </a:lnTo>
                    <a:lnTo>
                      <a:pt x="343" y="222"/>
                    </a:lnTo>
                    <a:lnTo>
                      <a:pt x="358" y="225"/>
                    </a:lnTo>
                    <a:lnTo>
                      <a:pt x="373" y="230"/>
                    </a:lnTo>
                    <a:lnTo>
                      <a:pt x="387" y="235"/>
                    </a:lnTo>
                    <a:lnTo>
                      <a:pt x="418" y="247"/>
                    </a:lnTo>
                    <a:lnTo>
                      <a:pt x="447" y="256"/>
                    </a:lnTo>
                    <a:lnTo>
                      <a:pt x="463" y="258"/>
                    </a:lnTo>
                    <a:lnTo>
                      <a:pt x="478" y="261"/>
                    </a:lnTo>
                    <a:lnTo>
                      <a:pt x="494" y="262"/>
                    </a:lnTo>
                    <a:lnTo>
                      <a:pt x="508" y="262"/>
                    </a:lnTo>
                    <a:lnTo>
                      <a:pt x="536" y="262"/>
                    </a:lnTo>
                    <a:lnTo>
                      <a:pt x="565" y="261"/>
                    </a:lnTo>
                    <a:lnTo>
                      <a:pt x="593" y="258"/>
                    </a:lnTo>
                    <a:lnTo>
                      <a:pt x="622" y="256"/>
                    </a:lnTo>
                    <a:lnTo>
                      <a:pt x="650" y="254"/>
                    </a:lnTo>
                    <a:lnTo>
                      <a:pt x="680" y="254"/>
                    </a:lnTo>
                    <a:lnTo>
                      <a:pt x="710" y="256"/>
                    </a:lnTo>
                    <a:lnTo>
                      <a:pt x="740" y="256"/>
                    </a:lnTo>
                    <a:lnTo>
                      <a:pt x="770" y="256"/>
                    </a:lnTo>
                    <a:lnTo>
                      <a:pt x="799" y="257"/>
                    </a:lnTo>
                    <a:lnTo>
                      <a:pt x="829" y="257"/>
                    </a:lnTo>
                    <a:lnTo>
                      <a:pt x="859" y="260"/>
                    </a:lnTo>
                    <a:lnTo>
                      <a:pt x="889" y="262"/>
                    </a:lnTo>
                    <a:lnTo>
                      <a:pt x="919" y="266"/>
                    </a:lnTo>
                    <a:lnTo>
                      <a:pt x="954" y="273"/>
                    </a:lnTo>
                    <a:lnTo>
                      <a:pt x="981" y="280"/>
                    </a:lnTo>
                    <a:lnTo>
                      <a:pt x="1004" y="287"/>
                    </a:lnTo>
                    <a:lnTo>
                      <a:pt x="1025" y="291"/>
                    </a:lnTo>
                    <a:lnTo>
                      <a:pt x="1034" y="291"/>
                    </a:lnTo>
                    <a:lnTo>
                      <a:pt x="1044" y="289"/>
                    </a:lnTo>
                    <a:lnTo>
                      <a:pt x="1055" y="288"/>
                    </a:lnTo>
                    <a:lnTo>
                      <a:pt x="1066" y="284"/>
                    </a:lnTo>
                    <a:lnTo>
                      <a:pt x="1078" y="279"/>
                    </a:lnTo>
                    <a:lnTo>
                      <a:pt x="1091" y="271"/>
                    </a:lnTo>
                    <a:lnTo>
                      <a:pt x="1105" y="262"/>
                    </a:lnTo>
                    <a:lnTo>
                      <a:pt x="1122" y="250"/>
                    </a:lnTo>
                    <a:lnTo>
                      <a:pt x="1137" y="238"/>
                    </a:lnTo>
                    <a:lnTo>
                      <a:pt x="1153" y="223"/>
                    </a:lnTo>
                    <a:lnTo>
                      <a:pt x="1169" y="206"/>
                    </a:lnTo>
                    <a:lnTo>
                      <a:pt x="1183" y="190"/>
                    </a:lnTo>
                    <a:lnTo>
                      <a:pt x="1211" y="153"/>
                    </a:lnTo>
                    <a:lnTo>
                      <a:pt x="1240" y="121"/>
                    </a:lnTo>
                    <a:lnTo>
                      <a:pt x="1249" y="111"/>
                    </a:lnTo>
                    <a:lnTo>
                      <a:pt x="1259" y="102"/>
                    </a:lnTo>
                    <a:lnTo>
                      <a:pt x="1270" y="92"/>
                    </a:lnTo>
                    <a:lnTo>
                      <a:pt x="1280" y="85"/>
                    </a:lnTo>
                    <a:lnTo>
                      <a:pt x="1302" y="69"/>
                    </a:lnTo>
                    <a:lnTo>
                      <a:pt x="1324" y="57"/>
                    </a:lnTo>
                    <a:lnTo>
                      <a:pt x="1347" y="47"/>
                    </a:lnTo>
                    <a:lnTo>
                      <a:pt x="1371" y="39"/>
                    </a:lnTo>
                    <a:lnTo>
                      <a:pt x="1395" y="32"/>
                    </a:lnTo>
                    <a:lnTo>
                      <a:pt x="1419" y="26"/>
                    </a:lnTo>
                    <a:lnTo>
                      <a:pt x="1469" y="19"/>
                    </a:lnTo>
                    <a:lnTo>
                      <a:pt x="1518" y="13"/>
                    </a:lnTo>
                    <a:lnTo>
                      <a:pt x="1569" y="8"/>
                    </a:lnTo>
                    <a:lnTo>
                      <a:pt x="1618" y="0"/>
                    </a:lnTo>
                    <a:lnTo>
                      <a:pt x="1632" y="7"/>
                    </a:lnTo>
                    <a:lnTo>
                      <a:pt x="1648" y="13"/>
                    </a:lnTo>
                    <a:lnTo>
                      <a:pt x="1662" y="21"/>
                    </a:lnTo>
                    <a:lnTo>
                      <a:pt x="1674" y="30"/>
                    </a:lnTo>
                    <a:lnTo>
                      <a:pt x="1704" y="32"/>
                    </a:lnTo>
                    <a:lnTo>
                      <a:pt x="1735" y="33"/>
                    </a:lnTo>
                    <a:lnTo>
                      <a:pt x="1766" y="34"/>
                    </a:lnTo>
                    <a:lnTo>
                      <a:pt x="1796" y="37"/>
                    </a:lnTo>
                    <a:lnTo>
                      <a:pt x="1805" y="38"/>
                    </a:lnTo>
                    <a:lnTo>
                      <a:pt x="1814" y="41"/>
                    </a:lnTo>
                    <a:lnTo>
                      <a:pt x="1823" y="43"/>
                    </a:lnTo>
                    <a:lnTo>
                      <a:pt x="1831" y="47"/>
                    </a:lnTo>
                    <a:lnTo>
                      <a:pt x="1847" y="56"/>
                    </a:lnTo>
                    <a:lnTo>
                      <a:pt x="1863" y="67"/>
                    </a:lnTo>
                    <a:lnTo>
                      <a:pt x="1878" y="77"/>
                    </a:lnTo>
                    <a:lnTo>
                      <a:pt x="1895" y="85"/>
                    </a:lnTo>
                    <a:lnTo>
                      <a:pt x="1904" y="89"/>
                    </a:lnTo>
                    <a:lnTo>
                      <a:pt x="1913" y="91"/>
                    </a:lnTo>
                    <a:lnTo>
                      <a:pt x="1924" y="92"/>
                    </a:lnTo>
                    <a:lnTo>
                      <a:pt x="1934" y="94"/>
                    </a:lnTo>
                    <a:lnTo>
                      <a:pt x="1955" y="94"/>
                    </a:lnTo>
                    <a:lnTo>
                      <a:pt x="1976" y="92"/>
                    </a:lnTo>
                    <a:lnTo>
                      <a:pt x="1998" y="91"/>
                    </a:lnTo>
                    <a:lnTo>
                      <a:pt x="2021" y="89"/>
                    </a:lnTo>
                    <a:lnTo>
                      <a:pt x="2065" y="83"/>
                    </a:lnTo>
                    <a:lnTo>
                      <a:pt x="2108" y="82"/>
                    </a:lnTo>
                    <a:lnTo>
                      <a:pt x="2100" y="126"/>
                    </a:lnTo>
                    <a:lnTo>
                      <a:pt x="2092" y="168"/>
                    </a:lnTo>
                    <a:lnTo>
                      <a:pt x="2091" y="178"/>
                    </a:lnTo>
                    <a:lnTo>
                      <a:pt x="2091" y="188"/>
                    </a:lnTo>
                    <a:lnTo>
                      <a:pt x="2091" y="199"/>
                    </a:lnTo>
                    <a:lnTo>
                      <a:pt x="2092" y="209"/>
                    </a:lnTo>
                    <a:lnTo>
                      <a:pt x="2095" y="219"/>
                    </a:lnTo>
                    <a:lnTo>
                      <a:pt x="2099" y="230"/>
                    </a:lnTo>
                    <a:lnTo>
                      <a:pt x="2103" y="240"/>
                    </a:lnTo>
                    <a:lnTo>
                      <a:pt x="2109" y="250"/>
                    </a:lnTo>
                    <a:lnTo>
                      <a:pt x="2125" y="270"/>
                    </a:lnTo>
                    <a:lnTo>
                      <a:pt x="2134" y="280"/>
                    </a:lnTo>
                    <a:lnTo>
                      <a:pt x="2135" y="283"/>
                    </a:lnTo>
                    <a:lnTo>
                      <a:pt x="2135" y="285"/>
                    </a:lnTo>
                    <a:lnTo>
                      <a:pt x="2134" y="288"/>
                    </a:lnTo>
                    <a:lnTo>
                      <a:pt x="2131" y="292"/>
                    </a:lnTo>
                    <a:lnTo>
                      <a:pt x="2123" y="301"/>
                    </a:lnTo>
                    <a:lnTo>
                      <a:pt x="2110" y="314"/>
                    </a:lnTo>
                    <a:lnTo>
                      <a:pt x="2096" y="327"/>
                    </a:lnTo>
                    <a:lnTo>
                      <a:pt x="2086" y="336"/>
                    </a:lnTo>
                    <a:lnTo>
                      <a:pt x="2077" y="342"/>
                    </a:lnTo>
                    <a:lnTo>
                      <a:pt x="2068" y="345"/>
                    </a:lnTo>
                    <a:lnTo>
                      <a:pt x="2059" y="346"/>
                    </a:lnTo>
                    <a:lnTo>
                      <a:pt x="2048" y="345"/>
                    </a:lnTo>
                    <a:lnTo>
                      <a:pt x="2034" y="344"/>
                    </a:lnTo>
                    <a:lnTo>
                      <a:pt x="2016" y="341"/>
                    </a:lnTo>
                    <a:lnTo>
                      <a:pt x="2003" y="341"/>
                    </a:lnTo>
                    <a:lnTo>
                      <a:pt x="1990" y="341"/>
                    </a:lnTo>
                    <a:lnTo>
                      <a:pt x="1977" y="344"/>
                    </a:lnTo>
                    <a:lnTo>
                      <a:pt x="1967" y="348"/>
                    </a:lnTo>
                    <a:lnTo>
                      <a:pt x="1955" y="352"/>
                    </a:lnTo>
                    <a:lnTo>
                      <a:pt x="1946" y="358"/>
                    </a:lnTo>
                    <a:lnTo>
                      <a:pt x="1936" y="364"/>
                    </a:lnTo>
                    <a:lnTo>
                      <a:pt x="1926" y="372"/>
                    </a:lnTo>
                    <a:lnTo>
                      <a:pt x="1891" y="406"/>
                    </a:lnTo>
                    <a:lnTo>
                      <a:pt x="1854" y="440"/>
                    </a:lnTo>
                    <a:lnTo>
                      <a:pt x="1855" y="485"/>
                    </a:lnTo>
                    <a:lnTo>
                      <a:pt x="1858" y="529"/>
                    </a:lnTo>
                    <a:lnTo>
                      <a:pt x="1860" y="574"/>
                    </a:lnTo>
                    <a:lnTo>
                      <a:pt x="1860" y="618"/>
                    </a:lnTo>
                    <a:lnTo>
                      <a:pt x="1860" y="626"/>
                    </a:lnTo>
                    <a:lnTo>
                      <a:pt x="1858" y="633"/>
                    </a:lnTo>
                    <a:lnTo>
                      <a:pt x="1855" y="639"/>
                    </a:lnTo>
                    <a:lnTo>
                      <a:pt x="1850" y="646"/>
                    </a:lnTo>
                    <a:lnTo>
                      <a:pt x="1840" y="657"/>
                    </a:lnTo>
                    <a:lnTo>
                      <a:pt x="1828" y="668"/>
                    </a:lnTo>
                    <a:lnTo>
                      <a:pt x="1815" y="678"/>
                    </a:lnTo>
                    <a:lnTo>
                      <a:pt x="1802" y="690"/>
                    </a:lnTo>
                    <a:lnTo>
                      <a:pt x="1796" y="695"/>
                    </a:lnTo>
                    <a:lnTo>
                      <a:pt x="1789" y="701"/>
                    </a:lnTo>
                    <a:lnTo>
                      <a:pt x="1784" y="706"/>
                    </a:lnTo>
                    <a:lnTo>
                      <a:pt x="1780" y="713"/>
                    </a:lnTo>
                    <a:lnTo>
                      <a:pt x="1771" y="734"/>
                    </a:lnTo>
                    <a:lnTo>
                      <a:pt x="1759" y="756"/>
                    </a:lnTo>
                    <a:lnTo>
                      <a:pt x="1754" y="766"/>
                    </a:lnTo>
                    <a:lnTo>
                      <a:pt x="1746" y="775"/>
                    </a:lnTo>
                    <a:lnTo>
                      <a:pt x="1742" y="779"/>
                    </a:lnTo>
                    <a:lnTo>
                      <a:pt x="1737" y="782"/>
                    </a:lnTo>
                    <a:lnTo>
                      <a:pt x="1732" y="783"/>
                    </a:lnTo>
                    <a:lnTo>
                      <a:pt x="1727" y="784"/>
                    </a:lnTo>
                    <a:lnTo>
                      <a:pt x="1727" y="788"/>
                    </a:lnTo>
                    <a:lnTo>
                      <a:pt x="1728" y="792"/>
                    </a:lnTo>
                    <a:lnTo>
                      <a:pt x="1731" y="793"/>
                    </a:lnTo>
                    <a:lnTo>
                      <a:pt x="1735" y="796"/>
                    </a:lnTo>
                    <a:lnTo>
                      <a:pt x="1742" y="797"/>
                    </a:lnTo>
                    <a:lnTo>
                      <a:pt x="1752" y="797"/>
                    </a:lnTo>
                    <a:lnTo>
                      <a:pt x="1761" y="797"/>
                    </a:lnTo>
                    <a:lnTo>
                      <a:pt x="1771" y="795"/>
                    </a:lnTo>
                    <a:lnTo>
                      <a:pt x="1779" y="793"/>
                    </a:lnTo>
                    <a:lnTo>
                      <a:pt x="1784" y="791"/>
                    </a:lnTo>
                    <a:lnTo>
                      <a:pt x="1793" y="787"/>
                    </a:lnTo>
                    <a:lnTo>
                      <a:pt x="1801" y="784"/>
                    </a:lnTo>
                    <a:lnTo>
                      <a:pt x="1809" y="784"/>
                    </a:lnTo>
                    <a:lnTo>
                      <a:pt x="1815" y="785"/>
                    </a:lnTo>
                    <a:lnTo>
                      <a:pt x="1820" y="788"/>
                    </a:lnTo>
                    <a:lnTo>
                      <a:pt x="1827" y="792"/>
                    </a:lnTo>
                    <a:lnTo>
                      <a:pt x="1833" y="797"/>
                    </a:lnTo>
                    <a:lnTo>
                      <a:pt x="1840" y="804"/>
                    </a:lnTo>
                    <a:lnTo>
                      <a:pt x="1868" y="832"/>
                    </a:lnTo>
                    <a:lnTo>
                      <a:pt x="1898" y="863"/>
                    </a:lnTo>
                    <a:lnTo>
                      <a:pt x="1911" y="880"/>
                    </a:lnTo>
                    <a:lnTo>
                      <a:pt x="1921" y="898"/>
                    </a:lnTo>
                    <a:lnTo>
                      <a:pt x="1926" y="907"/>
                    </a:lnTo>
                    <a:lnTo>
                      <a:pt x="1930" y="916"/>
                    </a:lnTo>
                    <a:lnTo>
                      <a:pt x="1934" y="925"/>
                    </a:lnTo>
                    <a:lnTo>
                      <a:pt x="1937" y="936"/>
                    </a:lnTo>
                    <a:lnTo>
                      <a:pt x="1939" y="945"/>
                    </a:lnTo>
                    <a:lnTo>
                      <a:pt x="1943" y="953"/>
                    </a:lnTo>
                    <a:lnTo>
                      <a:pt x="1947" y="960"/>
                    </a:lnTo>
                    <a:lnTo>
                      <a:pt x="1952" y="968"/>
                    </a:lnTo>
                    <a:lnTo>
                      <a:pt x="1912" y="997"/>
                    </a:lnTo>
                    <a:lnTo>
                      <a:pt x="1869" y="1030"/>
                    </a:lnTo>
                    <a:lnTo>
                      <a:pt x="1858" y="1037"/>
                    </a:lnTo>
                    <a:lnTo>
                      <a:pt x="1847" y="1043"/>
                    </a:lnTo>
                    <a:lnTo>
                      <a:pt x="1836" y="1048"/>
                    </a:lnTo>
                    <a:lnTo>
                      <a:pt x="1824" y="1051"/>
                    </a:lnTo>
                    <a:lnTo>
                      <a:pt x="1812" y="1054"/>
                    </a:lnTo>
                    <a:lnTo>
                      <a:pt x="1801" y="1054"/>
                    </a:lnTo>
                    <a:lnTo>
                      <a:pt x="1789" y="1051"/>
                    </a:lnTo>
                    <a:lnTo>
                      <a:pt x="1777" y="1046"/>
                    </a:lnTo>
                    <a:lnTo>
                      <a:pt x="1770" y="1041"/>
                    </a:lnTo>
                    <a:lnTo>
                      <a:pt x="1762" y="1034"/>
                    </a:lnTo>
                    <a:lnTo>
                      <a:pt x="1753" y="1026"/>
                    </a:lnTo>
                    <a:lnTo>
                      <a:pt x="1745" y="1017"/>
                    </a:lnTo>
                    <a:lnTo>
                      <a:pt x="1726" y="998"/>
                    </a:lnTo>
                    <a:lnTo>
                      <a:pt x="1707" y="977"/>
                    </a:lnTo>
                    <a:lnTo>
                      <a:pt x="1688" y="958"/>
                    </a:lnTo>
                    <a:lnTo>
                      <a:pt x="1670" y="941"/>
                    </a:lnTo>
                    <a:lnTo>
                      <a:pt x="1661" y="934"/>
                    </a:lnTo>
                    <a:lnTo>
                      <a:pt x="1652" y="931"/>
                    </a:lnTo>
                    <a:lnTo>
                      <a:pt x="1644" y="928"/>
                    </a:lnTo>
                    <a:lnTo>
                      <a:pt x="1636" y="928"/>
                    </a:lnTo>
                    <a:lnTo>
                      <a:pt x="1627" y="931"/>
                    </a:lnTo>
                    <a:lnTo>
                      <a:pt x="1618" y="933"/>
                    </a:lnTo>
                    <a:lnTo>
                      <a:pt x="1610" y="937"/>
                    </a:lnTo>
                    <a:lnTo>
                      <a:pt x="1604" y="941"/>
                    </a:lnTo>
                    <a:lnTo>
                      <a:pt x="1597" y="946"/>
                    </a:lnTo>
                    <a:lnTo>
                      <a:pt x="1592" y="951"/>
                    </a:lnTo>
                    <a:lnTo>
                      <a:pt x="1588" y="958"/>
                    </a:lnTo>
                    <a:lnTo>
                      <a:pt x="1584" y="964"/>
                    </a:lnTo>
                    <a:lnTo>
                      <a:pt x="1571" y="993"/>
                    </a:lnTo>
                    <a:lnTo>
                      <a:pt x="1559" y="1023"/>
                    </a:lnTo>
                    <a:lnTo>
                      <a:pt x="1553" y="1030"/>
                    </a:lnTo>
                    <a:lnTo>
                      <a:pt x="1548" y="1037"/>
                    </a:lnTo>
                    <a:lnTo>
                      <a:pt x="1540" y="1042"/>
                    </a:lnTo>
                    <a:lnTo>
                      <a:pt x="1533" y="1046"/>
                    </a:lnTo>
                    <a:lnTo>
                      <a:pt x="1516" y="1051"/>
                    </a:lnTo>
                    <a:lnTo>
                      <a:pt x="1499" y="1056"/>
                    </a:lnTo>
                    <a:lnTo>
                      <a:pt x="1384" y="1100"/>
                    </a:lnTo>
                    <a:lnTo>
                      <a:pt x="1373" y="1103"/>
                    </a:lnTo>
                    <a:lnTo>
                      <a:pt x="1364" y="1105"/>
                    </a:lnTo>
                    <a:lnTo>
                      <a:pt x="1356" y="1107"/>
                    </a:lnTo>
                    <a:lnTo>
                      <a:pt x="1347" y="1107"/>
                    </a:lnTo>
                    <a:lnTo>
                      <a:pt x="1332" y="1105"/>
                    </a:lnTo>
                    <a:lnTo>
                      <a:pt x="1312" y="1102"/>
                    </a:lnTo>
                    <a:lnTo>
                      <a:pt x="1303" y="1099"/>
                    </a:lnTo>
                    <a:lnTo>
                      <a:pt x="1296" y="1099"/>
                    </a:lnTo>
                    <a:lnTo>
                      <a:pt x="1288" y="1098"/>
                    </a:lnTo>
                    <a:lnTo>
                      <a:pt x="1280" y="1099"/>
                    </a:lnTo>
                    <a:lnTo>
                      <a:pt x="1274" y="1100"/>
                    </a:lnTo>
                    <a:lnTo>
                      <a:pt x="1267" y="1103"/>
                    </a:lnTo>
                    <a:lnTo>
                      <a:pt x="1259" y="1107"/>
                    </a:lnTo>
                    <a:lnTo>
                      <a:pt x="1253" y="1112"/>
                    </a:lnTo>
                    <a:lnTo>
                      <a:pt x="1248" y="1116"/>
                    </a:lnTo>
                    <a:lnTo>
                      <a:pt x="1244" y="1122"/>
                    </a:lnTo>
                    <a:lnTo>
                      <a:pt x="1241" y="1129"/>
                    </a:lnTo>
                    <a:lnTo>
                      <a:pt x="1239" y="1137"/>
                    </a:lnTo>
                    <a:lnTo>
                      <a:pt x="1233" y="1152"/>
                    </a:lnTo>
                    <a:lnTo>
                      <a:pt x="1228" y="1166"/>
                    </a:lnTo>
                    <a:lnTo>
                      <a:pt x="1244" y="1191"/>
                    </a:lnTo>
                    <a:lnTo>
                      <a:pt x="1262" y="1217"/>
                    </a:lnTo>
                    <a:lnTo>
                      <a:pt x="1266" y="1223"/>
                    </a:lnTo>
                    <a:lnTo>
                      <a:pt x="1268" y="1230"/>
                    </a:lnTo>
                    <a:lnTo>
                      <a:pt x="1270" y="1238"/>
                    </a:lnTo>
                    <a:lnTo>
                      <a:pt x="1270" y="1244"/>
                    </a:lnTo>
                    <a:lnTo>
                      <a:pt x="1268" y="1251"/>
                    </a:lnTo>
                    <a:lnTo>
                      <a:pt x="1266" y="1257"/>
                    </a:lnTo>
                    <a:lnTo>
                      <a:pt x="1261" y="1265"/>
                    </a:lnTo>
                    <a:lnTo>
                      <a:pt x="1253" y="1271"/>
                    </a:lnTo>
                    <a:lnTo>
                      <a:pt x="1245" y="1276"/>
                    </a:lnTo>
                    <a:lnTo>
                      <a:pt x="1237" y="1282"/>
                    </a:lnTo>
                    <a:lnTo>
                      <a:pt x="1228" y="1286"/>
                    </a:lnTo>
                    <a:lnTo>
                      <a:pt x="1220" y="1288"/>
                    </a:lnTo>
                    <a:lnTo>
                      <a:pt x="1202" y="1292"/>
                    </a:lnTo>
                    <a:lnTo>
                      <a:pt x="1184" y="1293"/>
                    </a:lnTo>
                    <a:lnTo>
                      <a:pt x="1147" y="1293"/>
                    </a:lnTo>
                    <a:lnTo>
                      <a:pt x="1110" y="1291"/>
                    </a:lnTo>
                    <a:lnTo>
                      <a:pt x="1097" y="1292"/>
                    </a:lnTo>
                    <a:lnTo>
                      <a:pt x="1086" y="1296"/>
                    </a:lnTo>
                    <a:lnTo>
                      <a:pt x="1075" y="1300"/>
                    </a:lnTo>
                    <a:lnTo>
                      <a:pt x="1065" y="1305"/>
                    </a:lnTo>
                    <a:lnTo>
                      <a:pt x="1055" y="1311"/>
                    </a:lnTo>
                    <a:lnTo>
                      <a:pt x="1045" y="1317"/>
                    </a:lnTo>
                    <a:lnTo>
                      <a:pt x="1035" y="1322"/>
                    </a:lnTo>
                    <a:lnTo>
                      <a:pt x="1025" y="1326"/>
                    </a:lnTo>
                    <a:lnTo>
                      <a:pt x="1018" y="1327"/>
                    </a:lnTo>
                    <a:lnTo>
                      <a:pt x="1011" y="1327"/>
                    </a:lnTo>
                    <a:lnTo>
                      <a:pt x="1004" y="1326"/>
                    </a:lnTo>
                    <a:lnTo>
                      <a:pt x="998" y="1324"/>
                    </a:lnTo>
                    <a:lnTo>
                      <a:pt x="982" y="1318"/>
                    </a:lnTo>
                    <a:lnTo>
                      <a:pt x="968" y="1310"/>
                    </a:lnTo>
                    <a:lnTo>
                      <a:pt x="939" y="1291"/>
                    </a:lnTo>
                    <a:lnTo>
                      <a:pt x="916" y="1275"/>
                    </a:lnTo>
                    <a:lnTo>
                      <a:pt x="907" y="1271"/>
                    </a:lnTo>
                    <a:lnTo>
                      <a:pt x="898" y="1269"/>
                    </a:lnTo>
                    <a:lnTo>
                      <a:pt x="887" y="1267"/>
                    </a:lnTo>
                    <a:lnTo>
                      <a:pt x="877" y="1267"/>
                    </a:lnTo>
                    <a:lnTo>
                      <a:pt x="858" y="1270"/>
                    </a:lnTo>
                    <a:lnTo>
                      <a:pt x="837" y="1273"/>
                    </a:lnTo>
                    <a:lnTo>
                      <a:pt x="815" y="1278"/>
                    </a:lnTo>
                    <a:lnTo>
                      <a:pt x="794" y="1282"/>
                    </a:lnTo>
                    <a:lnTo>
                      <a:pt x="785" y="1283"/>
                    </a:lnTo>
                    <a:lnTo>
                      <a:pt x="775" y="1283"/>
                    </a:lnTo>
                    <a:lnTo>
                      <a:pt x="764" y="1283"/>
                    </a:lnTo>
                    <a:lnTo>
                      <a:pt x="755" y="1282"/>
                    </a:lnTo>
                    <a:lnTo>
                      <a:pt x="749" y="1280"/>
                    </a:lnTo>
                    <a:lnTo>
                      <a:pt x="744" y="1278"/>
                    </a:lnTo>
                    <a:lnTo>
                      <a:pt x="740" y="1275"/>
                    </a:lnTo>
                    <a:lnTo>
                      <a:pt x="736" y="1273"/>
                    </a:lnTo>
                    <a:lnTo>
                      <a:pt x="731" y="1267"/>
                    </a:lnTo>
                    <a:lnTo>
                      <a:pt x="727" y="1260"/>
                    </a:lnTo>
                    <a:lnTo>
                      <a:pt x="722" y="1243"/>
                    </a:lnTo>
                    <a:lnTo>
                      <a:pt x="715" y="1225"/>
                    </a:lnTo>
                    <a:lnTo>
                      <a:pt x="689" y="1225"/>
                    </a:lnTo>
                    <a:lnTo>
                      <a:pt x="667" y="1226"/>
                    </a:lnTo>
                    <a:lnTo>
                      <a:pt x="657" y="1226"/>
                    </a:lnTo>
                    <a:lnTo>
                      <a:pt x="648" y="1229"/>
                    </a:lnTo>
                    <a:lnTo>
                      <a:pt x="639" y="1230"/>
                    </a:lnTo>
                    <a:lnTo>
                      <a:pt x="631" y="1234"/>
                    </a:lnTo>
                    <a:lnTo>
                      <a:pt x="623" y="1238"/>
                    </a:lnTo>
                    <a:lnTo>
                      <a:pt x="615" y="1241"/>
                    </a:lnTo>
                    <a:lnTo>
                      <a:pt x="608" y="1247"/>
                    </a:lnTo>
                    <a:lnTo>
                      <a:pt x="601" y="1254"/>
                    </a:lnTo>
                    <a:lnTo>
                      <a:pt x="593" y="1262"/>
                    </a:lnTo>
                    <a:lnTo>
                      <a:pt x="587" y="1271"/>
                    </a:lnTo>
                    <a:lnTo>
                      <a:pt x="579" y="1282"/>
                    </a:lnTo>
                    <a:lnTo>
                      <a:pt x="573" y="1293"/>
                    </a:lnTo>
                    <a:lnTo>
                      <a:pt x="567" y="1301"/>
                    </a:lnTo>
                    <a:lnTo>
                      <a:pt x="561" y="1309"/>
                    </a:lnTo>
                    <a:lnTo>
                      <a:pt x="554" y="1317"/>
                    </a:lnTo>
                    <a:lnTo>
                      <a:pt x="547" y="1324"/>
                    </a:lnTo>
                    <a:lnTo>
                      <a:pt x="529" y="1339"/>
                    </a:lnTo>
                    <a:lnTo>
                      <a:pt x="509" y="1352"/>
                    </a:lnTo>
                    <a:lnTo>
                      <a:pt x="488" y="1365"/>
                    </a:lnTo>
                    <a:lnTo>
                      <a:pt x="468" y="1374"/>
                    </a:lnTo>
                    <a:lnTo>
                      <a:pt x="448" y="1381"/>
                    </a:lnTo>
                    <a:lnTo>
                      <a:pt x="429" y="1385"/>
                    </a:lnTo>
                    <a:lnTo>
                      <a:pt x="415" y="1387"/>
                    </a:lnTo>
                    <a:lnTo>
                      <a:pt x="400" y="1385"/>
                    </a:lnTo>
                    <a:lnTo>
                      <a:pt x="386" y="1383"/>
                    </a:lnTo>
                    <a:lnTo>
                      <a:pt x="372" y="1380"/>
                    </a:lnTo>
                    <a:lnTo>
                      <a:pt x="359" y="1378"/>
                    </a:lnTo>
                    <a:lnTo>
                      <a:pt x="345" y="1375"/>
                    </a:lnTo>
                    <a:lnTo>
                      <a:pt x="332" y="1375"/>
                    </a:lnTo>
                    <a:lnTo>
                      <a:pt x="317" y="1376"/>
                    </a:lnTo>
                    <a:lnTo>
                      <a:pt x="299" y="1381"/>
                    </a:lnTo>
                    <a:lnTo>
                      <a:pt x="285" y="1388"/>
                    </a:lnTo>
                    <a:lnTo>
                      <a:pt x="273" y="1394"/>
                    </a:lnTo>
                    <a:lnTo>
                      <a:pt x="262" y="1400"/>
                    </a:lnTo>
                    <a:lnTo>
                      <a:pt x="255" y="1402"/>
                    </a:lnTo>
                    <a:lnTo>
                      <a:pt x="250" y="1403"/>
                    </a:lnTo>
                    <a:lnTo>
                      <a:pt x="244" y="1405"/>
                    </a:lnTo>
                    <a:lnTo>
                      <a:pt x="237" y="1405"/>
                    </a:lnTo>
                    <a:lnTo>
                      <a:pt x="229" y="1403"/>
                    </a:lnTo>
                    <a:lnTo>
                      <a:pt x="222" y="1402"/>
                    </a:lnTo>
                    <a:lnTo>
                      <a:pt x="212" y="1398"/>
                    </a:lnTo>
                    <a:lnTo>
                      <a:pt x="202" y="1394"/>
                    </a:lnTo>
                    <a:lnTo>
                      <a:pt x="210" y="1288"/>
                    </a:lnTo>
                    <a:lnTo>
                      <a:pt x="212" y="1276"/>
                    </a:lnTo>
                    <a:lnTo>
                      <a:pt x="214" y="1265"/>
                    </a:lnTo>
                    <a:lnTo>
                      <a:pt x="212" y="1254"/>
                    </a:lnTo>
                    <a:lnTo>
                      <a:pt x="211" y="1243"/>
                    </a:lnTo>
                    <a:lnTo>
                      <a:pt x="205" y="1222"/>
                    </a:lnTo>
                    <a:lnTo>
                      <a:pt x="197" y="1201"/>
                    </a:lnTo>
                    <a:lnTo>
                      <a:pt x="188" y="1182"/>
                    </a:lnTo>
                    <a:lnTo>
                      <a:pt x="183" y="1161"/>
                    </a:lnTo>
                    <a:lnTo>
                      <a:pt x="180" y="1150"/>
                    </a:lnTo>
                    <a:lnTo>
                      <a:pt x="180" y="1139"/>
                    </a:lnTo>
                    <a:lnTo>
                      <a:pt x="181" y="1129"/>
                    </a:lnTo>
                    <a:lnTo>
                      <a:pt x="185" y="1117"/>
                    </a:lnTo>
                    <a:lnTo>
                      <a:pt x="187" y="1111"/>
                    </a:lnTo>
                    <a:lnTo>
                      <a:pt x="188" y="1107"/>
                    </a:lnTo>
                    <a:lnTo>
                      <a:pt x="188" y="1102"/>
                    </a:lnTo>
                    <a:lnTo>
                      <a:pt x="187" y="1099"/>
                    </a:lnTo>
                    <a:lnTo>
                      <a:pt x="184" y="1095"/>
                    </a:lnTo>
                    <a:lnTo>
                      <a:pt x="181" y="1093"/>
                    </a:lnTo>
                    <a:lnTo>
                      <a:pt x="176" y="1091"/>
                    </a:lnTo>
                    <a:lnTo>
                      <a:pt x="170" y="1089"/>
                    </a:lnTo>
                    <a:lnTo>
                      <a:pt x="146" y="1083"/>
                    </a:lnTo>
                    <a:lnTo>
                      <a:pt x="124" y="1077"/>
                    </a:lnTo>
                    <a:lnTo>
                      <a:pt x="113" y="1073"/>
                    </a:lnTo>
                    <a:lnTo>
                      <a:pt x="102" y="1069"/>
                    </a:lnTo>
                    <a:lnTo>
                      <a:pt x="92" y="1065"/>
                    </a:lnTo>
                    <a:lnTo>
                      <a:pt x="82" y="1059"/>
                    </a:lnTo>
                    <a:lnTo>
                      <a:pt x="60" y="1046"/>
                    </a:lnTo>
                    <a:lnTo>
                      <a:pt x="36" y="1032"/>
                    </a:lnTo>
                    <a:lnTo>
                      <a:pt x="26" y="1023"/>
                    </a:lnTo>
                    <a:lnTo>
                      <a:pt x="17" y="1015"/>
                    </a:lnTo>
                    <a:lnTo>
                      <a:pt x="8" y="1004"/>
                    </a:lnTo>
                    <a:lnTo>
                      <a:pt x="0" y="994"/>
                    </a:lnTo>
                    <a:lnTo>
                      <a:pt x="16" y="929"/>
                    </a:lnTo>
                    <a:lnTo>
                      <a:pt x="14" y="919"/>
                    </a:lnTo>
                    <a:lnTo>
                      <a:pt x="14" y="909"/>
                    </a:lnTo>
                    <a:lnTo>
                      <a:pt x="14" y="898"/>
                    </a:lnTo>
                    <a:lnTo>
                      <a:pt x="16" y="887"/>
                    </a:lnTo>
                    <a:lnTo>
                      <a:pt x="17" y="865"/>
                    </a:lnTo>
                    <a:lnTo>
                      <a:pt x="18" y="844"/>
                    </a:lnTo>
                    <a:lnTo>
                      <a:pt x="16" y="823"/>
                    </a:lnTo>
                    <a:lnTo>
                      <a:pt x="12" y="801"/>
                    </a:lnTo>
                    <a:lnTo>
                      <a:pt x="8" y="780"/>
                    </a:lnTo>
                    <a:lnTo>
                      <a:pt x="7" y="758"/>
                    </a:lnTo>
                    <a:lnTo>
                      <a:pt x="7" y="743"/>
                    </a:lnTo>
                    <a:lnTo>
                      <a:pt x="9" y="728"/>
                    </a:lnTo>
                    <a:lnTo>
                      <a:pt x="10" y="713"/>
                    </a:lnTo>
                    <a:lnTo>
                      <a:pt x="12" y="699"/>
                    </a:lnTo>
                    <a:lnTo>
                      <a:pt x="19" y="688"/>
                    </a:lnTo>
                    <a:lnTo>
                      <a:pt x="29" y="681"/>
                    </a:lnTo>
                    <a:lnTo>
                      <a:pt x="40" y="673"/>
                    </a:lnTo>
                    <a:lnTo>
                      <a:pt x="53" y="666"/>
                    </a:lnTo>
                    <a:lnTo>
                      <a:pt x="80" y="655"/>
                    </a:lnTo>
                    <a:lnTo>
                      <a:pt x="110" y="644"/>
                    </a:lnTo>
                    <a:lnTo>
                      <a:pt x="124" y="639"/>
                    </a:lnTo>
                    <a:lnTo>
                      <a:pt x="137" y="633"/>
                    </a:lnTo>
                    <a:lnTo>
                      <a:pt x="150" y="627"/>
                    </a:lnTo>
                    <a:lnTo>
                      <a:pt x="162" y="621"/>
                    </a:lnTo>
                    <a:lnTo>
                      <a:pt x="172" y="613"/>
                    </a:lnTo>
                    <a:lnTo>
                      <a:pt x="181" y="604"/>
                    </a:lnTo>
                    <a:lnTo>
                      <a:pt x="184" y="600"/>
                    </a:lnTo>
                    <a:lnTo>
                      <a:pt x="187" y="595"/>
                    </a:lnTo>
                    <a:lnTo>
                      <a:pt x="189" y="589"/>
                    </a:lnTo>
                    <a:lnTo>
                      <a:pt x="190" y="583"/>
                    </a:lnTo>
                    <a:lnTo>
                      <a:pt x="192" y="573"/>
                    </a:lnTo>
                    <a:lnTo>
                      <a:pt x="190" y="564"/>
                    </a:lnTo>
                    <a:lnTo>
                      <a:pt x="187" y="554"/>
                    </a:lnTo>
                    <a:lnTo>
                      <a:pt x="180" y="545"/>
                    </a:lnTo>
                    <a:lnTo>
                      <a:pt x="174" y="535"/>
                    </a:lnTo>
                    <a:lnTo>
                      <a:pt x="166" y="528"/>
                    </a:lnTo>
                    <a:lnTo>
                      <a:pt x="155" y="519"/>
                    </a:lnTo>
                    <a:lnTo>
                      <a:pt x="146" y="511"/>
                    </a:lnTo>
                    <a:lnTo>
                      <a:pt x="124" y="495"/>
                    </a:lnTo>
                    <a:lnTo>
                      <a:pt x="104" y="480"/>
                    </a:lnTo>
                    <a:lnTo>
                      <a:pt x="86" y="466"/>
                    </a:lnTo>
                    <a:lnTo>
                      <a:pt x="71" y="453"/>
                    </a:lnTo>
                    <a:lnTo>
                      <a:pt x="58" y="437"/>
                    </a:lnTo>
                    <a:lnTo>
                      <a:pt x="49" y="423"/>
                    </a:lnTo>
                    <a:lnTo>
                      <a:pt x="40" y="407"/>
                    </a:lnTo>
                    <a:lnTo>
                      <a:pt x="32" y="392"/>
                    </a:lnTo>
                    <a:lnTo>
                      <a:pt x="26" y="375"/>
                    </a:lnTo>
                    <a:lnTo>
                      <a:pt x="21" y="358"/>
                    </a:lnTo>
                    <a:lnTo>
                      <a:pt x="16" y="341"/>
                    </a:lnTo>
                    <a:lnTo>
                      <a:pt x="12" y="322"/>
                    </a:lnTo>
                    <a:lnTo>
                      <a:pt x="7" y="300"/>
                    </a:lnTo>
                    <a:lnTo>
                      <a:pt x="4" y="280"/>
                    </a:lnTo>
                    <a:lnTo>
                      <a:pt x="4" y="265"/>
                    </a:lnTo>
                    <a:lnTo>
                      <a:pt x="5" y="249"/>
                    </a:lnTo>
                    <a:lnTo>
                      <a:pt x="9" y="236"/>
                    </a:lnTo>
                    <a:lnTo>
                      <a:pt x="17" y="221"/>
                    </a:lnTo>
                    <a:lnTo>
                      <a:pt x="26" y="206"/>
                    </a:lnTo>
                    <a:lnTo>
                      <a:pt x="38" y="188"/>
                    </a:lnTo>
                    <a:lnTo>
                      <a:pt x="105" y="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2" name="Freeform 82">
                <a:extLst>
                  <a:ext uri="{FF2B5EF4-FFF2-40B4-BE49-F238E27FC236}">
                    <a16:creationId xmlns:a16="http://schemas.microsoft.com/office/drawing/2014/main" id="{CE9DA8EB-5AF9-E74C-B889-37D54141C7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903758" y="5243833"/>
                <a:ext cx="970962" cy="634014"/>
              </a:xfrm>
              <a:custGeom>
                <a:avLst/>
                <a:gdLst/>
                <a:ahLst/>
                <a:cxnLst>
                  <a:cxn ang="0">
                    <a:pos x="190" y="103"/>
                  </a:cxn>
                  <a:cxn ang="0">
                    <a:pos x="189" y="147"/>
                  </a:cxn>
                  <a:cxn ang="0">
                    <a:pos x="162" y="222"/>
                  </a:cxn>
                  <a:cxn ang="0">
                    <a:pos x="233" y="247"/>
                  </a:cxn>
                  <a:cxn ang="0">
                    <a:pos x="343" y="222"/>
                  </a:cxn>
                  <a:cxn ang="0">
                    <a:pos x="494" y="262"/>
                  </a:cxn>
                  <a:cxn ang="0">
                    <a:pos x="710" y="256"/>
                  </a:cxn>
                  <a:cxn ang="0">
                    <a:pos x="954" y="273"/>
                  </a:cxn>
                  <a:cxn ang="0">
                    <a:pos x="1078" y="279"/>
                  </a:cxn>
                  <a:cxn ang="0">
                    <a:pos x="1211" y="153"/>
                  </a:cxn>
                  <a:cxn ang="0">
                    <a:pos x="1347" y="47"/>
                  </a:cxn>
                  <a:cxn ang="0">
                    <a:pos x="1632" y="7"/>
                  </a:cxn>
                  <a:cxn ang="0">
                    <a:pos x="1805" y="38"/>
                  </a:cxn>
                  <a:cxn ang="0">
                    <a:pos x="1904" y="89"/>
                  </a:cxn>
                  <a:cxn ang="0">
                    <a:pos x="2065" y="83"/>
                  </a:cxn>
                  <a:cxn ang="0">
                    <a:pos x="2092" y="209"/>
                  </a:cxn>
                  <a:cxn ang="0">
                    <a:pos x="2135" y="285"/>
                  </a:cxn>
                  <a:cxn ang="0">
                    <a:pos x="2068" y="345"/>
                  </a:cxn>
                  <a:cxn ang="0">
                    <a:pos x="1967" y="348"/>
                  </a:cxn>
                  <a:cxn ang="0">
                    <a:pos x="1858" y="529"/>
                  </a:cxn>
                  <a:cxn ang="0">
                    <a:pos x="1828" y="668"/>
                  </a:cxn>
                  <a:cxn ang="0">
                    <a:pos x="1759" y="756"/>
                  </a:cxn>
                  <a:cxn ang="0">
                    <a:pos x="1728" y="792"/>
                  </a:cxn>
                  <a:cxn ang="0">
                    <a:pos x="1784" y="791"/>
                  </a:cxn>
                  <a:cxn ang="0">
                    <a:pos x="1840" y="804"/>
                  </a:cxn>
                  <a:cxn ang="0">
                    <a:pos x="1937" y="936"/>
                  </a:cxn>
                  <a:cxn ang="0">
                    <a:pos x="1858" y="1037"/>
                  </a:cxn>
                  <a:cxn ang="0">
                    <a:pos x="1770" y="1041"/>
                  </a:cxn>
                  <a:cxn ang="0">
                    <a:pos x="1661" y="934"/>
                  </a:cxn>
                  <a:cxn ang="0">
                    <a:pos x="1597" y="946"/>
                  </a:cxn>
                  <a:cxn ang="0">
                    <a:pos x="1540" y="1042"/>
                  </a:cxn>
                  <a:cxn ang="0">
                    <a:pos x="1356" y="1107"/>
                  </a:cxn>
                  <a:cxn ang="0">
                    <a:pos x="1274" y="1100"/>
                  </a:cxn>
                  <a:cxn ang="0">
                    <a:pos x="1233" y="1152"/>
                  </a:cxn>
                  <a:cxn ang="0">
                    <a:pos x="1268" y="1251"/>
                  </a:cxn>
                  <a:cxn ang="0">
                    <a:pos x="1202" y="1292"/>
                  </a:cxn>
                  <a:cxn ang="0">
                    <a:pos x="1055" y="1311"/>
                  </a:cxn>
                  <a:cxn ang="0">
                    <a:pos x="982" y="1318"/>
                  </a:cxn>
                  <a:cxn ang="0">
                    <a:pos x="858" y="1270"/>
                  </a:cxn>
                  <a:cxn ang="0">
                    <a:pos x="749" y="1280"/>
                  </a:cxn>
                  <a:cxn ang="0">
                    <a:pos x="689" y="1225"/>
                  </a:cxn>
                  <a:cxn ang="0">
                    <a:pos x="608" y="1247"/>
                  </a:cxn>
                  <a:cxn ang="0">
                    <a:pos x="554" y="1317"/>
                  </a:cxn>
                  <a:cxn ang="0">
                    <a:pos x="415" y="1387"/>
                  </a:cxn>
                  <a:cxn ang="0">
                    <a:pos x="299" y="1381"/>
                  </a:cxn>
                  <a:cxn ang="0">
                    <a:pos x="229" y="1403"/>
                  </a:cxn>
                  <a:cxn ang="0">
                    <a:pos x="212" y="1254"/>
                  </a:cxn>
                  <a:cxn ang="0">
                    <a:pos x="181" y="1129"/>
                  </a:cxn>
                  <a:cxn ang="0">
                    <a:pos x="176" y="1091"/>
                  </a:cxn>
                  <a:cxn ang="0">
                    <a:pos x="60" y="1046"/>
                  </a:cxn>
                  <a:cxn ang="0">
                    <a:pos x="14" y="919"/>
                  </a:cxn>
                  <a:cxn ang="0">
                    <a:pos x="8" y="780"/>
                  </a:cxn>
                  <a:cxn ang="0">
                    <a:pos x="40" y="673"/>
                  </a:cxn>
                  <a:cxn ang="0">
                    <a:pos x="172" y="613"/>
                  </a:cxn>
                  <a:cxn ang="0">
                    <a:pos x="187" y="554"/>
                  </a:cxn>
                  <a:cxn ang="0">
                    <a:pos x="86" y="466"/>
                  </a:cxn>
                  <a:cxn ang="0">
                    <a:pos x="16" y="341"/>
                  </a:cxn>
                  <a:cxn ang="0">
                    <a:pos x="26" y="206"/>
                  </a:cxn>
                </a:cxnLst>
                <a:rect l="0" t="0" r="r" b="b"/>
                <a:pathLst>
                  <a:path w="2135" h="1405">
                    <a:moveTo>
                      <a:pt x="105" y="76"/>
                    </a:moveTo>
                    <a:lnTo>
                      <a:pt x="119" y="81"/>
                    </a:lnTo>
                    <a:lnTo>
                      <a:pt x="135" y="86"/>
                    </a:lnTo>
                    <a:lnTo>
                      <a:pt x="149" y="90"/>
                    </a:lnTo>
                    <a:lnTo>
                      <a:pt x="162" y="94"/>
                    </a:lnTo>
                    <a:lnTo>
                      <a:pt x="174" y="96"/>
                    </a:lnTo>
                    <a:lnTo>
                      <a:pt x="185" y="100"/>
                    </a:lnTo>
                    <a:lnTo>
                      <a:pt x="190" y="103"/>
                    </a:lnTo>
                    <a:lnTo>
                      <a:pt x="196" y="105"/>
                    </a:lnTo>
                    <a:lnTo>
                      <a:pt x="200" y="108"/>
                    </a:lnTo>
                    <a:lnTo>
                      <a:pt x="202" y="112"/>
                    </a:lnTo>
                    <a:lnTo>
                      <a:pt x="205" y="117"/>
                    </a:lnTo>
                    <a:lnTo>
                      <a:pt x="205" y="122"/>
                    </a:lnTo>
                    <a:lnTo>
                      <a:pt x="203" y="127"/>
                    </a:lnTo>
                    <a:lnTo>
                      <a:pt x="200" y="134"/>
                    </a:lnTo>
                    <a:lnTo>
                      <a:pt x="189" y="147"/>
                    </a:lnTo>
                    <a:lnTo>
                      <a:pt x="178" y="160"/>
                    </a:lnTo>
                    <a:lnTo>
                      <a:pt x="171" y="168"/>
                    </a:lnTo>
                    <a:lnTo>
                      <a:pt x="166" y="175"/>
                    </a:lnTo>
                    <a:lnTo>
                      <a:pt x="162" y="184"/>
                    </a:lnTo>
                    <a:lnTo>
                      <a:pt x="159" y="192"/>
                    </a:lnTo>
                    <a:lnTo>
                      <a:pt x="158" y="201"/>
                    </a:lnTo>
                    <a:lnTo>
                      <a:pt x="159" y="212"/>
                    </a:lnTo>
                    <a:lnTo>
                      <a:pt x="162" y="222"/>
                    </a:lnTo>
                    <a:lnTo>
                      <a:pt x="168" y="232"/>
                    </a:lnTo>
                    <a:lnTo>
                      <a:pt x="175" y="240"/>
                    </a:lnTo>
                    <a:lnTo>
                      <a:pt x="183" y="245"/>
                    </a:lnTo>
                    <a:lnTo>
                      <a:pt x="192" y="248"/>
                    </a:lnTo>
                    <a:lnTo>
                      <a:pt x="201" y="249"/>
                    </a:lnTo>
                    <a:lnTo>
                      <a:pt x="211" y="250"/>
                    </a:lnTo>
                    <a:lnTo>
                      <a:pt x="222" y="249"/>
                    </a:lnTo>
                    <a:lnTo>
                      <a:pt x="233" y="247"/>
                    </a:lnTo>
                    <a:lnTo>
                      <a:pt x="245" y="244"/>
                    </a:lnTo>
                    <a:lnTo>
                      <a:pt x="268" y="236"/>
                    </a:lnTo>
                    <a:lnTo>
                      <a:pt x="290" y="228"/>
                    </a:lnTo>
                    <a:lnTo>
                      <a:pt x="301" y="226"/>
                    </a:lnTo>
                    <a:lnTo>
                      <a:pt x="311" y="223"/>
                    </a:lnTo>
                    <a:lnTo>
                      <a:pt x="320" y="221"/>
                    </a:lnTo>
                    <a:lnTo>
                      <a:pt x="328" y="221"/>
                    </a:lnTo>
                    <a:lnTo>
                      <a:pt x="343" y="222"/>
                    </a:lnTo>
                    <a:lnTo>
                      <a:pt x="358" y="225"/>
                    </a:lnTo>
                    <a:lnTo>
                      <a:pt x="373" y="230"/>
                    </a:lnTo>
                    <a:lnTo>
                      <a:pt x="387" y="235"/>
                    </a:lnTo>
                    <a:lnTo>
                      <a:pt x="418" y="247"/>
                    </a:lnTo>
                    <a:lnTo>
                      <a:pt x="447" y="256"/>
                    </a:lnTo>
                    <a:lnTo>
                      <a:pt x="463" y="258"/>
                    </a:lnTo>
                    <a:lnTo>
                      <a:pt x="478" y="261"/>
                    </a:lnTo>
                    <a:lnTo>
                      <a:pt x="494" y="262"/>
                    </a:lnTo>
                    <a:lnTo>
                      <a:pt x="508" y="262"/>
                    </a:lnTo>
                    <a:lnTo>
                      <a:pt x="536" y="262"/>
                    </a:lnTo>
                    <a:lnTo>
                      <a:pt x="565" y="261"/>
                    </a:lnTo>
                    <a:lnTo>
                      <a:pt x="593" y="258"/>
                    </a:lnTo>
                    <a:lnTo>
                      <a:pt x="622" y="256"/>
                    </a:lnTo>
                    <a:lnTo>
                      <a:pt x="650" y="254"/>
                    </a:lnTo>
                    <a:lnTo>
                      <a:pt x="680" y="254"/>
                    </a:lnTo>
                    <a:lnTo>
                      <a:pt x="710" y="256"/>
                    </a:lnTo>
                    <a:lnTo>
                      <a:pt x="740" y="256"/>
                    </a:lnTo>
                    <a:lnTo>
                      <a:pt x="770" y="256"/>
                    </a:lnTo>
                    <a:lnTo>
                      <a:pt x="799" y="257"/>
                    </a:lnTo>
                    <a:lnTo>
                      <a:pt x="829" y="257"/>
                    </a:lnTo>
                    <a:lnTo>
                      <a:pt x="859" y="260"/>
                    </a:lnTo>
                    <a:lnTo>
                      <a:pt x="889" y="262"/>
                    </a:lnTo>
                    <a:lnTo>
                      <a:pt x="919" y="266"/>
                    </a:lnTo>
                    <a:lnTo>
                      <a:pt x="954" y="273"/>
                    </a:lnTo>
                    <a:lnTo>
                      <a:pt x="981" y="280"/>
                    </a:lnTo>
                    <a:lnTo>
                      <a:pt x="1004" y="287"/>
                    </a:lnTo>
                    <a:lnTo>
                      <a:pt x="1025" y="291"/>
                    </a:lnTo>
                    <a:lnTo>
                      <a:pt x="1034" y="291"/>
                    </a:lnTo>
                    <a:lnTo>
                      <a:pt x="1044" y="289"/>
                    </a:lnTo>
                    <a:lnTo>
                      <a:pt x="1055" y="288"/>
                    </a:lnTo>
                    <a:lnTo>
                      <a:pt x="1066" y="284"/>
                    </a:lnTo>
                    <a:lnTo>
                      <a:pt x="1078" y="279"/>
                    </a:lnTo>
                    <a:lnTo>
                      <a:pt x="1091" y="271"/>
                    </a:lnTo>
                    <a:lnTo>
                      <a:pt x="1105" y="262"/>
                    </a:lnTo>
                    <a:lnTo>
                      <a:pt x="1122" y="250"/>
                    </a:lnTo>
                    <a:lnTo>
                      <a:pt x="1137" y="238"/>
                    </a:lnTo>
                    <a:lnTo>
                      <a:pt x="1153" y="223"/>
                    </a:lnTo>
                    <a:lnTo>
                      <a:pt x="1169" y="206"/>
                    </a:lnTo>
                    <a:lnTo>
                      <a:pt x="1183" y="190"/>
                    </a:lnTo>
                    <a:lnTo>
                      <a:pt x="1211" y="153"/>
                    </a:lnTo>
                    <a:lnTo>
                      <a:pt x="1240" y="121"/>
                    </a:lnTo>
                    <a:lnTo>
                      <a:pt x="1249" y="111"/>
                    </a:lnTo>
                    <a:lnTo>
                      <a:pt x="1259" y="102"/>
                    </a:lnTo>
                    <a:lnTo>
                      <a:pt x="1270" y="92"/>
                    </a:lnTo>
                    <a:lnTo>
                      <a:pt x="1280" y="85"/>
                    </a:lnTo>
                    <a:lnTo>
                      <a:pt x="1302" y="69"/>
                    </a:lnTo>
                    <a:lnTo>
                      <a:pt x="1324" y="57"/>
                    </a:lnTo>
                    <a:lnTo>
                      <a:pt x="1347" y="47"/>
                    </a:lnTo>
                    <a:lnTo>
                      <a:pt x="1371" y="39"/>
                    </a:lnTo>
                    <a:lnTo>
                      <a:pt x="1395" y="32"/>
                    </a:lnTo>
                    <a:lnTo>
                      <a:pt x="1419" y="26"/>
                    </a:lnTo>
                    <a:lnTo>
                      <a:pt x="1469" y="19"/>
                    </a:lnTo>
                    <a:lnTo>
                      <a:pt x="1518" y="13"/>
                    </a:lnTo>
                    <a:lnTo>
                      <a:pt x="1569" y="8"/>
                    </a:lnTo>
                    <a:lnTo>
                      <a:pt x="1618" y="0"/>
                    </a:lnTo>
                    <a:lnTo>
                      <a:pt x="1632" y="7"/>
                    </a:lnTo>
                    <a:lnTo>
                      <a:pt x="1648" y="13"/>
                    </a:lnTo>
                    <a:lnTo>
                      <a:pt x="1662" y="21"/>
                    </a:lnTo>
                    <a:lnTo>
                      <a:pt x="1674" y="30"/>
                    </a:lnTo>
                    <a:lnTo>
                      <a:pt x="1704" y="32"/>
                    </a:lnTo>
                    <a:lnTo>
                      <a:pt x="1735" y="33"/>
                    </a:lnTo>
                    <a:lnTo>
                      <a:pt x="1766" y="34"/>
                    </a:lnTo>
                    <a:lnTo>
                      <a:pt x="1796" y="37"/>
                    </a:lnTo>
                    <a:lnTo>
                      <a:pt x="1805" y="38"/>
                    </a:lnTo>
                    <a:lnTo>
                      <a:pt x="1814" y="41"/>
                    </a:lnTo>
                    <a:lnTo>
                      <a:pt x="1823" y="43"/>
                    </a:lnTo>
                    <a:lnTo>
                      <a:pt x="1831" y="47"/>
                    </a:lnTo>
                    <a:lnTo>
                      <a:pt x="1847" y="56"/>
                    </a:lnTo>
                    <a:lnTo>
                      <a:pt x="1863" y="67"/>
                    </a:lnTo>
                    <a:lnTo>
                      <a:pt x="1878" y="77"/>
                    </a:lnTo>
                    <a:lnTo>
                      <a:pt x="1895" y="85"/>
                    </a:lnTo>
                    <a:lnTo>
                      <a:pt x="1904" y="89"/>
                    </a:lnTo>
                    <a:lnTo>
                      <a:pt x="1913" y="91"/>
                    </a:lnTo>
                    <a:lnTo>
                      <a:pt x="1924" y="92"/>
                    </a:lnTo>
                    <a:lnTo>
                      <a:pt x="1934" y="94"/>
                    </a:lnTo>
                    <a:lnTo>
                      <a:pt x="1955" y="94"/>
                    </a:lnTo>
                    <a:lnTo>
                      <a:pt x="1976" y="92"/>
                    </a:lnTo>
                    <a:lnTo>
                      <a:pt x="1998" y="91"/>
                    </a:lnTo>
                    <a:lnTo>
                      <a:pt x="2021" y="89"/>
                    </a:lnTo>
                    <a:lnTo>
                      <a:pt x="2065" y="83"/>
                    </a:lnTo>
                    <a:lnTo>
                      <a:pt x="2108" y="82"/>
                    </a:lnTo>
                    <a:lnTo>
                      <a:pt x="2108" y="82"/>
                    </a:lnTo>
                    <a:lnTo>
                      <a:pt x="2100" y="126"/>
                    </a:lnTo>
                    <a:lnTo>
                      <a:pt x="2092" y="168"/>
                    </a:lnTo>
                    <a:lnTo>
                      <a:pt x="2091" y="178"/>
                    </a:lnTo>
                    <a:lnTo>
                      <a:pt x="2091" y="188"/>
                    </a:lnTo>
                    <a:lnTo>
                      <a:pt x="2091" y="199"/>
                    </a:lnTo>
                    <a:lnTo>
                      <a:pt x="2092" y="209"/>
                    </a:lnTo>
                    <a:lnTo>
                      <a:pt x="2095" y="219"/>
                    </a:lnTo>
                    <a:lnTo>
                      <a:pt x="2099" y="230"/>
                    </a:lnTo>
                    <a:lnTo>
                      <a:pt x="2103" y="240"/>
                    </a:lnTo>
                    <a:lnTo>
                      <a:pt x="2109" y="250"/>
                    </a:lnTo>
                    <a:lnTo>
                      <a:pt x="2125" y="270"/>
                    </a:lnTo>
                    <a:lnTo>
                      <a:pt x="2134" y="280"/>
                    </a:lnTo>
                    <a:lnTo>
                      <a:pt x="2135" y="283"/>
                    </a:lnTo>
                    <a:lnTo>
                      <a:pt x="2135" y="285"/>
                    </a:lnTo>
                    <a:lnTo>
                      <a:pt x="2134" y="288"/>
                    </a:lnTo>
                    <a:lnTo>
                      <a:pt x="2131" y="292"/>
                    </a:lnTo>
                    <a:lnTo>
                      <a:pt x="2123" y="301"/>
                    </a:lnTo>
                    <a:lnTo>
                      <a:pt x="2110" y="314"/>
                    </a:lnTo>
                    <a:lnTo>
                      <a:pt x="2096" y="327"/>
                    </a:lnTo>
                    <a:lnTo>
                      <a:pt x="2086" y="336"/>
                    </a:lnTo>
                    <a:lnTo>
                      <a:pt x="2077" y="342"/>
                    </a:lnTo>
                    <a:lnTo>
                      <a:pt x="2068" y="345"/>
                    </a:lnTo>
                    <a:lnTo>
                      <a:pt x="2059" y="346"/>
                    </a:lnTo>
                    <a:lnTo>
                      <a:pt x="2048" y="345"/>
                    </a:lnTo>
                    <a:lnTo>
                      <a:pt x="2034" y="344"/>
                    </a:lnTo>
                    <a:lnTo>
                      <a:pt x="2016" y="341"/>
                    </a:lnTo>
                    <a:lnTo>
                      <a:pt x="2003" y="341"/>
                    </a:lnTo>
                    <a:lnTo>
                      <a:pt x="1990" y="341"/>
                    </a:lnTo>
                    <a:lnTo>
                      <a:pt x="1977" y="344"/>
                    </a:lnTo>
                    <a:lnTo>
                      <a:pt x="1967" y="348"/>
                    </a:lnTo>
                    <a:lnTo>
                      <a:pt x="1955" y="352"/>
                    </a:lnTo>
                    <a:lnTo>
                      <a:pt x="1946" y="358"/>
                    </a:lnTo>
                    <a:lnTo>
                      <a:pt x="1936" y="364"/>
                    </a:lnTo>
                    <a:lnTo>
                      <a:pt x="1926" y="372"/>
                    </a:lnTo>
                    <a:lnTo>
                      <a:pt x="1891" y="406"/>
                    </a:lnTo>
                    <a:lnTo>
                      <a:pt x="1854" y="440"/>
                    </a:lnTo>
                    <a:lnTo>
                      <a:pt x="1855" y="485"/>
                    </a:lnTo>
                    <a:lnTo>
                      <a:pt x="1858" y="529"/>
                    </a:lnTo>
                    <a:lnTo>
                      <a:pt x="1860" y="574"/>
                    </a:lnTo>
                    <a:lnTo>
                      <a:pt x="1860" y="618"/>
                    </a:lnTo>
                    <a:lnTo>
                      <a:pt x="1860" y="626"/>
                    </a:lnTo>
                    <a:lnTo>
                      <a:pt x="1858" y="633"/>
                    </a:lnTo>
                    <a:lnTo>
                      <a:pt x="1855" y="639"/>
                    </a:lnTo>
                    <a:lnTo>
                      <a:pt x="1850" y="646"/>
                    </a:lnTo>
                    <a:lnTo>
                      <a:pt x="1840" y="657"/>
                    </a:lnTo>
                    <a:lnTo>
                      <a:pt x="1828" y="668"/>
                    </a:lnTo>
                    <a:lnTo>
                      <a:pt x="1815" y="678"/>
                    </a:lnTo>
                    <a:lnTo>
                      <a:pt x="1802" y="690"/>
                    </a:lnTo>
                    <a:lnTo>
                      <a:pt x="1796" y="695"/>
                    </a:lnTo>
                    <a:lnTo>
                      <a:pt x="1789" y="701"/>
                    </a:lnTo>
                    <a:lnTo>
                      <a:pt x="1784" y="706"/>
                    </a:lnTo>
                    <a:lnTo>
                      <a:pt x="1780" y="713"/>
                    </a:lnTo>
                    <a:lnTo>
                      <a:pt x="1771" y="734"/>
                    </a:lnTo>
                    <a:lnTo>
                      <a:pt x="1759" y="756"/>
                    </a:lnTo>
                    <a:lnTo>
                      <a:pt x="1754" y="766"/>
                    </a:lnTo>
                    <a:lnTo>
                      <a:pt x="1746" y="775"/>
                    </a:lnTo>
                    <a:lnTo>
                      <a:pt x="1742" y="779"/>
                    </a:lnTo>
                    <a:lnTo>
                      <a:pt x="1737" y="782"/>
                    </a:lnTo>
                    <a:lnTo>
                      <a:pt x="1732" y="783"/>
                    </a:lnTo>
                    <a:lnTo>
                      <a:pt x="1727" y="784"/>
                    </a:lnTo>
                    <a:lnTo>
                      <a:pt x="1727" y="788"/>
                    </a:lnTo>
                    <a:lnTo>
                      <a:pt x="1728" y="792"/>
                    </a:lnTo>
                    <a:lnTo>
                      <a:pt x="1731" y="793"/>
                    </a:lnTo>
                    <a:lnTo>
                      <a:pt x="1735" y="796"/>
                    </a:lnTo>
                    <a:lnTo>
                      <a:pt x="1742" y="797"/>
                    </a:lnTo>
                    <a:lnTo>
                      <a:pt x="1752" y="797"/>
                    </a:lnTo>
                    <a:lnTo>
                      <a:pt x="1761" y="797"/>
                    </a:lnTo>
                    <a:lnTo>
                      <a:pt x="1771" y="795"/>
                    </a:lnTo>
                    <a:lnTo>
                      <a:pt x="1779" y="793"/>
                    </a:lnTo>
                    <a:lnTo>
                      <a:pt x="1784" y="791"/>
                    </a:lnTo>
                    <a:lnTo>
                      <a:pt x="1793" y="787"/>
                    </a:lnTo>
                    <a:lnTo>
                      <a:pt x="1801" y="784"/>
                    </a:lnTo>
                    <a:lnTo>
                      <a:pt x="1809" y="784"/>
                    </a:lnTo>
                    <a:lnTo>
                      <a:pt x="1815" y="785"/>
                    </a:lnTo>
                    <a:lnTo>
                      <a:pt x="1820" y="788"/>
                    </a:lnTo>
                    <a:lnTo>
                      <a:pt x="1827" y="792"/>
                    </a:lnTo>
                    <a:lnTo>
                      <a:pt x="1833" y="797"/>
                    </a:lnTo>
                    <a:lnTo>
                      <a:pt x="1840" y="804"/>
                    </a:lnTo>
                    <a:lnTo>
                      <a:pt x="1868" y="832"/>
                    </a:lnTo>
                    <a:lnTo>
                      <a:pt x="1898" y="863"/>
                    </a:lnTo>
                    <a:lnTo>
                      <a:pt x="1911" y="880"/>
                    </a:lnTo>
                    <a:lnTo>
                      <a:pt x="1921" y="898"/>
                    </a:lnTo>
                    <a:lnTo>
                      <a:pt x="1926" y="907"/>
                    </a:lnTo>
                    <a:lnTo>
                      <a:pt x="1930" y="916"/>
                    </a:lnTo>
                    <a:lnTo>
                      <a:pt x="1934" y="925"/>
                    </a:lnTo>
                    <a:lnTo>
                      <a:pt x="1937" y="936"/>
                    </a:lnTo>
                    <a:lnTo>
                      <a:pt x="1939" y="945"/>
                    </a:lnTo>
                    <a:lnTo>
                      <a:pt x="1943" y="953"/>
                    </a:lnTo>
                    <a:lnTo>
                      <a:pt x="1947" y="960"/>
                    </a:lnTo>
                    <a:lnTo>
                      <a:pt x="1952" y="968"/>
                    </a:lnTo>
                    <a:lnTo>
                      <a:pt x="1952" y="968"/>
                    </a:lnTo>
                    <a:lnTo>
                      <a:pt x="1912" y="997"/>
                    </a:lnTo>
                    <a:lnTo>
                      <a:pt x="1869" y="1030"/>
                    </a:lnTo>
                    <a:lnTo>
                      <a:pt x="1858" y="1037"/>
                    </a:lnTo>
                    <a:lnTo>
                      <a:pt x="1847" y="1043"/>
                    </a:lnTo>
                    <a:lnTo>
                      <a:pt x="1836" y="1048"/>
                    </a:lnTo>
                    <a:lnTo>
                      <a:pt x="1824" y="1051"/>
                    </a:lnTo>
                    <a:lnTo>
                      <a:pt x="1812" y="1054"/>
                    </a:lnTo>
                    <a:lnTo>
                      <a:pt x="1801" y="1054"/>
                    </a:lnTo>
                    <a:lnTo>
                      <a:pt x="1789" y="1051"/>
                    </a:lnTo>
                    <a:lnTo>
                      <a:pt x="1777" y="1046"/>
                    </a:lnTo>
                    <a:lnTo>
                      <a:pt x="1770" y="1041"/>
                    </a:lnTo>
                    <a:lnTo>
                      <a:pt x="1762" y="1034"/>
                    </a:lnTo>
                    <a:lnTo>
                      <a:pt x="1753" y="1026"/>
                    </a:lnTo>
                    <a:lnTo>
                      <a:pt x="1745" y="1017"/>
                    </a:lnTo>
                    <a:lnTo>
                      <a:pt x="1726" y="998"/>
                    </a:lnTo>
                    <a:lnTo>
                      <a:pt x="1707" y="977"/>
                    </a:lnTo>
                    <a:lnTo>
                      <a:pt x="1688" y="958"/>
                    </a:lnTo>
                    <a:lnTo>
                      <a:pt x="1670" y="941"/>
                    </a:lnTo>
                    <a:lnTo>
                      <a:pt x="1661" y="934"/>
                    </a:lnTo>
                    <a:lnTo>
                      <a:pt x="1652" y="931"/>
                    </a:lnTo>
                    <a:lnTo>
                      <a:pt x="1644" y="928"/>
                    </a:lnTo>
                    <a:lnTo>
                      <a:pt x="1636" y="928"/>
                    </a:lnTo>
                    <a:lnTo>
                      <a:pt x="1627" y="931"/>
                    </a:lnTo>
                    <a:lnTo>
                      <a:pt x="1618" y="933"/>
                    </a:lnTo>
                    <a:lnTo>
                      <a:pt x="1610" y="937"/>
                    </a:lnTo>
                    <a:lnTo>
                      <a:pt x="1604" y="941"/>
                    </a:lnTo>
                    <a:lnTo>
                      <a:pt x="1597" y="946"/>
                    </a:lnTo>
                    <a:lnTo>
                      <a:pt x="1592" y="951"/>
                    </a:lnTo>
                    <a:lnTo>
                      <a:pt x="1588" y="958"/>
                    </a:lnTo>
                    <a:lnTo>
                      <a:pt x="1584" y="964"/>
                    </a:lnTo>
                    <a:lnTo>
                      <a:pt x="1571" y="993"/>
                    </a:lnTo>
                    <a:lnTo>
                      <a:pt x="1559" y="1023"/>
                    </a:lnTo>
                    <a:lnTo>
                      <a:pt x="1553" y="1030"/>
                    </a:lnTo>
                    <a:lnTo>
                      <a:pt x="1548" y="1037"/>
                    </a:lnTo>
                    <a:lnTo>
                      <a:pt x="1540" y="1042"/>
                    </a:lnTo>
                    <a:lnTo>
                      <a:pt x="1533" y="1046"/>
                    </a:lnTo>
                    <a:lnTo>
                      <a:pt x="1516" y="1051"/>
                    </a:lnTo>
                    <a:lnTo>
                      <a:pt x="1499" y="1056"/>
                    </a:lnTo>
                    <a:lnTo>
                      <a:pt x="1384" y="1100"/>
                    </a:lnTo>
                    <a:lnTo>
                      <a:pt x="1384" y="1100"/>
                    </a:lnTo>
                    <a:lnTo>
                      <a:pt x="1373" y="1103"/>
                    </a:lnTo>
                    <a:lnTo>
                      <a:pt x="1364" y="1105"/>
                    </a:lnTo>
                    <a:lnTo>
                      <a:pt x="1356" y="1107"/>
                    </a:lnTo>
                    <a:lnTo>
                      <a:pt x="1347" y="1107"/>
                    </a:lnTo>
                    <a:lnTo>
                      <a:pt x="1332" y="1105"/>
                    </a:lnTo>
                    <a:lnTo>
                      <a:pt x="1312" y="1102"/>
                    </a:lnTo>
                    <a:lnTo>
                      <a:pt x="1303" y="1099"/>
                    </a:lnTo>
                    <a:lnTo>
                      <a:pt x="1296" y="1099"/>
                    </a:lnTo>
                    <a:lnTo>
                      <a:pt x="1288" y="1098"/>
                    </a:lnTo>
                    <a:lnTo>
                      <a:pt x="1280" y="1099"/>
                    </a:lnTo>
                    <a:lnTo>
                      <a:pt x="1274" y="1100"/>
                    </a:lnTo>
                    <a:lnTo>
                      <a:pt x="1267" y="1103"/>
                    </a:lnTo>
                    <a:lnTo>
                      <a:pt x="1259" y="1107"/>
                    </a:lnTo>
                    <a:lnTo>
                      <a:pt x="1253" y="1112"/>
                    </a:lnTo>
                    <a:lnTo>
                      <a:pt x="1248" y="1116"/>
                    </a:lnTo>
                    <a:lnTo>
                      <a:pt x="1244" y="1122"/>
                    </a:lnTo>
                    <a:lnTo>
                      <a:pt x="1241" y="1129"/>
                    </a:lnTo>
                    <a:lnTo>
                      <a:pt x="1239" y="1137"/>
                    </a:lnTo>
                    <a:lnTo>
                      <a:pt x="1233" y="1152"/>
                    </a:lnTo>
                    <a:lnTo>
                      <a:pt x="1228" y="1166"/>
                    </a:lnTo>
                    <a:lnTo>
                      <a:pt x="1244" y="1191"/>
                    </a:lnTo>
                    <a:lnTo>
                      <a:pt x="1262" y="1217"/>
                    </a:lnTo>
                    <a:lnTo>
                      <a:pt x="1266" y="1223"/>
                    </a:lnTo>
                    <a:lnTo>
                      <a:pt x="1268" y="1230"/>
                    </a:lnTo>
                    <a:lnTo>
                      <a:pt x="1270" y="1238"/>
                    </a:lnTo>
                    <a:lnTo>
                      <a:pt x="1270" y="1244"/>
                    </a:lnTo>
                    <a:lnTo>
                      <a:pt x="1268" y="1251"/>
                    </a:lnTo>
                    <a:lnTo>
                      <a:pt x="1266" y="1257"/>
                    </a:lnTo>
                    <a:lnTo>
                      <a:pt x="1261" y="1265"/>
                    </a:lnTo>
                    <a:lnTo>
                      <a:pt x="1253" y="1271"/>
                    </a:lnTo>
                    <a:lnTo>
                      <a:pt x="1245" y="1276"/>
                    </a:lnTo>
                    <a:lnTo>
                      <a:pt x="1237" y="1282"/>
                    </a:lnTo>
                    <a:lnTo>
                      <a:pt x="1228" y="1286"/>
                    </a:lnTo>
                    <a:lnTo>
                      <a:pt x="1220" y="1288"/>
                    </a:lnTo>
                    <a:lnTo>
                      <a:pt x="1202" y="1292"/>
                    </a:lnTo>
                    <a:lnTo>
                      <a:pt x="1184" y="1293"/>
                    </a:lnTo>
                    <a:lnTo>
                      <a:pt x="1147" y="1293"/>
                    </a:lnTo>
                    <a:lnTo>
                      <a:pt x="1110" y="1291"/>
                    </a:lnTo>
                    <a:lnTo>
                      <a:pt x="1097" y="1292"/>
                    </a:lnTo>
                    <a:lnTo>
                      <a:pt x="1086" y="1296"/>
                    </a:lnTo>
                    <a:lnTo>
                      <a:pt x="1075" y="1300"/>
                    </a:lnTo>
                    <a:lnTo>
                      <a:pt x="1065" y="1305"/>
                    </a:lnTo>
                    <a:lnTo>
                      <a:pt x="1055" y="1311"/>
                    </a:lnTo>
                    <a:lnTo>
                      <a:pt x="1045" y="1317"/>
                    </a:lnTo>
                    <a:lnTo>
                      <a:pt x="1035" y="1322"/>
                    </a:lnTo>
                    <a:lnTo>
                      <a:pt x="1025" y="1326"/>
                    </a:lnTo>
                    <a:lnTo>
                      <a:pt x="1018" y="1327"/>
                    </a:lnTo>
                    <a:lnTo>
                      <a:pt x="1011" y="1327"/>
                    </a:lnTo>
                    <a:lnTo>
                      <a:pt x="1004" y="1326"/>
                    </a:lnTo>
                    <a:lnTo>
                      <a:pt x="998" y="1324"/>
                    </a:lnTo>
                    <a:lnTo>
                      <a:pt x="982" y="1318"/>
                    </a:lnTo>
                    <a:lnTo>
                      <a:pt x="968" y="1310"/>
                    </a:lnTo>
                    <a:lnTo>
                      <a:pt x="939" y="1291"/>
                    </a:lnTo>
                    <a:lnTo>
                      <a:pt x="916" y="1275"/>
                    </a:lnTo>
                    <a:lnTo>
                      <a:pt x="907" y="1271"/>
                    </a:lnTo>
                    <a:lnTo>
                      <a:pt x="898" y="1269"/>
                    </a:lnTo>
                    <a:lnTo>
                      <a:pt x="887" y="1267"/>
                    </a:lnTo>
                    <a:lnTo>
                      <a:pt x="877" y="1267"/>
                    </a:lnTo>
                    <a:lnTo>
                      <a:pt x="858" y="1270"/>
                    </a:lnTo>
                    <a:lnTo>
                      <a:pt x="837" y="1273"/>
                    </a:lnTo>
                    <a:lnTo>
                      <a:pt x="815" y="1278"/>
                    </a:lnTo>
                    <a:lnTo>
                      <a:pt x="794" y="1282"/>
                    </a:lnTo>
                    <a:lnTo>
                      <a:pt x="785" y="1283"/>
                    </a:lnTo>
                    <a:lnTo>
                      <a:pt x="775" y="1283"/>
                    </a:lnTo>
                    <a:lnTo>
                      <a:pt x="764" y="1283"/>
                    </a:lnTo>
                    <a:lnTo>
                      <a:pt x="755" y="1282"/>
                    </a:lnTo>
                    <a:lnTo>
                      <a:pt x="749" y="1280"/>
                    </a:lnTo>
                    <a:lnTo>
                      <a:pt x="744" y="1278"/>
                    </a:lnTo>
                    <a:lnTo>
                      <a:pt x="740" y="1275"/>
                    </a:lnTo>
                    <a:lnTo>
                      <a:pt x="736" y="1273"/>
                    </a:lnTo>
                    <a:lnTo>
                      <a:pt x="731" y="1267"/>
                    </a:lnTo>
                    <a:lnTo>
                      <a:pt x="727" y="1260"/>
                    </a:lnTo>
                    <a:lnTo>
                      <a:pt x="722" y="1243"/>
                    </a:lnTo>
                    <a:lnTo>
                      <a:pt x="715" y="1225"/>
                    </a:lnTo>
                    <a:lnTo>
                      <a:pt x="689" y="1225"/>
                    </a:lnTo>
                    <a:lnTo>
                      <a:pt x="667" y="1226"/>
                    </a:lnTo>
                    <a:lnTo>
                      <a:pt x="657" y="1226"/>
                    </a:lnTo>
                    <a:lnTo>
                      <a:pt x="648" y="1229"/>
                    </a:lnTo>
                    <a:lnTo>
                      <a:pt x="639" y="1230"/>
                    </a:lnTo>
                    <a:lnTo>
                      <a:pt x="631" y="1234"/>
                    </a:lnTo>
                    <a:lnTo>
                      <a:pt x="623" y="1238"/>
                    </a:lnTo>
                    <a:lnTo>
                      <a:pt x="615" y="1241"/>
                    </a:lnTo>
                    <a:lnTo>
                      <a:pt x="608" y="1247"/>
                    </a:lnTo>
                    <a:lnTo>
                      <a:pt x="601" y="1254"/>
                    </a:lnTo>
                    <a:lnTo>
                      <a:pt x="593" y="1262"/>
                    </a:lnTo>
                    <a:lnTo>
                      <a:pt x="587" y="1271"/>
                    </a:lnTo>
                    <a:lnTo>
                      <a:pt x="579" y="1282"/>
                    </a:lnTo>
                    <a:lnTo>
                      <a:pt x="573" y="1293"/>
                    </a:lnTo>
                    <a:lnTo>
                      <a:pt x="567" y="1301"/>
                    </a:lnTo>
                    <a:lnTo>
                      <a:pt x="561" y="1309"/>
                    </a:lnTo>
                    <a:lnTo>
                      <a:pt x="554" y="1317"/>
                    </a:lnTo>
                    <a:lnTo>
                      <a:pt x="547" y="1324"/>
                    </a:lnTo>
                    <a:lnTo>
                      <a:pt x="529" y="1339"/>
                    </a:lnTo>
                    <a:lnTo>
                      <a:pt x="509" y="1352"/>
                    </a:lnTo>
                    <a:lnTo>
                      <a:pt x="488" y="1365"/>
                    </a:lnTo>
                    <a:lnTo>
                      <a:pt x="468" y="1374"/>
                    </a:lnTo>
                    <a:lnTo>
                      <a:pt x="448" y="1381"/>
                    </a:lnTo>
                    <a:lnTo>
                      <a:pt x="429" y="1385"/>
                    </a:lnTo>
                    <a:lnTo>
                      <a:pt x="415" y="1387"/>
                    </a:lnTo>
                    <a:lnTo>
                      <a:pt x="400" y="1385"/>
                    </a:lnTo>
                    <a:lnTo>
                      <a:pt x="386" y="1383"/>
                    </a:lnTo>
                    <a:lnTo>
                      <a:pt x="372" y="1380"/>
                    </a:lnTo>
                    <a:lnTo>
                      <a:pt x="359" y="1378"/>
                    </a:lnTo>
                    <a:lnTo>
                      <a:pt x="345" y="1375"/>
                    </a:lnTo>
                    <a:lnTo>
                      <a:pt x="332" y="1375"/>
                    </a:lnTo>
                    <a:lnTo>
                      <a:pt x="317" y="1376"/>
                    </a:lnTo>
                    <a:lnTo>
                      <a:pt x="299" y="1381"/>
                    </a:lnTo>
                    <a:lnTo>
                      <a:pt x="285" y="1388"/>
                    </a:lnTo>
                    <a:lnTo>
                      <a:pt x="273" y="1394"/>
                    </a:lnTo>
                    <a:lnTo>
                      <a:pt x="262" y="1400"/>
                    </a:lnTo>
                    <a:lnTo>
                      <a:pt x="255" y="1402"/>
                    </a:lnTo>
                    <a:lnTo>
                      <a:pt x="250" y="1403"/>
                    </a:lnTo>
                    <a:lnTo>
                      <a:pt x="244" y="1405"/>
                    </a:lnTo>
                    <a:lnTo>
                      <a:pt x="237" y="1405"/>
                    </a:lnTo>
                    <a:lnTo>
                      <a:pt x="229" y="1403"/>
                    </a:lnTo>
                    <a:lnTo>
                      <a:pt x="222" y="1402"/>
                    </a:lnTo>
                    <a:lnTo>
                      <a:pt x="212" y="1398"/>
                    </a:lnTo>
                    <a:lnTo>
                      <a:pt x="202" y="1394"/>
                    </a:lnTo>
                    <a:lnTo>
                      <a:pt x="202" y="1394"/>
                    </a:lnTo>
                    <a:lnTo>
                      <a:pt x="210" y="1288"/>
                    </a:lnTo>
                    <a:lnTo>
                      <a:pt x="212" y="1276"/>
                    </a:lnTo>
                    <a:lnTo>
                      <a:pt x="214" y="1265"/>
                    </a:lnTo>
                    <a:lnTo>
                      <a:pt x="212" y="1254"/>
                    </a:lnTo>
                    <a:lnTo>
                      <a:pt x="211" y="1243"/>
                    </a:lnTo>
                    <a:lnTo>
                      <a:pt x="205" y="1222"/>
                    </a:lnTo>
                    <a:lnTo>
                      <a:pt x="197" y="1201"/>
                    </a:lnTo>
                    <a:lnTo>
                      <a:pt x="188" y="1182"/>
                    </a:lnTo>
                    <a:lnTo>
                      <a:pt x="183" y="1161"/>
                    </a:lnTo>
                    <a:lnTo>
                      <a:pt x="180" y="1150"/>
                    </a:lnTo>
                    <a:lnTo>
                      <a:pt x="180" y="1139"/>
                    </a:lnTo>
                    <a:lnTo>
                      <a:pt x="181" y="1129"/>
                    </a:lnTo>
                    <a:lnTo>
                      <a:pt x="185" y="1117"/>
                    </a:lnTo>
                    <a:lnTo>
                      <a:pt x="187" y="1111"/>
                    </a:lnTo>
                    <a:lnTo>
                      <a:pt x="188" y="1107"/>
                    </a:lnTo>
                    <a:lnTo>
                      <a:pt x="188" y="1102"/>
                    </a:lnTo>
                    <a:lnTo>
                      <a:pt x="187" y="1099"/>
                    </a:lnTo>
                    <a:lnTo>
                      <a:pt x="184" y="1095"/>
                    </a:lnTo>
                    <a:lnTo>
                      <a:pt x="181" y="1093"/>
                    </a:lnTo>
                    <a:lnTo>
                      <a:pt x="176" y="1091"/>
                    </a:lnTo>
                    <a:lnTo>
                      <a:pt x="170" y="1089"/>
                    </a:lnTo>
                    <a:lnTo>
                      <a:pt x="146" y="1083"/>
                    </a:lnTo>
                    <a:lnTo>
                      <a:pt x="124" y="1077"/>
                    </a:lnTo>
                    <a:lnTo>
                      <a:pt x="113" y="1073"/>
                    </a:lnTo>
                    <a:lnTo>
                      <a:pt x="102" y="1069"/>
                    </a:lnTo>
                    <a:lnTo>
                      <a:pt x="92" y="1065"/>
                    </a:lnTo>
                    <a:lnTo>
                      <a:pt x="82" y="1059"/>
                    </a:lnTo>
                    <a:lnTo>
                      <a:pt x="60" y="1046"/>
                    </a:lnTo>
                    <a:lnTo>
                      <a:pt x="36" y="1032"/>
                    </a:lnTo>
                    <a:lnTo>
                      <a:pt x="26" y="1023"/>
                    </a:lnTo>
                    <a:lnTo>
                      <a:pt x="17" y="1015"/>
                    </a:lnTo>
                    <a:lnTo>
                      <a:pt x="8" y="1004"/>
                    </a:lnTo>
                    <a:lnTo>
                      <a:pt x="0" y="994"/>
                    </a:lnTo>
                    <a:lnTo>
                      <a:pt x="0" y="994"/>
                    </a:lnTo>
                    <a:lnTo>
                      <a:pt x="16" y="929"/>
                    </a:lnTo>
                    <a:lnTo>
                      <a:pt x="14" y="919"/>
                    </a:lnTo>
                    <a:lnTo>
                      <a:pt x="14" y="909"/>
                    </a:lnTo>
                    <a:lnTo>
                      <a:pt x="14" y="898"/>
                    </a:lnTo>
                    <a:lnTo>
                      <a:pt x="16" y="887"/>
                    </a:lnTo>
                    <a:lnTo>
                      <a:pt x="17" y="865"/>
                    </a:lnTo>
                    <a:lnTo>
                      <a:pt x="18" y="844"/>
                    </a:lnTo>
                    <a:lnTo>
                      <a:pt x="16" y="823"/>
                    </a:lnTo>
                    <a:lnTo>
                      <a:pt x="12" y="801"/>
                    </a:lnTo>
                    <a:lnTo>
                      <a:pt x="8" y="780"/>
                    </a:lnTo>
                    <a:lnTo>
                      <a:pt x="7" y="758"/>
                    </a:lnTo>
                    <a:lnTo>
                      <a:pt x="7" y="743"/>
                    </a:lnTo>
                    <a:lnTo>
                      <a:pt x="9" y="728"/>
                    </a:lnTo>
                    <a:lnTo>
                      <a:pt x="10" y="713"/>
                    </a:lnTo>
                    <a:lnTo>
                      <a:pt x="12" y="699"/>
                    </a:lnTo>
                    <a:lnTo>
                      <a:pt x="19" y="688"/>
                    </a:lnTo>
                    <a:lnTo>
                      <a:pt x="29" y="681"/>
                    </a:lnTo>
                    <a:lnTo>
                      <a:pt x="40" y="673"/>
                    </a:lnTo>
                    <a:lnTo>
                      <a:pt x="53" y="666"/>
                    </a:lnTo>
                    <a:lnTo>
                      <a:pt x="80" y="655"/>
                    </a:lnTo>
                    <a:lnTo>
                      <a:pt x="110" y="644"/>
                    </a:lnTo>
                    <a:lnTo>
                      <a:pt x="124" y="639"/>
                    </a:lnTo>
                    <a:lnTo>
                      <a:pt x="137" y="633"/>
                    </a:lnTo>
                    <a:lnTo>
                      <a:pt x="150" y="627"/>
                    </a:lnTo>
                    <a:lnTo>
                      <a:pt x="162" y="621"/>
                    </a:lnTo>
                    <a:lnTo>
                      <a:pt x="172" y="613"/>
                    </a:lnTo>
                    <a:lnTo>
                      <a:pt x="181" y="604"/>
                    </a:lnTo>
                    <a:lnTo>
                      <a:pt x="184" y="600"/>
                    </a:lnTo>
                    <a:lnTo>
                      <a:pt x="187" y="595"/>
                    </a:lnTo>
                    <a:lnTo>
                      <a:pt x="189" y="589"/>
                    </a:lnTo>
                    <a:lnTo>
                      <a:pt x="190" y="583"/>
                    </a:lnTo>
                    <a:lnTo>
                      <a:pt x="192" y="573"/>
                    </a:lnTo>
                    <a:lnTo>
                      <a:pt x="190" y="564"/>
                    </a:lnTo>
                    <a:lnTo>
                      <a:pt x="187" y="554"/>
                    </a:lnTo>
                    <a:lnTo>
                      <a:pt x="180" y="545"/>
                    </a:lnTo>
                    <a:lnTo>
                      <a:pt x="174" y="535"/>
                    </a:lnTo>
                    <a:lnTo>
                      <a:pt x="166" y="528"/>
                    </a:lnTo>
                    <a:lnTo>
                      <a:pt x="155" y="519"/>
                    </a:lnTo>
                    <a:lnTo>
                      <a:pt x="146" y="511"/>
                    </a:lnTo>
                    <a:lnTo>
                      <a:pt x="124" y="495"/>
                    </a:lnTo>
                    <a:lnTo>
                      <a:pt x="104" y="480"/>
                    </a:lnTo>
                    <a:lnTo>
                      <a:pt x="86" y="466"/>
                    </a:lnTo>
                    <a:lnTo>
                      <a:pt x="71" y="453"/>
                    </a:lnTo>
                    <a:lnTo>
                      <a:pt x="58" y="437"/>
                    </a:lnTo>
                    <a:lnTo>
                      <a:pt x="49" y="423"/>
                    </a:lnTo>
                    <a:lnTo>
                      <a:pt x="40" y="407"/>
                    </a:lnTo>
                    <a:lnTo>
                      <a:pt x="32" y="392"/>
                    </a:lnTo>
                    <a:lnTo>
                      <a:pt x="26" y="375"/>
                    </a:lnTo>
                    <a:lnTo>
                      <a:pt x="21" y="358"/>
                    </a:lnTo>
                    <a:lnTo>
                      <a:pt x="16" y="341"/>
                    </a:lnTo>
                    <a:lnTo>
                      <a:pt x="12" y="322"/>
                    </a:lnTo>
                    <a:lnTo>
                      <a:pt x="7" y="300"/>
                    </a:lnTo>
                    <a:lnTo>
                      <a:pt x="4" y="280"/>
                    </a:lnTo>
                    <a:lnTo>
                      <a:pt x="4" y="265"/>
                    </a:lnTo>
                    <a:lnTo>
                      <a:pt x="5" y="249"/>
                    </a:lnTo>
                    <a:lnTo>
                      <a:pt x="9" y="236"/>
                    </a:lnTo>
                    <a:lnTo>
                      <a:pt x="17" y="221"/>
                    </a:lnTo>
                    <a:lnTo>
                      <a:pt x="26" y="206"/>
                    </a:lnTo>
                    <a:lnTo>
                      <a:pt x="38" y="188"/>
                    </a:lnTo>
                    <a:lnTo>
                      <a:pt x="105" y="76"/>
                    </a:lnTo>
                    <a:lnTo>
                      <a:pt x="105" y="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3" name="Freeform 84">
                <a:extLst>
                  <a:ext uri="{FF2B5EF4-FFF2-40B4-BE49-F238E27FC236}">
                    <a16:creationId xmlns:a16="http://schemas.microsoft.com/office/drawing/2014/main" id="{E2196BFB-F8F2-394C-8BFB-B163CA4A3C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72018" y="6226463"/>
                <a:ext cx="85620" cy="79477"/>
              </a:xfrm>
              <a:custGeom>
                <a:avLst/>
                <a:gdLst/>
                <a:ahLst/>
                <a:cxnLst>
                  <a:cxn ang="0">
                    <a:pos x="83" y="135"/>
                  </a:cxn>
                  <a:cxn ang="0">
                    <a:pos x="75" y="122"/>
                  </a:cxn>
                  <a:cxn ang="0">
                    <a:pos x="69" y="108"/>
                  </a:cxn>
                  <a:cxn ang="0">
                    <a:pos x="64" y="94"/>
                  </a:cxn>
                  <a:cxn ang="0">
                    <a:pos x="57" y="81"/>
                  </a:cxn>
                  <a:cxn ang="0">
                    <a:pos x="52" y="74"/>
                  </a:cxn>
                  <a:cxn ang="0">
                    <a:pos x="44" y="66"/>
                  </a:cxn>
                  <a:cxn ang="0">
                    <a:pos x="35" y="60"/>
                  </a:cxn>
                  <a:cxn ang="0">
                    <a:pos x="25" y="52"/>
                  </a:cxn>
                  <a:cxn ang="0">
                    <a:pos x="16" y="46"/>
                  </a:cxn>
                  <a:cxn ang="0">
                    <a:pos x="8" y="38"/>
                  </a:cxn>
                  <a:cxn ang="0">
                    <a:pos x="5" y="34"/>
                  </a:cxn>
                  <a:cxn ang="0">
                    <a:pos x="3" y="30"/>
                  </a:cxn>
                  <a:cxn ang="0">
                    <a:pos x="2" y="28"/>
                  </a:cxn>
                  <a:cxn ang="0">
                    <a:pos x="0" y="24"/>
                  </a:cxn>
                  <a:cxn ang="0">
                    <a:pos x="2" y="19"/>
                  </a:cxn>
                  <a:cxn ang="0">
                    <a:pos x="3" y="15"/>
                  </a:cxn>
                  <a:cxn ang="0">
                    <a:pos x="5" y="12"/>
                  </a:cxn>
                  <a:cxn ang="0">
                    <a:pos x="9" y="11"/>
                  </a:cxn>
                  <a:cxn ang="0">
                    <a:pos x="17" y="9"/>
                  </a:cxn>
                  <a:cxn ang="0">
                    <a:pos x="25" y="8"/>
                  </a:cxn>
                  <a:cxn ang="0">
                    <a:pos x="35" y="6"/>
                  </a:cxn>
                  <a:cxn ang="0">
                    <a:pos x="46" y="3"/>
                  </a:cxn>
                  <a:cxn ang="0">
                    <a:pos x="56" y="0"/>
                  </a:cxn>
                  <a:cxn ang="0">
                    <a:pos x="65" y="0"/>
                  </a:cxn>
                  <a:cxn ang="0">
                    <a:pos x="69" y="0"/>
                  </a:cxn>
                  <a:cxn ang="0">
                    <a:pos x="72" y="2"/>
                  </a:cxn>
                  <a:cxn ang="0">
                    <a:pos x="73" y="4"/>
                  </a:cxn>
                  <a:cxn ang="0">
                    <a:pos x="74" y="7"/>
                  </a:cxn>
                  <a:cxn ang="0">
                    <a:pos x="74" y="13"/>
                  </a:cxn>
                  <a:cxn ang="0">
                    <a:pos x="74" y="20"/>
                  </a:cxn>
                  <a:cxn ang="0">
                    <a:pos x="75" y="25"/>
                  </a:cxn>
                  <a:cxn ang="0">
                    <a:pos x="79" y="29"/>
                  </a:cxn>
                  <a:cxn ang="0">
                    <a:pos x="86" y="34"/>
                  </a:cxn>
                  <a:cxn ang="0">
                    <a:pos x="91" y="38"/>
                  </a:cxn>
                  <a:cxn ang="0">
                    <a:pos x="97" y="43"/>
                  </a:cxn>
                  <a:cxn ang="0">
                    <a:pos x="104" y="47"/>
                  </a:cxn>
                  <a:cxn ang="0">
                    <a:pos x="108" y="53"/>
                  </a:cxn>
                  <a:cxn ang="0">
                    <a:pos x="110" y="59"/>
                  </a:cxn>
                  <a:cxn ang="0">
                    <a:pos x="114" y="81"/>
                  </a:cxn>
                  <a:cxn ang="0">
                    <a:pos x="118" y="99"/>
                  </a:cxn>
                  <a:cxn ang="0">
                    <a:pos x="121" y="108"/>
                  </a:cxn>
                  <a:cxn ang="0">
                    <a:pos x="125" y="116"/>
                  </a:cxn>
                  <a:cxn ang="0">
                    <a:pos x="132" y="123"/>
                  </a:cxn>
                  <a:cxn ang="0">
                    <a:pos x="142" y="130"/>
                  </a:cxn>
                  <a:cxn ang="0">
                    <a:pos x="152" y="134"/>
                  </a:cxn>
                  <a:cxn ang="0">
                    <a:pos x="162" y="136"/>
                  </a:cxn>
                  <a:cxn ang="0">
                    <a:pos x="167" y="138"/>
                  </a:cxn>
                  <a:cxn ang="0">
                    <a:pos x="173" y="139"/>
                  </a:cxn>
                  <a:cxn ang="0">
                    <a:pos x="176" y="142"/>
                  </a:cxn>
                  <a:cxn ang="0">
                    <a:pos x="180" y="147"/>
                  </a:cxn>
                  <a:cxn ang="0">
                    <a:pos x="184" y="160"/>
                  </a:cxn>
                  <a:cxn ang="0">
                    <a:pos x="188" y="175"/>
                  </a:cxn>
                  <a:cxn ang="0">
                    <a:pos x="171" y="173"/>
                  </a:cxn>
                  <a:cxn ang="0">
                    <a:pos x="153" y="169"/>
                  </a:cxn>
                  <a:cxn ang="0">
                    <a:pos x="135" y="164"/>
                  </a:cxn>
                  <a:cxn ang="0">
                    <a:pos x="119" y="158"/>
                  </a:cxn>
                  <a:cxn ang="0">
                    <a:pos x="83" y="135"/>
                  </a:cxn>
                </a:cxnLst>
                <a:rect l="0" t="0" r="r" b="b"/>
                <a:pathLst>
                  <a:path w="188" h="175">
                    <a:moveTo>
                      <a:pt x="83" y="135"/>
                    </a:moveTo>
                    <a:lnTo>
                      <a:pt x="75" y="122"/>
                    </a:lnTo>
                    <a:lnTo>
                      <a:pt x="69" y="108"/>
                    </a:lnTo>
                    <a:lnTo>
                      <a:pt x="64" y="94"/>
                    </a:lnTo>
                    <a:lnTo>
                      <a:pt x="57" y="81"/>
                    </a:lnTo>
                    <a:lnTo>
                      <a:pt x="52" y="74"/>
                    </a:lnTo>
                    <a:lnTo>
                      <a:pt x="44" y="66"/>
                    </a:lnTo>
                    <a:lnTo>
                      <a:pt x="35" y="60"/>
                    </a:lnTo>
                    <a:lnTo>
                      <a:pt x="25" y="52"/>
                    </a:lnTo>
                    <a:lnTo>
                      <a:pt x="16" y="46"/>
                    </a:lnTo>
                    <a:lnTo>
                      <a:pt x="8" y="38"/>
                    </a:lnTo>
                    <a:lnTo>
                      <a:pt x="5" y="34"/>
                    </a:lnTo>
                    <a:lnTo>
                      <a:pt x="3" y="30"/>
                    </a:lnTo>
                    <a:lnTo>
                      <a:pt x="2" y="28"/>
                    </a:lnTo>
                    <a:lnTo>
                      <a:pt x="0" y="24"/>
                    </a:lnTo>
                    <a:lnTo>
                      <a:pt x="2" y="19"/>
                    </a:lnTo>
                    <a:lnTo>
                      <a:pt x="3" y="15"/>
                    </a:lnTo>
                    <a:lnTo>
                      <a:pt x="5" y="12"/>
                    </a:lnTo>
                    <a:lnTo>
                      <a:pt x="9" y="11"/>
                    </a:lnTo>
                    <a:lnTo>
                      <a:pt x="17" y="9"/>
                    </a:lnTo>
                    <a:lnTo>
                      <a:pt x="25" y="8"/>
                    </a:lnTo>
                    <a:lnTo>
                      <a:pt x="35" y="6"/>
                    </a:lnTo>
                    <a:lnTo>
                      <a:pt x="46" y="3"/>
                    </a:lnTo>
                    <a:lnTo>
                      <a:pt x="56" y="0"/>
                    </a:lnTo>
                    <a:lnTo>
                      <a:pt x="65" y="0"/>
                    </a:lnTo>
                    <a:lnTo>
                      <a:pt x="69" y="0"/>
                    </a:lnTo>
                    <a:lnTo>
                      <a:pt x="72" y="2"/>
                    </a:lnTo>
                    <a:lnTo>
                      <a:pt x="73" y="4"/>
                    </a:lnTo>
                    <a:lnTo>
                      <a:pt x="74" y="7"/>
                    </a:lnTo>
                    <a:lnTo>
                      <a:pt x="74" y="13"/>
                    </a:lnTo>
                    <a:lnTo>
                      <a:pt x="74" y="20"/>
                    </a:lnTo>
                    <a:lnTo>
                      <a:pt x="75" y="25"/>
                    </a:lnTo>
                    <a:lnTo>
                      <a:pt x="79" y="29"/>
                    </a:lnTo>
                    <a:lnTo>
                      <a:pt x="86" y="34"/>
                    </a:lnTo>
                    <a:lnTo>
                      <a:pt x="91" y="38"/>
                    </a:lnTo>
                    <a:lnTo>
                      <a:pt x="97" y="43"/>
                    </a:lnTo>
                    <a:lnTo>
                      <a:pt x="104" y="47"/>
                    </a:lnTo>
                    <a:lnTo>
                      <a:pt x="108" y="53"/>
                    </a:lnTo>
                    <a:lnTo>
                      <a:pt x="110" y="59"/>
                    </a:lnTo>
                    <a:lnTo>
                      <a:pt x="114" y="81"/>
                    </a:lnTo>
                    <a:lnTo>
                      <a:pt x="118" y="99"/>
                    </a:lnTo>
                    <a:lnTo>
                      <a:pt x="121" y="108"/>
                    </a:lnTo>
                    <a:lnTo>
                      <a:pt x="125" y="116"/>
                    </a:lnTo>
                    <a:lnTo>
                      <a:pt x="132" y="123"/>
                    </a:lnTo>
                    <a:lnTo>
                      <a:pt x="142" y="130"/>
                    </a:lnTo>
                    <a:lnTo>
                      <a:pt x="152" y="134"/>
                    </a:lnTo>
                    <a:lnTo>
                      <a:pt x="162" y="136"/>
                    </a:lnTo>
                    <a:lnTo>
                      <a:pt x="167" y="138"/>
                    </a:lnTo>
                    <a:lnTo>
                      <a:pt x="173" y="139"/>
                    </a:lnTo>
                    <a:lnTo>
                      <a:pt x="176" y="142"/>
                    </a:lnTo>
                    <a:lnTo>
                      <a:pt x="180" y="147"/>
                    </a:lnTo>
                    <a:lnTo>
                      <a:pt x="184" y="160"/>
                    </a:lnTo>
                    <a:lnTo>
                      <a:pt x="188" y="175"/>
                    </a:lnTo>
                    <a:lnTo>
                      <a:pt x="171" y="173"/>
                    </a:lnTo>
                    <a:lnTo>
                      <a:pt x="153" y="169"/>
                    </a:lnTo>
                    <a:lnTo>
                      <a:pt x="135" y="164"/>
                    </a:lnTo>
                    <a:lnTo>
                      <a:pt x="119" y="158"/>
                    </a:lnTo>
                    <a:lnTo>
                      <a:pt x="83" y="13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4" name="Freeform 85">
                <a:extLst>
                  <a:ext uri="{FF2B5EF4-FFF2-40B4-BE49-F238E27FC236}">
                    <a16:creationId xmlns:a16="http://schemas.microsoft.com/office/drawing/2014/main" id="{72A341E0-C260-084B-928A-4385E09092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3218" y="6430576"/>
                <a:ext cx="32790" cy="45158"/>
              </a:xfrm>
              <a:custGeom>
                <a:avLst/>
                <a:gdLst/>
                <a:ahLst/>
                <a:cxnLst>
                  <a:cxn ang="0">
                    <a:pos x="14" y="66"/>
                  </a:cxn>
                  <a:cxn ang="0">
                    <a:pos x="28" y="48"/>
                  </a:cxn>
                  <a:cxn ang="0">
                    <a:pos x="41" y="29"/>
                  </a:cxn>
                  <a:cxn ang="0">
                    <a:pos x="45" y="20"/>
                  </a:cxn>
                  <a:cxn ang="0">
                    <a:pos x="53" y="11"/>
                  </a:cxn>
                  <a:cxn ang="0">
                    <a:pos x="58" y="7"/>
                  </a:cxn>
                  <a:cxn ang="0">
                    <a:pos x="62" y="3"/>
                  </a:cxn>
                  <a:cxn ang="0">
                    <a:pos x="67" y="0"/>
                  </a:cxn>
                  <a:cxn ang="0">
                    <a:pos x="71" y="0"/>
                  </a:cxn>
                  <a:cxn ang="0">
                    <a:pos x="72" y="9"/>
                  </a:cxn>
                  <a:cxn ang="0">
                    <a:pos x="71" y="18"/>
                  </a:cxn>
                  <a:cxn ang="0">
                    <a:pos x="70" y="30"/>
                  </a:cxn>
                  <a:cxn ang="0">
                    <a:pos x="67" y="40"/>
                  </a:cxn>
                  <a:cxn ang="0">
                    <a:pos x="66" y="51"/>
                  </a:cxn>
                  <a:cxn ang="0">
                    <a:pos x="64" y="62"/>
                  </a:cxn>
                  <a:cxn ang="0">
                    <a:pos x="62" y="73"/>
                  </a:cxn>
                  <a:cxn ang="0">
                    <a:pos x="58" y="82"/>
                  </a:cxn>
                  <a:cxn ang="0">
                    <a:pos x="57" y="84"/>
                  </a:cxn>
                  <a:cxn ang="0">
                    <a:pos x="54" y="87"/>
                  </a:cxn>
                  <a:cxn ang="0">
                    <a:pos x="50" y="87"/>
                  </a:cxn>
                  <a:cxn ang="0">
                    <a:pos x="46" y="87"/>
                  </a:cxn>
                  <a:cxn ang="0">
                    <a:pos x="44" y="86"/>
                  </a:cxn>
                  <a:cxn ang="0">
                    <a:pos x="41" y="86"/>
                  </a:cxn>
                  <a:cxn ang="0">
                    <a:pos x="40" y="87"/>
                  </a:cxn>
                  <a:cxn ang="0">
                    <a:pos x="37" y="87"/>
                  </a:cxn>
                  <a:cxn ang="0">
                    <a:pos x="32" y="91"/>
                  </a:cxn>
                  <a:cxn ang="0">
                    <a:pos x="28" y="95"/>
                  </a:cxn>
                  <a:cxn ang="0">
                    <a:pos x="22" y="99"/>
                  </a:cxn>
                  <a:cxn ang="0">
                    <a:pos x="13" y="101"/>
                  </a:cxn>
                  <a:cxn ang="0">
                    <a:pos x="9" y="101"/>
                  </a:cxn>
                  <a:cxn ang="0">
                    <a:pos x="5" y="100"/>
                  </a:cxn>
                  <a:cxn ang="0">
                    <a:pos x="2" y="99"/>
                  </a:cxn>
                  <a:cxn ang="0">
                    <a:pos x="0" y="95"/>
                  </a:cxn>
                  <a:cxn ang="0">
                    <a:pos x="14" y="66"/>
                  </a:cxn>
                </a:cxnLst>
                <a:rect l="0" t="0" r="r" b="b"/>
                <a:pathLst>
                  <a:path w="72" h="101">
                    <a:moveTo>
                      <a:pt x="14" y="66"/>
                    </a:moveTo>
                    <a:lnTo>
                      <a:pt x="28" y="48"/>
                    </a:lnTo>
                    <a:lnTo>
                      <a:pt x="41" y="29"/>
                    </a:lnTo>
                    <a:lnTo>
                      <a:pt x="45" y="20"/>
                    </a:lnTo>
                    <a:lnTo>
                      <a:pt x="53" y="11"/>
                    </a:lnTo>
                    <a:lnTo>
                      <a:pt x="58" y="7"/>
                    </a:lnTo>
                    <a:lnTo>
                      <a:pt x="62" y="3"/>
                    </a:lnTo>
                    <a:lnTo>
                      <a:pt x="67" y="0"/>
                    </a:lnTo>
                    <a:lnTo>
                      <a:pt x="71" y="0"/>
                    </a:lnTo>
                    <a:lnTo>
                      <a:pt x="72" y="9"/>
                    </a:lnTo>
                    <a:lnTo>
                      <a:pt x="71" y="18"/>
                    </a:lnTo>
                    <a:lnTo>
                      <a:pt x="70" y="30"/>
                    </a:lnTo>
                    <a:lnTo>
                      <a:pt x="67" y="40"/>
                    </a:lnTo>
                    <a:lnTo>
                      <a:pt x="66" y="51"/>
                    </a:lnTo>
                    <a:lnTo>
                      <a:pt x="64" y="62"/>
                    </a:lnTo>
                    <a:lnTo>
                      <a:pt x="62" y="73"/>
                    </a:lnTo>
                    <a:lnTo>
                      <a:pt x="58" y="82"/>
                    </a:lnTo>
                    <a:lnTo>
                      <a:pt x="57" y="84"/>
                    </a:lnTo>
                    <a:lnTo>
                      <a:pt x="54" y="87"/>
                    </a:lnTo>
                    <a:lnTo>
                      <a:pt x="50" y="87"/>
                    </a:lnTo>
                    <a:lnTo>
                      <a:pt x="46" y="87"/>
                    </a:lnTo>
                    <a:lnTo>
                      <a:pt x="44" y="86"/>
                    </a:lnTo>
                    <a:lnTo>
                      <a:pt x="41" y="86"/>
                    </a:lnTo>
                    <a:lnTo>
                      <a:pt x="40" y="87"/>
                    </a:lnTo>
                    <a:lnTo>
                      <a:pt x="37" y="87"/>
                    </a:lnTo>
                    <a:lnTo>
                      <a:pt x="32" y="91"/>
                    </a:lnTo>
                    <a:lnTo>
                      <a:pt x="28" y="95"/>
                    </a:lnTo>
                    <a:lnTo>
                      <a:pt x="22" y="99"/>
                    </a:lnTo>
                    <a:lnTo>
                      <a:pt x="13" y="101"/>
                    </a:lnTo>
                    <a:lnTo>
                      <a:pt x="9" y="101"/>
                    </a:lnTo>
                    <a:lnTo>
                      <a:pt x="5" y="100"/>
                    </a:lnTo>
                    <a:lnTo>
                      <a:pt x="2" y="99"/>
                    </a:lnTo>
                    <a:lnTo>
                      <a:pt x="0" y="95"/>
                    </a:lnTo>
                    <a:lnTo>
                      <a:pt x="14" y="6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5" name="Freeform 86">
                <a:extLst>
                  <a:ext uri="{FF2B5EF4-FFF2-40B4-BE49-F238E27FC236}">
                    <a16:creationId xmlns:a16="http://schemas.microsoft.com/office/drawing/2014/main" id="{E5465317-46A2-814E-9FE6-B78B0E7E00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50544" y="6504634"/>
                <a:ext cx="23683" cy="34320"/>
              </a:xfrm>
              <a:custGeom>
                <a:avLst/>
                <a:gdLst/>
                <a:ahLst/>
                <a:cxnLst>
                  <a:cxn ang="0">
                    <a:pos x="51" y="51"/>
                  </a:cxn>
                  <a:cxn ang="0">
                    <a:pos x="47" y="48"/>
                  </a:cxn>
                  <a:cxn ang="0">
                    <a:pos x="45" y="44"/>
                  </a:cxn>
                  <a:cxn ang="0">
                    <a:pos x="42" y="39"/>
                  </a:cxn>
                  <a:cxn ang="0">
                    <a:pos x="41" y="34"/>
                  </a:cxn>
                  <a:cxn ang="0">
                    <a:pos x="38" y="24"/>
                  </a:cxn>
                  <a:cxn ang="0">
                    <a:pos x="33" y="15"/>
                  </a:cxn>
                  <a:cxn ang="0">
                    <a:pos x="28" y="8"/>
                  </a:cxn>
                  <a:cxn ang="0">
                    <a:pos x="19" y="3"/>
                  </a:cxn>
                  <a:cxn ang="0">
                    <a:pos x="14" y="2"/>
                  </a:cxn>
                  <a:cxn ang="0">
                    <a:pos x="9" y="0"/>
                  </a:cxn>
                  <a:cxn ang="0">
                    <a:pos x="5" y="0"/>
                  </a:cxn>
                  <a:cxn ang="0">
                    <a:pos x="2" y="3"/>
                  </a:cxn>
                  <a:cxn ang="0">
                    <a:pos x="1" y="6"/>
                  </a:cxn>
                  <a:cxn ang="0">
                    <a:pos x="0" y="9"/>
                  </a:cxn>
                  <a:cxn ang="0">
                    <a:pos x="0" y="12"/>
                  </a:cxn>
                  <a:cxn ang="0">
                    <a:pos x="1" y="16"/>
                  </a:cxn>
                  <a:cxn ang="0">
                    <a:pos x="2" y="22"/>
                  </a:cxn>
                  <a:cxn ang="0">
                    <a:pos x="6" y="28"/>
                  </a:cxn>
                  <a:cxn ang="0">
                    <a:pos x="13" y="44"/>
                  </a:cxn>
                  <a:cxn ang="0">
                    <a:pos x="22" y="61"/>
                  </a:cxn>
                  <a:cxn ang="0">
                    <a:pos x="25" y="68"/>
                  </a:cxn>
                  <a:cxn ang="0">
                    <a:pos x="32" y="74"/>
                  </a:cxn>
                  <a:cxn ang="0">
                    <a:pos x="37" y="77"/>
                  </a:cxn>
                  <a:cxn ang="0">
                    <a:pos x="42" y="77"/>
                  </a:cxn>
                  <a:cxn ang="0">
                    <a:pos x="47" y="73"/>
                  </a:cxn>
                  <a:cxn ang="0">
                    <a:pos x="51" y="68"/>
                  </a:cxn>
                  <a:cxn ang="0">
                    <a:pos x="51" y="51"/>
                  </a:cxn>
                </a:cxnLst>
                <a:rect l="0" t="0" r="r" b="b"/>
                <a:pathLst>
                  <a:path w="51" h="77">
                    <a:moveTo>
                      <a:pt x="51" y="51"/>
                    </a:moveTo>
                    <a:lnTo>
                      <a:pt x="47" y="48"/>
                    </a:lnTo>
                    <a:lnTo>
                      <a:pt x="45" y="44"/>
                    </a:lnTo>
                    <a:lnTo>
                      <a:pt x="42" y="39"/>
                    </a:lnTo>
                    <a:lnTo>
                      <a:pt x="41" y="34"/>
                    </a:lnTo>
                    <a:lnTo>
                      <a:pt x="38" y="24"/>
                    </a:lnTo>
                    <a:lnTo>
                      <a:pt x="33" y="15"/>
                    </a:lnTo>
                    <a:lnTo>
                      <a:pt x="28" y="8"/>
                    </a:lnTo>
                    <a:lnTo>
                      <a:pt x="19" y="3"/>
                    </a:lnTo>
                    <a:lnTo>
                      <a:pt x="14" y="2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3"/>
                    </a:lnTo>
                    <a:lnTo>
                      <a:pt x="1" y="6"/>
                    </a:lnTo>
                    <a:lnTo>
                      <a:pt x="0" y="9"/>
                    </a:lnTo>
                    <a:lnTo>
                      <a:pt x="0" y="12"/>
                    </a:lnTo>
                    <a:lnTo>
                      <a:pt x="1" y="16"/>
                    </a:lnTo>
                    <a:lnTo>
                      <a:pt x="2" y="22"/>
                    </a:lnTo>
                    <a:lnTo>
                      <a:pt x="6" y="28"/>
                    </a:lnTo>
                    <a:lnTo>
                      <a:pt x="13" y="44"/>
                    </a:lnTo>
                    <a:lnTo>
                      <a:pt x="22" y="61"/>
                    </a:lnTo>
                    <a:lnTo>
                      <a:pt x="25" y="68"/>
                    </a:lnTo>
                    <a:lnTo>
                      <a:pt x="32" y="74"/>
                    </a:lnTo>
                    <a:lnTo>
                      <a:pt x="37" y="77"/>
                    </a:lnTo>
                    <a:lnTo>
                      <a:pt x="42" y="77"/>
                    </a:lnTo>
                    <a:lnTo>
                      <a:pt x="47" y="73"/>
                    </a:lnTo>
                    <a:lnTo>
                      <a:pt x="51" y="68"/>
                    </a:lnTo>
                    <a:lnTo>
                      <a:pt x="51" y="5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6" name="Freeform 87">
                <a:extLst>
                  <a:ext uri="{FF2B5EF4-FFF2-40B4-BE49-F238E27FC236}">
                    <a16:creationId xmlns:a16="http://schemas.microsoft.com/office/drawing/2014/main" id="{1E86DBEA-361C-B74E-9ECC-C87292BCDE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06823" y="6515471"/>
                <a:ext cx="58294" cy="68640"/>
              </a:xfrm>
              <a:custGeom>
                <a:avLst/>
                <a:gdLst/>
                <a:ahLst/>
                <a:cxnLst>
                  <a:cxn ang="0">
                    <a:pos x="98" y="90"/>
                  </a:cxn>
                  <a:cxn ang="0">
                    <a:pos x="87" y="78"/>
                  </a:cxn>
                  <a:cxn ang="0">
                    <a:pos x="74" y="56"/>
                  </a:cxn>
                  <a:cxn ang="0">
                    <a:pos x="66" y="31"/>
                  </a:cxn>
                  <a:cxn ang="0">
                    <a:pos x="60" y="8"/>
                  </a:cxn>
                  <a:cxn ang="0">
                    <a:pos x="54" y="2"/>
                  </a:cxn>
                  <a:cxn ang="0">
                    <a:pos x="51" y="2"/>
                  </a:cxn>
                  <a:cxn ang="0">
                    <a:pos x="47" y="15"/>
                  </a:cxn>
                  <a:cxn ang="0">
                    <a:pos x="27" y="34"/>
                  </a:cxn>
                  <a:cxn ang="0">
                    <a:pos x="4" y="50"/>
                  </a:cxn>
                  <a:cxn ang="0">
                    <a:pos x="0" y="65"/>
                  </a:cxn>
                  <a:cxn ang="0">
                    <a:pos x="3" y="85"/>
                  </a:cxn>
                  <a:cxn ang="0">
                    <a:pos x="3" y="104"/>
                  </a:cxn>
                  <a:cxn ang="0">
                    <a:pos x="3" y="119"/>
                  </a:cxn>
                  <a:cxn ang="0">
                    <a:pos x="5" y="125"/>
                  </a:cxn>
                  <a:cxn ang="0">
                    <a:pos x="9" y="125"/>
                  </a:cxn>
                  <a:cxn ang="0">
                    <a:pos x="14" y="119"/>
                  </a:cxn>
                  <a:cxn ang="0">
                    <a:pos x="21" y="109"/>
                  </a:cxn>
                  <a:cxn ang="0">
                    <a:pos x="30" y="101"/>
                  </a:cxn>
                  <a:cxn ang="0">
                    <a:pos x="38" y="100"/>
                  </a:cxn>
                  <a:cxn ang="0">
                    <a:pos x="44" y="107"/>
                  </a:cxn>
                  <a:cxn ang="0">
                    <a:pos x="47" y="123"/>
                  </a:cxn>
                  <a:cxn ang="0">
                    <a:pos x="49" y="132"/>
                  </a:cxn>
                  <a:cxn ang="0">
                    <a:pos x="56" y="134"/>
                  </a:cxn>
                  <a:cxn ang="0">
                    <a:pos x="67" y="131"/>
                  </a:cxn>
                  <a:cxn ang="0">
                    <a:pos x="79" y="134"/>
                  </a:cxn>
                  <a:cxn ang="0">
                    <a:pos x="96" y="143"/>
                  </a:cxn>
                  <a:cxn ang="0">
                    <a:pos x="114" y="151"/>
                  </a:cxn>
                  <a:cxn ang="0">
                    <a:pos x="123" y="152"/>
                  </a:cxn>
                  <a:cxn ang="0">
                    <a:pos x="127" y="151"/>
                  </a:cxn>
                  <a:cxn ang="0">
                    <a:pos x="128" y="145"/>
                  </a:cxn>
                  <a:cxn ang="0">
                    <a:pos x="120" y="129"/>
                  </a:cxn>
                  <a:cxn ang="0">
                    <a:pos x="104" y="94"/>
                  </a:cxn>
                </a:cxnLst>
                <a:rect l="0" t="0" r="r" b="b"/>
                <a:pathLst>
                  <a:path w="128" h="152">
                    <a:moveTo>
                      <a:pt x="104" y="94"/>
                    </a:moveTo>
                    <a:lnTo>
                      <a:pt x="98" y="90"/>
                    </a:lnTo>
                    <a:lnTo>
                      <a:pt x="92" y="85"/>
                    </a:lnTo>
                    <a:lnTo>
                      <a:pt x="87" y="78"/>
                    </a:lnTo>
                    <a:lnTo>
                      <a:pt x="82" y="72"/>
                    </a:lnTo>
                    <a:lnTo>
                      <a:pt x="74" y="56"/>
                    </a:lnTo>
                    <a:lnTo>
                      <a:pt x="69" y="42"/>
                    </a:lnTo>
                    <a:lnTo>
                      <a:pt x="66" y="31"/>
                    </a:lnTo>
                    <a:lnTo>
                      <a:pt x="62" y="16"/>
                    </a:lnTo>
                    <a:lnTo>
                      <a:pt x="60" y="8"/>
                    </a:lnTo>
                    <a:lnTo>
                      <a:pt x="56" y="3"/>
                    </a:lnTo>
                    <a:lnTo>
                      <a:pt x="54" y="2"/>
                    </a:lnTo>
                    <a:lnTo>
                      <a:pt x="53" y="0"/>
                    </a:lnTo>
                    <a:lnTo>
                      <a:pt x="51" y="2"/>
                    </a:lnTo>
                    <a:lnTo>
                      <a:pt x="48" y="3"/>
                    </a:lnTo>
                    <a:lnTo>
                      <a:pt x="47" y="15"/>
                    </a:lnTo>
                    <a:lnTo>
                      <a:pt x="44" y="28"/>
                    </a:lnTo>
                    <a:lnTo>
                      <a:pt x="27" y="34"/>
                    </a:lnTo>
                    <a:lnTo>
                      <a:pt x="10" y="42"/>
                    </a:lnTo>
                    <a:lnTo>
                      <a:pt x="4" y="50"/>
                    </a:lnTo>
                    <a:lnTo>
                      <a:pt x="0" y="56"/>
                    </a:lnTo>
                    <a:lnTo>
                      <a:pt x="0" y="65"/>
                    </a:lnTo>
                    <a:lnTo>
                      <a:pt x="1" y="75"/>
                    </a:lnTo>
                    <a:lnTo>
                      <a:pt x="3" y="85"/>
                    </a:lnTo>
                    <a:lnTo>
                      <a:pt x="3" y="95"/>
                    </a:lnTo>
                    <a:lnTo>
                      <a:pt x="3" y="104"/>
                    </a:lnTo>
                    <a:lnTo>
                      <a:pt x="3" y="114"/>
                    </a:lnTo>
                    <a:lnTo>
                      <a:pt x="3" y="119"/>
                    </a:lnTo>
                    <a:lnTo>
                      <a:pt x="3" y="123"/>
                    </a:lnTo>
                    <a:lnTo>
                      <a:pt x="5" y="125"/>
                    </a:lnTo>
                    <a:lnTo>
                      <a:pt x="6" y="126"/>
                    </a:lnTo>
                    <a:lnTo>
                      <a:pt x="9" y="125"/>
                    </a:lnTo>
                    <a:lnTo>
                      <a:pt x="12" y="122"/>
                    </a:lnTo>
                    <a:lnTo>
                      <a:pt x="14" y="119"/>
                    </a:lnTo>
                    <a:lnTo>
                      <a:pt x="17" y="116"/>
                    </a:lnTo>
                    <a:lnTo>
                      <a:pt x="21" y="109"/>
                    </a:lnTo>
                    <a:lnTo>
                      <a:pt x="26" y="104"/>
                    </a:lnTo>
                    <a:lnTo>
                      <a:pt x="30" y="101"/>
                    </a:lnTo>
                    <a:lnTo>
                      <a:pt x="34" y="99"/>
                    </a:lnTo>
                    <a:lnTo>
                      <a:pt x="38" y="100"/>
                    </a:lnTo>
                    <a:lnTo>
                      <a:pt x="41" y="103"/>
                    </a:lnTo>
                    <a:lnTo>
                      <a:pt x="44" y="107"/>
                    </a:lnTo>
                    <a:lnTo>
                      <a:pt x="45" y="114"/>
                    </a:lnTo>
                    <a:lnTo>
                      <a:pt x="47" y="123"/>
                    </a:lnTo>
                    <a:lnTo>
                      <a:pt x="48" y="130"/>
                    </a:lnTo>
                    <a:lnTo>
                      <a:pt x="49" y="132"/>
                    </a:lnTo>
                    <a:lnTo>
                      <a:pt x="52" y="134"/>
                    </a:lnTo>
                    <a:lnTo>
                      <a:pt x="56" y="134"/>
                    </a:lnTo>
                    <a:lnTo>
                      <a:pt x="61" y="132"/>
                    </a:lnTo>
                    <a:lnTo>
                      <a:pt x="67" y="131"/>
                    </a:lnTo>
                    <a:lnTo>
                      <a:pt x="74" y="131"/>
                    </a:lnTo>
                    <a:lnTo>
                      <a:pt x="79" y="134"/>
                    </a:lnTo>
                    <a:lnTo>
                      <a:pt x="84" y="136"/>
                    </a:lnTo>
                    <a:lnTo>
                      <a:pt x="96" y="143"/>
                    </a:lnTo>
                    <a:lnTo>
                      <a:pt x="108" y="149"/>
                    </a:lnTo>
                    <a:lnTo>
                      <a:pt x="114" y="151"/>
                    </a:lnTo>
                    <a:lnTo>
                      <a:pt x="119" y="152"/>
                    </a:lnTo>
                    <a:lnTo>
                      <a:pt x="123" y="152"/>
                    </a:lnTo>
                    <a:lnTo>
                      <a:pt x="126" y="152"/>
                    </a:lnTo>
                    <a:lnTo>
                      <a:pt x="127" y="151"/>
                    </a:lnTo>
                    <a:lnTo>
                      <a:pt x="128" y="148"/>
                    </a:lnTo>
                    <a:lnTo>
                      <a:pt x="128" y="145"/>
                    </a:lnTo>
                    <a:lnTo>
                      <a:pt x="127" y="143"/>
                    </a:lnTo>
                    <a:lnTo>
                      <a:pt x="120" y="129"/>
                    </a:lnTo>
                    <a:lnTo>
                      <a:pt x="113" y="113"/>
                    </a:lnTo>
                    <a:lnTo>
                      <a:pt x="104" y="9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7" name="Freeform 88">
                <a:extLst>
                  <a:ext uri="{FF2B5EF4-FFF2-40B4-BE49-F238E27FC236}">
                    <a16:creationId xmlns:a16="http://schemas.microsoft.com/office/drawing/2014/main" id="{93428568-13FE-7E42-AA14-C401ECFDC2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43257" y="6620237"/>
                <a:ext cx="52830" cy="46964"/>
              </a:xfrm>
              <a:custGeom>
                <a:avLst/>
                <a:gdLst/>
                <a:ahLst/>
                <a:cxnLst>
                  <a:cxn ang="0">
                    <a:pos x="110" y="64"/>
                  </a:cxn>
                  <a:cxn ang="0">
                    <a:pos x="97" y="51"/>
                  </a:cxn>
                  <a:cxn ang="0">
                    <a:pos x="86" y="36"/>
                  </a:cxn>
                  <a:cxn ang="0">
                    <a:pos x="72" y="29"/>
                  </a:cxn>
                  <a:cxn ang="0">
                    <a:pos x="59" y="18"/>
                  </a:cxn>
                  <a:cxn ang="0">
                    <a:pos x="53" y="13"/>
                  </a:cxn>
                  <a:cxn ang="0">
                    <a:pos x="48" y="8"/>
                  </a:cxn>
                  <a:cxn ang="0">
                    <a:pos x="43" y="4"/>
                  </a:cxn>
                  <a:cxn ang="0">
                    <a:pos x="35" y="1"/>
                  </a:cxn>
                  <a:cxn ang="0">
                    <a:pos x="29" y="0"/>
                  </a:cxn>
                  <a:cxn ang="0">
                    <a:pos x="24" y="0"/>
                  </a:cxn>
                  <a:cxn ang="0">
                    <a:pos x="20" y="3"/>
                  </a:cxn>
                  <a:cxn ang="0">
                    <a:pos x="16" y="8"/>
                  </a:cxn>
                  <a:cxn ang="0">
                    <a:pos x="5" y="18"/>
                  </a:cxn>
                  <a:cxn ang="0">
                    <a:pos x="0" y="27"/>
                  </a:cxn>
                  <a:cxn ang="0">
                    <a:pos x="0" y="31"/>
                  </a:cxn>
                  <a:cxn ang="0">
                    <a:pos x="2" y="35"/>
                  </a:cxn>
                  <a:cxn ang="0">
                    <a:pos x="5" y="40"/>
                  </a:cxn>
                  <a:cxn ang="0">
                    <a:pos x="12" y="46"/>
                  </a:cxn>
                  <a:cxn ang="0">
                    <a:pos x="21" y="52"/>
                  </a:cxn>
                  <a:cxn ang="0">
                    <a:pos x="29" y="58"/>
                  </a:cxn>
                  <a:cxn ang="0">
                    <a:pos x="33" y="62"/>
                  </a:cxn>
                  <a:cxn ang="0">
                    <a:pos x="35" y="66"/>
                  </a:cxn>
                  <a:cxn ang="0">
                    <a:pos x="39" y="70"/>
                  </a:cxn>
                  <a:cxn ang="0">
                    <a:pos x="40" y="77"/>
                  </a:cxn>
                  <a:cxn ang="0">
                    <a:pos x="43" y="83"/>
                  </a:cxn>
                  <a:cxn ang="0">
                    <a:pos x="47" y="88"/>
                  </a:cxn>
                  <a:cxn ang="0">
                    <a:pos x="50" y="93"/>
                  </a:cxn>
                  <a:cxn ang="0">
                    <a:pos x="53" y="97"/>
                  </a:cxn>
                  <a:cxn ang="0">
                    <a:pos x="57" y="100"/>
                  </a:cxn>
                  <a:cxn ang="0">
                    <a:pos x="62" y="103"/>
                  </a:cxn>
                  <a:cxn ang="0">
                    <a:pos x="69" y="104"/>
                  </a:cxn>
                  <a:cxn ang="0">
                    <a:pos x="77" y="104"/>
                  </a:cxn>
                  <a:cxn ang="0">
                    <a:pos x="88" y="104"/>
                  </a:cxn>
                  <a:cxn ang="0">
                    <a:pos x="104" y="103"/>
                  </a:cxn>
                  <a:cxn ang="0">
                    <a:pos x="109" y="100"/>
                  </a:cxn>
                  <a:cxn ang="0">
                    <a:pos x="113" y="96"/>
                  </a:cxn>
                  <a:cxn ang="0">
                    <a:pos x="114" y="93"/>
                  </a:cxn>
                  <a:cxn ang="0">
                    <a:pos x="116" y="91"/>
                  </a:cxn>
                  <a:cxn ang="0">
                    <a:pos x="114" y="87"/>
                  </a:cxn>
                  <a:cxn ang="0">
                    <a:pos x="113" y="83"/>
                  </a:cxn>
                  <a:cxn ang="0">
                    <a:pos x="110" y="64"/>
                  </a:cxn>
                </a:cxnLst>
                <a:rect l="0" t="0" r="r" b="b"/>
                <a:pathLst>
                  <a:path w="116" h="104">
                    <a:moveTo>
                      <a:pt x="110" y="64"/>
                    </a:moveTo>
                    <a:lnTo>
                      <a:pt x="97" y="51"/>
                    </a:lnTo>
                    <a:lnTo>
                      <a:pt x="86" y="36"/>
                    </a:lnTo>
                    <a:lnTo>
                      <a:pt x="72" y="29"/>
                    </a:lnTo>
                    <a:lnTo>
                      <a:pt x="59" y="18"/>
                    </a:lnTo>
                    <a:lnTo>
                      <a:pt x="53" y="13"/>
                    </a:lnTo>
                    <a:lnTo>
                      <a:pt x="48" y="8"/>
                    </a:lnTo>
                    <a:lnTo>
                      <a:pt x="43" y="4"/>
                    </a:lnTo>
                    <a:lnTo>
                      <a:pt x="35" y="1"/>
                    </a:lnTo>
                    <a:lnTo>
                      <a:pt x="29" y="0"/>
                    </a:lnTo>
                    <a:lnTo>
                      <a:pt x="24" y="0"/>
                    </a:lnTo>
                    <a:lnTo>
                      <a:pt x="20" y="3"/>
                    </a:lnTo>
                    <a:lnTo>
                      <a:pt x="16" y="8"/>
                    </a:lnTo>
                    <a:lnTo>
                      <a:pt x="5" y="18"/>
                    </a:lnTo>
                    <a:lnTo>
                      <a:pt x="0" y="27"/>
                    </a:lnTo>
                    <a:lnTo>
                      <a:pt x="0" y="31"/>
                    </a:lnTo>
                    <a:lnTo>
                      <a:pt x="2" y="35"/>
                    </a:lnTo>
                    <a:lnTo>
                      <a:pt x="5" y="40"/>
                    </a:lnTo>
                    <a:lnTo>
                      <a:pt x="12" y="46"/>
                    </a:lnTo>
                    <a:lnTo>
                      <a:pt x="21" y="52"/>
                    </a:lnTo>
                    <a:lnTo>
                      <a:pt x="29" y="58"/>
                    </a:lnTo>
                    <a:lnTo>
                      <a:pt x="33" y="62"/>
                    </a:lnTo>
                    <a:lnTo>
                      <a:pt x="35" y="66"/>
                    </a:lnTo>
                    <a:lnTo>
                      <a:pt x="39" y="70"/>
                    </a:lnTo>
                    <a:lnTo>
                      <a:pt x="40" y="77"/>
                    </a:lnTo>
                    <a:lnTo>
                      <a:pt x="43" y="83"/>
                    </a:lnTo>
                    <a:lnTo>
                      <a:pt x="47" y="88"/>
                    </a:lnTo>
                    <a:lnTo>
                      <a:pt x="50" y="93"/>
                    </a:lnTo>
                    <a:lnTo>
                      <a:pt x="53" y="97"/>
                    </a:lnTo>
                    <a:lnTo>
                      <a:pt x="57" y="100"/>
                    </a:lnTo>
                    <a:lnTo>
                      <a:pt x="62" y="103"/>
                    </a:lnTo>
                    <a:lnTo>
                      <a:pt x="69" y="104"/>
                    </a:lnTo>
                    <a:lnTo>
                      <a:pt x="77" y="104"/>
                    </a:lnTo>
                    <a:lnTo>
                      <a:pt x="88" y="104"/>
                    </a:lnTo>
                    <a:lnTo>
                      <a:pt x="104" y="103"/>
                    </a:lnTo>
                    <a:lnTo>
                      <a:pt x="109" y="100"/>
                    </a:lnTo>
                    <a:lnTo>
                      <a:pt x="113" y="96"/>
                    </a:lnTo>
                    <a:lnTo>
                      <a:pt x="114" y="93"/>
                    </a:lnTo>
                    <a:lnTo>
                      <a:pt x="116" y="91"/>
                    </a:lnTo>
                    <a:lnTo>
                      <a:pt x="114" y="87"/>
                    </a:lnTo>
                    <a:lnTo>
                      <a:pt x="113" y="83"/>
                    </a:lnTo>
                    <a:lnTo>
                      <a:pt x="110" y="6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8" name="Freeform 89">
                <a:extLst>
                  <a:ext uri="{FF2B5EF4-FFF2-40B4-BE49-F238E27FC236}">
                    <a16:creationId xmlns:a16="http://schemas.microsoft.com/office/drawing/2014/main" id="{1F8B3120-8445-164A-8598-B5ABE02C35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038563" y="6923696"/>
                <a:ext cx="36434" cy="48771"/>
              </a:xfrm>
              <a:custGeom>
                <a:avLst/>
                <a:gdLst/>
                <a:ahLst/>
                <a:cxnLst>
                  <a:cxn ang="0">
                    <a:pos x="0" y="74"/>
                  </a:cxn>
                  <a:cxn ang="0">
                    <a:pos x="4" y="56"/>
                  </a:cxn>
                  <a:cxn ang="0">
                    <a:pos x="8" y="39"/>
                  </a:cxn>
                  <a:cxn ang="0">
                    <a:pos x="8" y="26"/>
                  </a:cxn>
                  <a:cxn ang="0">
                    <a:pos x="10" y="11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17" y="0"/>
                  </a:cxn>
                  <a:cxn ang="0">
                    <a:pos x="19" y="2"/>
                  </a:cxn>
                  <a:cxn ang="0">
                    <a:pos x="23" y="3"/>
                  </a:cxn>
                  <a:cxn ang="0">
                    <a:pos x="26" y="6"/>
                  </a:cxn>
                  <a:cxn ang="0">
                    <a:pos x="35" y="13"/>
                  </a:cxn>
                  <a:cxn ang="0">
                    <a:pos x="43" y="21"/>
                  </a:cxn>
                  <a:cxn ang="0">
                    <a:pos x="57" y="37"/>
                  </a:cxn>
                  <a:cxn ang="0">
                    <a:pos x="73" y="51"/>
                  </a:cxn>
                  <a:cxn ang="0">
                    <a:pos x="76" y="56"/>
                  </a:cxn>
                  <a:cxn ang="0">
                    <a:pos x="79" y="63"/>
                  </a:cxn>
                  <a:cxn ang="0">
                    <a:pos x="78" y="68"/>
                  </a:cxn>
                  <a:cxn ang="0">
                    <a:pos x="76" y="73"/>
                  </a:cxn>
                  <a:cxn ang="0">
                    <a:pos x="69" y="83"/>
                  </a:cxn>
                  <a:cxn ang="0">
                    <a:pos x="60" y="94"/>
                  </a:cxn>
                  <a:cxn ang="0">
                    <a:pos x="54" y="100"/>
                  </a:cxn>
                  <a:cxn ang="0">
                    <a:pos x="48" y="105"/>
                  </a:cxn>
                  <a:cxn ang="0">
                    <a:pos x="41" y="107"/>
                  </a:cxn>
                  <a:cxn ang="0">
                    <a:pos x="35" y="108"/>
                  </a:cxn>
                  <a:cxn ang="0">
                    <a:pos x="27" y="107"/>
                  </a:cxn>
                  <a:cxn ang="0">
                    <a:pos x="21" y="103"/>
                  </a:cxn>
                  <a:cxn ang="0">
                    <a:pos x="13" y="99"/>
                  </a:cxn>
                  <a:cxn ang="0">
                    <a:pos x="5" y="94"/>
                  </a:cxn>
                  <a:cxn ang="0">
                    <a:pos x="0" y="74"/>
                  </a:cxn>
                </a:cxnLst>
                <a:rect l="0" t="0" r="r" b="b"/>
                <a:pathLst>
                  <a:path w="79" h="108">
                    <a:moveTo>
                      <a:pt x="0" y="74"/>
                    </a:moveTo>
                    <a:lnTo>
                      <a:pt x="4" y="56"/>
                    </a:lnTo>
                    <a:lnTo>
                      <a:pt x="8" y="39"/>
                    </a:lnTo>
                    <a:lnTo>
                      <a:pt x="8" y="26"/>
                    </a:lnTo>
                    <a:lnTo>
                      <a:pt x="10" y="11"/>
                    </a:lnTo>
                    <a:lnTo>
                      <a:pt x="12" y="4"/>
                    </a:lnTo>
                    <a:lnTo>
                      <a:pt x="16" y="0"/>
                    </a:lnTo>
                    <a:lnTo>
                      <a:pt x="17" y="0"/>
                    </a:lnTo>
                    <a:lnTo>
                      <a:pt x="19" y="2"/>
                    </a:lnTo>
                    <a:lnTo>
                      <a:pt x="23" y="3"/>
                    </a:lnTo>
                    <a:lnTo>
                      <a:pt x="26" y="6"/>
                    </a:lnTo>
                    <a:lnTo>
                      <a:pt x="35" y="13"/>
                    </a:lnTo>
                    <a:lnTo>
                      <a:pt x="43" y="21"/>
                    </a:lnTo>
                    <a:lnTo>
                      <a:pt x="57" y="37"/>
                    </a:lnTo>
                    <a:lnTo>
                      <a:pt x="73" y="51"/>
                    </a:lnTo>
                    <a:lnTo>
                      <a:pt x="76" y="56"/>
                    </a:lnTo>
                    <a:lnTo>
                      <a:pt x="79" y="63"/>
                    </a:lnTo>
                    <a:lnTo>
                      <a:pt x="78" y="68"/>
                    </a:lnTo>
                    <a:lnTo>
                      <a:pt x="76" y="73"/>
                    </a:lnTo>
                    <a:lnTo>
                      <a:pt x="69" y="83"/>
                    </a:lnTo>
                    <a:lnTo>
                      <a:pt x="60" y="94"/>
                    </a:lnTo>
                    <a:lnTo>
                      <a:pt x="54" y="100"/>
                    </a:lnTo>
                    <a:lnTo>
                      <a:pt x="48" y="105"/>
                    </a:lnTo>
                    <a:lnTo>
                      <a:pt x="41" y="107"/>
                    </a:lnTo>
                    <a:lnTo>
                      <a:pt x="35" y="108"/>
                    </a:lnTo>
                    <a:lnTo>
                      <a:pt x="27" y="107"/>
                    </a:lnTo>
                    <a:lnTo>
                      <a:pt x="21" y="103"/>
                    </a:lnTo>
                    <a:lnTo>
                      <a:pt x="13" y="99"/>
                    </a:lnTo>
                    <a:lnTo>
                      <a:pt x="5" y="94"/>
                    </a:lnTo>
                    <a:lnTo>
                      <a:pt x="0" y="7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89" name="Freeform 93">
                <a:extLst>
                  <a:ext uri="{FF2B5EF4-FFF2-40B4-BE49-F238E27FC236}">
                    <a16:creationId xmlns:a16="http://schemas.microsoft.com/office/drawing/2014/main" id="{04BCF915-0FF7-2448-9BEA-9527F5386C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260809" y="5988030"/>
                <a:ext cx="41899" cy="41546"/>
              </a:xfrm>
              <a:custGeom>
                <a:avLst/>
                <a:gdLst/>
                <a:ahLst/>
                <a:cxnLst>
                  <a:cxn ang="0">
                    <a:pos x="0" y="51"/>
                  </a:cxn>
                  <a:cxn ang="0">
                    <a:pos x="9" y="35"/>
                  </a:cxn>
                  <a:cxn ang="0">
                    <a:pos x="17" y="21"/>
                  </a:cxn>
                  <a:cxn ang="0">
                    <a:pos x="21" y="13"/>
                  </a:cxn>
                  <a:cxn ang="0">
                    <a:pos x="28" y="8"/>
                  </a:cxn>
                  <a:cxn ang="0">
                    <a:pos x="34" y="3"/>
                  </a:cxn>
                  <a:cxn ang="0">
                    <a:pos x="43" y="0"/>
                  </a:cxn>
                  <a:cxn ang="0">
                    <a:pos x="50" y="0"/>
                  </a:cxn>
                  <a:cxn ang="0">
                    <a:pos x="55" y="2"/>
                  </a:cxn>
                  <a:cxn ang="0">
                    <a:pos x="60" y="3"/>
                  </a:cxn>
                  <a:cxn ang="0">
                    <a:pos x="65" y="5"/>
                  </a:cxn>
                  <a:cxn ang="0">
                    <a:pos x="69" y="9"/>
                  </a:cxn>
                  <a:cxn ang="0">
                    <a:pos x="72" y="14"/>
                  </a:cxn>
                  <a:cxn ang="0">
                    <a:pos x="74" y="20"/>
                  </a:cxn>
                  <a:cxn ang="0">
                    <a:pos x="77" y="26"/>
                  </a:cxn>
                  <a:cxn ang="0">
                    <a:pos x="81" y="35"/>
                  </a:cxn>
                  <a:cxn ang="0">
                    <a:pos x="86" y="44"/>
                  </a:cxn>
                  <a:cxn ang="0">
                    <a:pos x="91" y="60"/>
                  </a:cxn>
                  <a:cxn ang="0">
                    <a:pos x="94" y="77"/>
                  </a:cxn>
                  <a:cxn ang="0">
                    <a:pos x="92" y="82"/>
                  </a:cxn>
                  <a:cxn ang="0">
                    <a:pos x="88" y="87"/>
                  </a:cxn>
                  <a:cxn ang="0">
                    <a:pos x="83" y="91"/>
                  </a:cxn>
                  <a:cxn ang="0">
                    <a:pos x="78" y="92"/>
                  </a:cxn>
                  <a:cxn ang="0">
                    <a:pos x="61" y="87"/>
                  </a:cxn>
                  <a:cxn ang="0">
                    <a:pos x="46" y="81"/>
                  </a:cxn>
                  <a:cxn ang="0">
                    <a:pos x="33" y="79"/>
                  </a:cxn>
                  <a:cxn ang="0">
                    <a:pos x="21" y="78"/>
                  </a:cxn>
                  <a:cxn ang="0">
                    <a:pos x="16" y="77"/>
                  </a:cxn>
                  <a:cxn ang="0">
                    <a:pos x="11" y="73"/>
                  </a:cxn>
                  <a:cxn ang="0">
                    <a:pos x="6" y="69"/>
                  </a:cxn>
                  <a:cxn ang="0">
                    <a:pos x="2" y="62"/>
                  </a:cxn>
                  <a:cxn ang="0">
                    <a:pos x="0" y="51"/>
                  </a:cxn>
                </a:cxnLst>
                <a:rect l="0" t="0" r="r" b="b"/>
                <a:pathLst>
                  <a:path w="94" h="92">
                    <a:moveTo>
                      <a:pt x="0" y="51"/>
                    </a:moveTo>
                    <a:lnTo>
                      <a:pt x="9" y="35"/>
                    </a:lnTo>
                    <a:lnTo>
                      <a:pt x="17" y="21"/>
                    </a:lnTo>
                    <a:lnTo>
                      <a:pt x="21" y="13"/>
                    </a:lnTo>
                    <a:lnTo>
                      <a:pt x="28" y="8"/>
                    </a:lnTo>
                    <a:lnTo>
                      <a:pt x="34" y="3"/>
                    </a:lnTo>
                    <a:lnTo>
                      <a:pt x="43" y="0"/>
                    </a:lnTo>
                    <a:lnTo>
                      <a:pt x="50" y="0"/>
                    </a:lnTo>
                    <a:lnTo>
                      <a:pt x="55" y="2"/>
                    </a:lnTo>
                    <a:lnTo>
                      <a:pt x="60" y="3"/>
                    </a:lnTo>
                    <a:lnTo>
                      <a:pt x="65" y="5"/>
                    </a:lnTo>
                    <a:lnTo>
                      <a:pt x="69" y="9"/>
                    </a:lnTo>
                    <a:lnTo>
                      <a:pt x="72" y="14"/>
                    </a:lnTo>
                    <a:lnTo>
                      <a:pt x="74" y="20"/>
                    </a:lnTo>
                    <a:lnTo>
                      <a:pt x="77" y="26"/>
                    </a:lnTo>
                    <a:lnTo>
                      <a:pt x="81" y="35"/>
                    </a:lnTo>
                    <a:lnTo>
                      <a:pt x="86" y="44"/>
                    </a:lnTo>
                    <a:lnTo>
                      <a:pt x="91" y="60"/>
                    </a:lnTo>
                    <a:lnTo>
                      <a:pt x="94" y="77"/>
                    </a:lnTo>
                    <a:lnTo>
                      <a:pt x="92" y="82"/>
                    </a:lnTo>
                    <a:lnTo>
                      <a:pt x="88" y="87"/>
                    </a:lnTo>
                    <a:lnTo>
                      <a:pt x="83" y="91"/>
                    </a:lnTo>
                    <a:lnTo>
                      <a:pt x="78" y="92"/>
                    </a:lnTo>
                    <a:lnTo>
                      <a:pt x="61" y="87"/>
                    </a:lnTo>
                    <a:lnTo>
                      <a:pt x="46" y="81"/>
                    </a:lnTo>
                    <a:lnTo>
                      <a:pt x="33" y="79"/>
                    </a:lnTo>
                    <a:lnTo>
                      <a:pt x="21" y="78"/>
                    </a:lnTo>
                    <a:lnTo>
                      <a:pt x="16" y="77"/>
                    </a:lnTo>
                    <a:lnTo>
                      <a:pt x="11" y="73"/>
                    </a:lnTo>
                    <a:lnTo>
                      <a:pt x="6" y="69"/>
                    </a:lnTo>
                    <a:lnTo>
                      <a:pt x="2" y="62"/>
                    </a:lnTo>
                    <a:lnTo>
                      <a:pt x="0" y="5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0" name="Freeform 94">
                <a:extLst>
                  <a:ext uri="{FF2B5EF4-FFF2-40B4-BE49-F238E27FC236}">
                    <a16:creationId xmlns:a16="http://schemas.microsoft.com/office/drawing/2014/main" id="{4AE708F3-B772-BC4D-ADA1-8F9E84AC4D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22940" y="6034994"/>
                <a:ext cx="29147" cy="19870"/>
              </a:xfrm>
              <a:custGeom>
                <a:avLst/>
                <a:gdLst/>
                <a:ahLst/>
                <a:cxnLst>
                  <a:cxn ang="0">
                    <a:pos x="9" y="41"/>
                  </a:cxn>
                  <a:cxn ang="0">
                    <a:pos x="6" y="39"/>
                  </a:cxn>
                  <a:cxn ang="0">
                    <a:pos x="3" y="35"/>
                  </a:cxn>
                  <a:cxn ang="0">
                    <a:pos x="1" y="30"/>
                  </a:cxn>
                  <a:cxn ang="0">
                    <a:pos x="0" y="24"/>
                  </a:cxn>
                  <a:cxn ang="0">
                    <a:pos x="0" y="18"/>
                  </a:cxn>
                  <a:cxn ang="0">
                    <a:pos x="1" y="10"/>
                  </a:cxn>
                  <a:cxn ang="0">
                    <a:pos x="4" y="6"/>
                  </a:cxn>
                  <a:cxn ang="0">
                    <a:pos x="5" y="4"/>
                  </a:cxn>
                  <a:cxn ang="0">
                    <a:pos x="9" y="2"/>
                  </a:cxn>
                  <a:cxn ang="0">
                    <a:pos x="12" y="2"/>
                  </a:cxn>
                  <a:cxn ang="0">
                    <a:pos x="19" y="2"/>
                  </a:cxn>
                  <a:cxn ang="0">
                    <a:pos x="26" y="1"/>
                  </a:cxn>
                  <a:cxn ang="0">
                    <a:pos x="31" y="0"/>
                  </a:cxn>
                  <a:cxn ang="0">
                    <a:pos x="39" y="0"/>
                  </a:cxn>
                  <a:cxn ang="0">
                    <a:pos x="45" y="0"/>
                  </a:cxn>
                  <a:cxn ang="0">
                    <a:pos x="50" y="1"/>
                  </a:cxn>
                  <a:cxn ang="0">
                    <a:pos x="57" y="11"/>
                  </a:cxn>
                  <a:cxn ang="0">
                    <a:pos x="63" y="22"/>
                  </a:cxn>
                  <a:cxn ang="0">
                    <a:pos x="57" y="26"/>
                  </a:cxn>
                  <a:cxn ang="0">
                    <a:pos x="49" y="28"/>
                  </a:cxn>
                  <a:cxn ang="0">
                    <a:pos x="43" y="30"/>
                  </a:cxn>
                  <a:cxn ang="0">
                    <a:pos x="36" y="32"/>
                  </a:cxn>
                  <a:cxn ang="0">
                    <a:pos x="28" y="32"/>
                  </a:cxn>
                  <a:cxn ang="0">
                    <a:pos x="21" y="32"/>
                  </a:cxn>
                  <a:cxn ang="0">
                    <a:pos x="9" y="41"/>
                  </a:cxn>
                </a:cxnLst>
                <a:rect l="0" t="0" r="r" b="b"/>
                <a:pathLst>
                  <a:path w="63" h="41">
                    <a:moveTo>
                      <a:pt x="9" y="41"/>
                    </a:moveTo>
                    <a:lnTo>
                      <a:pt x="6" y="39"/>
                    </a:lnTo>
                    <a:lnTo>
                      <a:pt x="3" y="35"/>
                    </a:lnTo>
                    <a:lnTo>
                      <a:pt x="1" y="30"/>
                    </a:lnTo>
                    <a:lnTo>
                      <a:pt x="0" y="24"/>
                    </a:lnTo>
                    <a:lnTo>
                      <a:pt x="0" y="18"/>
                    </a:lnTo>
                    <a:lnTo>
                      <a:pt x="1" y="10"/>
                    </a:lnTo>
                    <a:lnTo>
                      <a:pt x="4" y="6"/>
                    </a:lnTo>
                    <a:lnTo>
                      <a:pt x="5" y="4"/>
                    </a:lnTo>
                    <a:lnTo>
                      <a:pt x="9" y="2"/>
                    </a:lnTo>
                    <a:lnTo>
                      <a:pt x="12" y="2"/>
                    </a:lnTo>
                    <a:lnTo>
                      <a:pt x="19" y="2"/>
                    </a:lnTo>
                    <a:lnTo>
                      <a:pt x="26" y="1"/>
                    </a:lnTo>
                    <a:lnTo>
                      <a:pt x="31" y="0"/>
                    </a:lnTo>
                    <a:lnTo>
                      <a:pt x="39" y="0"/>
                    </a:lnTo>
                    <a:lnTo>
                      <a:pt x="45" y="0"/>
                    </a:lnTo>
                    <a:lnTo>
                      <a:pt x="50" y="1"/>
                    </a:lnTo>
                    <a:lnTo>
                      <a:pt x="57" y="11"/>
                    </a:lnTo>
                    <a:lnTo>
                      <a:pt x="63" y="22"/>
                    </a:lnTo>
                    <a:lnTo>
                      <a:pt x="57" y="26"/>
                    </a:lnTo>
                    <a:lnTo>
                      <a:pt x="49" y="28"/>
                    </a:lnTo>
                    <a:lnTo>
                      <a:pt x="43" y="30"/>
                    </a:lnTo>
                    <a:lnTo>
                      <a:pt x="36" y="32"/>
                    </a:lnTo>
                    <a:lnTo>
                      <a:pt x="28" y="32"/>
                    </a:lnTo>
                    <a:lnTo>
                      <a:pt x="21" y="32"/>
                    </a:lnTo>
                    <a:lnTo>
                      <a:pt x="9" y="4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1" name="Freeform 95">
                <a:extLst>
                  <a:ext uri="{FF2B5EF4-FFF2-40B4-BE49-F238E27FC236}">
                    <a16:creationId xmlns:a16="http://schemas.microsoft.com/office/drawing/2014/main" id="{64CAF4AE-0926-BA48-9751-816C25162F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55537" y="6141567"/>
                <a:ext cx="51007" cy="54189"/>
              </a:xfrm>
              <a:custGeom>
                <a:avLst/>
                <a:gdLst/>
                <a:ahLst/>
                <a:cxnLst>
                  <a:cxn ang="0">
                    <a:pos x="87" y="80"/>
                  </a:cxn>
                  <a:cxn ang="0">
                    <a:pos x="74" y="62"/>
                  </a:cxn>
                  <a:cxn ang="0">
                    <a:pos x="68" y="59"/>
                  </a:cxn>
                  <a:cxn ang="0">
                    <a:pos x="63" y="64"/>
                  </a:cxn>
                  <a:cxn ang="0">
                    <a:pos x="60" y="80"/>
                  </a:cxn>
                  <a:cxn ang="0">
                    <a:pos x="61" y="101"/>
                  </a:cxn>
                  <a:cxn ang="0">
                    <a:pos x="57" y="111"/>
                  </a:cxn>
                  <a:cxn ang="0">
                    <a:pos x="47" y="117"/>
                  </a:cxn>
                  <a:cxn ang="0">
                    <a:pos x="37" y="116"/>
                  </a:cxn>
                  <a:cxn ang="0">
                    <a:pos x="26" y="110"/>
                  </a:cxn>
                  <a:cxn ang="0">
                    <a:pos x="20" y="101"/>
                  </a:cxn>
                  <a:cxn ang="0">
                    <a:pos x="19" y="85"/>
                  </a:cxn>
                  <a:cxn ang="0">
                    <a:pos x="16" y="71"/>
                  </a:cxn>
                  <a:cxn ang="0">
                    <a:pos x="7" y="53"/>
                  </a:cxn>
                  <a:cxn ang="0">
                    <a:pos x="0" y="35"/>
                  </a:cxn>
                  <a:cxn ang="0">
                    <a:pos x="0" y="25"/>
                  </a:cxn>
                  <a:cxn ang="0">
                    <a:pos x="7" y="20"/>
                  </a:cxn>
                  <a:cxn ang="0">
                    <a:pos x="16" y="20"/>
                  </a:cxn>
                  <a:cxn ang="0">
                    <a:pos x="30" y="24"/>
                  </a:cxn>
                  <a:cxn ang="0">
                    <a:pos x="48" y="29"/>
                  </a:cxn>
                  <a:cxn ang="0">
                    <a:pos x="64" y="27"/>
                  </a:cxn>
                  <a:cxn ang="0">
                    <a:pos x="83" y="14"/>
                  </a:cxn>
                  <a:cxn ang="0">
                    <a:pos x="103" y="2"/>
                  </a:cxn>
                  <a:cxn ang="0">
                    <a:pos x="110" y="0"/>
                  </a:cxn>
                  <a:cxn ang="0">
                    <a:pos x="114" y="2"/>
                  </a:cxn>
                  <a:cxn ang="0">
                    <a:pos x="116" y="9"/>
                  </a:cxn>
                  <a:cxn ang="0">
                    <a:pos x="110" y="22"/>
                  </a:cxn>
                  <a:cxn ang="0">
                    <a:pos x="105" y="36"/>
                  </a:cxn>
                  <a:cxn ang="0">
                    <a:pos x="108" y="63"/>
                  </a:cxn>
                  <a:cxn ang="0">
                    <a:pos x="113" y="85"/>
                  </a:cxn>
                  <a:cxn ang="0">
                    <a:pos x="113" y="93"/>
                  </a:cxn>
                  <a:cxn ang="0">
                    <a:pos x="109" y="99"/>
                  </a:cxn>
                  <a:cxn ang="0">
                    <a:pos x="101" y="102"/>
                  </a:cxn>
                  <a:cxn ang="0">
                    <a:pos x="92" y="92"/>
                  </a:cxn>
                </a:cxnLst>
                <a:rect l="0" t="0" r="r" b="b"/>
                <a:pathLst>
                  <a:path w="116" h="117">
                    <a:moveTo>
                      <a:pt x="92" y="92"/>
                    </a:moveTo>
                    <a:lnTo>
                      <a:pt x="87" y="80"/>
                    </a:lnTo>
                    <a:lnTo>
                      <a:pt x="79" y="66"/>
                    </a:lnTo>
                    <a:lnTo>
                      <a:pt x="74" y="62"/>
                    </a:lnTo>
                    <a:lnTo>
                      <a:pt x="69" y="59"/>
                    </a:lnTo>
                    <a:lnTo>
                      <a:pt x="68" y="59"/>
                    </a:lnTo>
                    <a:lnTo>
                      <a:pt x="65" y="62"/>
                    </a:lnTo>
                    <a:lnTo>
                      <a:pt x="63" y="64"/>
                    </a:lnTo>
                    <a:lnTo>
                      <a:pt x="61" y="68"/>
                    </a:lnTo>
                    <a:lnTo>
                      <a:pt x="60" y="80"/>
                    </a:lnTo>
                    <a:lnTo>
                      <a:pt x="61" y="94"/>
                    </a:lnTo>
                    <a:lnTo>
                      <a:pt x="61" y="101"/>
                    </a:lnTo>
                    <a:lnTo>
                      <a:pt x="60" y="106"/>
                    </a:lnTo>
                    <a:lnTo>
                      <a:pt x="57" y="111"/>
                    </a:lnTo>
                    <a:lnTo>
                      <a:pt x="52" y="116"/>
                    </a:lnTo>
                    <a:lnTo>
                      <a:pt x="47" y="117"/>
                    </a:lnTo>
                    <a:lnTo>
                      <a:pt x="42" y="117"/>
                    </a:lnTo>
                    <a:lnTo>
                      <a:pt x="37" y="116"/>
                    </a:lnTo>
                    <a:lnTo>
                      <a:pt x="31" y="112"/>
                    </a:lnTo>
                    <a:lnTo>
                      <a:pt x="26" y="110"/>
                    </a:lnTo>
                    <a:lnTo>
                      <a:pt x="22" y="104"/>
                    </a:lnTo>
                    <a:lnTo>
                      <a:pt x="20" y="101"/>
                    </a:lnTo>
                    <a:lnTo>
                      <a:pt x="19" y="95"/>
                    </a:lnTo>
                    <a:lnTo>
                      <a:pt x="19" y="85"/>
                    </a:lnTo>
                    <a:lnTo>
                      <a:pt x="19" y="77"/>
                    </a:lnTo>
                    <a:lnTo>
                      <a:pt x="16" y="71"/>
                    </a:lnTo>
                    <a:lnTo>
                      <a:pt x="12" y="62"/>
                    </a:lnTo>
                    <a:lnTo>
                      <a:pt x="7" y="53"/>
                    </a:lnTo>
                    <a:lnTo>
                      <a:pt x="2" y="41"/>
                    </a:lnTo>
                    <a:lnTo>
                      <a:pt x="0" y="35"/>
                    </a:lnTo>
                    <a:lnTo>
                      <a:pt x="0" y="29"/>
                    </a:lnTo>
                    <a:lnTo>
                      <a:pt x="0" y="25"/>
                    </a:lnTo>
                    <a:lnTo>
                      <a:pt x="3" y="22"/>
                    </a:lnTo>
                    <a:lnTo>
                      <a:pt x="7" y="20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21" y="22"/>
                    </a:lnTo>
                    <a:lnTo>
                      <a:pt x="30" y="24"/>
                    </a:lnTo>
                    <a:lnTo>
                      <a:pt x="38" y="27"/>
                    </a:lnTo>
                    <a:lnTo>
                      <a:pt x="48" y="29"/>
                    </a:lnTo>
                    <a:lnTo>
                      <a:pt x="56" y="28"/>
                    </a:lnTo>
                    <a:lnTo>
                      <a:pt x="64" y="27"/>
                    </a:lnTo>
                    <a:lnTo>
                      <a:pt x="70" y="23"/>
                    </a:lnTo>
                    <a:lnTo>
                      <a:pt x="83" y="14"/>
                    </a:lnTo>
                    <a:lnTo>
                      <a:pt x="99" y="3"/>
                    </a:lnTo>
                    <a:lnTo>
                      <a:pt x="103" y="2"/>
                    </a:lnTo>
                    <a:lnTo>
                      <a:pt x="107" y="1"/>
                    </a:lnTo>
                    <a:lnTo>
                      <a:pt x="110" y="0"/>
                    </a:lnTo>
                    <a:lnTo>
                      <a:pt x="113" y="1"/>
                    </a:lnTo>
                    <a:lnTo>
                      <a:pt x="114" y="2"/>
                    </a:lnTo>
                    <a:lnTo>
                      <a:pt x="116" y="5"/>
                    </a:lnTo>
                    <a:lnTo>
                      <a:pt x="116" y="9"/>
                    </a:lnTo>
                    <a:lnTo>
                      <a:pt x="114" y="14"/>
                    </a:lnTo>
                    <a:lnTo>
                      <a:pt x="110" y="22"/>
                    </a:lnTo>
                    <a:lnTo>
                      <a:pt x="108" y="28"/>
                    </a:lnTo>
                    <a:lnTo>
                      <a:pt x="105" y="36"/>
                    </a:lnTo>
                    <a:lnTo>
                      <a:pt x="105" y="44"/>
                    </a:lnTo>
                    <a:lnTo>
                      <a:pt x="108" y="63"/>
                    </a:lnTo>
                    <a:lnTo>
                      <a:pt x="113" y="81"/>
                    </a:lnTo>
                    <a:lnTo>
                      <a:pt x="113" y="85"/>
                    </a:lnTo>
                    <a:lnTo>
                      <a:pt x="113" y="89"/>
                    </a:lnTo>
                    <a:lnTo>
                      <a:pt x="113" y="93"/>
                    </a:lnTo>
                    <a:lnTo>
                      <a:pt x="112" y="97"/>
                    </a:lnTo>
                    <a:lnTo>
                      <a:pt x="109" y="99"/>
                    </a:lnTo>
                    <a:lnTo>
                      <a:pt x="107" y="101"/>
                    </a:lnTo>
                    <a:lnTo>
                      <a:pt x="101" y="102"/>
                    </a:lnTo>
                    <a:lnTo>
                      <a:pt x="96" y="101"/>
                    </a:lnTo>
                    <a:lnTo>
                      <a:pt x="92" y="92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2" name="Freeform 98">
                <a:extLst>
                  <a:ext uri="{FF2B5EF4-FFF2-40B4-BE49-F238E27FC236}">
                    <a16:creationId xmlns:a16="http://schemas.microsoft.com/office/drawing/2014/main" id="{B53A551E-7547-884C-ACB8-4F41C6194A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018525" y="6374580"/>
                <a:ext cx="284184" cy="214951"/>
              </a:xfrm>
              <a:custGeom>
                <a:avLst/>
                <a:gdLst/>
                <a:ahLst/>
                <a:cxnLst>
                  <a:cxn ang="0">
                    <a:pos x="514" y="338"/>
                  </a:cxn>
                  <a:cxn ang="0">
                    <a:pos x="492" y="307"/>
                  </a:cxn>
                  <a:cxn ang="0">
                    <a:pos x="476" y="271"/>
                  </a:cxn>
                  <a:cxn ang="0">
                    <a:pos x="461" y="240"/>
                  </a:cxn>
                  <a:cxn ang="0">
                    <a:pos x="440" y="213"/>
                  </a:cxn>
                  <a:cxn ang="0">
                    <a:pos x="425" y="188"/>
                  </a:cxn>
                  <a:cxn ang="0">
                    <a:pos x="406" y="178"/>
                  </a:cxn>
                  <a:cxn ang="0">
                    <a:pos x="362" y="172"/>
                  </a:cxn>
                  <a:cxn ang="0">
                    <a:pos x="325" y="175"/>
                  </a:cxn>
                  <a:cxn ang="0">
                    <a:pos x="313" y="171"/>
                  </a:cxn>
                  <a:cxn ang="0">
                    <a:pos x="296" y="148"/>
                  </a:cxn>
                  <a:cxn ang="0">
                    <a:pos x="285" y="137"/>
                  </a:cxn>
                  <a:cxn ang="0">
                    <a:pos x="247" y="123"/>
                  </a:cxn>
                  <a:cxn ang="0">
                    <a:pos x="212" y="100"/>
                  </a:cxn>
                  <a:cxn ang="0">
                    <a:pos x="184" y="65"/>
                  </a:cxn>
                  <a:cxn ang="0">
                    <a:pos x="165" y="17"/>
                  </a:cxn>
                  <a:cxn ang="0">
                    <a:pos x="143" y="0"/>
                  </a:cxn>
                  <a:cxn ang="0">
                    <a:pos x="111" y="16"/>
                  </a:cxn>
                  <a:cxn ang="0">
                    <a:pos x="64" y="60"/>
                  </a:cxn>
                  <a:cxn ang="0">
                    <a:pos x="44" y="75"/>
                  </a:cxn>
                  <a:cxn ang="0">
                    <a:pos x="15" y="86"/>
                  </a:cxn>
                  <a:cxn ang="0">
                    <a:pos x="1" y="92"/>
                  </a:cxn>
                  <a:cxn ang="0">
                    <a:pos x="10" y="100"/>
                  </a:cxn>
                  <a:cxn ang="0">
                    <a:pos x="50" y="97"/>
                  </a:cxn>
                  <a:cxn ang="0">
                    <a:pos x="97" y="100"/>
                  </a:cxn>
                  <a:cxn ang="0">
                    <a:pos x="120" y="108"/>
                  </a:cxn>
                  <a:cxn ang="0">
                    <a:pos x="194" y="163"/>
                  </a:cxn>
                  <a:cxn ang="0">
                    <a:pos x="242" y="194"/>
                  </a:cxn>
                  <a:cxn ang="0">
                    <a:pos x="257" y="200"/>
                  </a:cxn>
                  <a:cxn ang="0">
                    <a:pos x="273" y="200"/>
                  </a:cxn>
                  <a:cxn ang="0">
                    <a:pos x="279" y="206"/>
                  </a:cxn>
                  <a:cxn ang="0">
                    <a:pos x="283" y="229"/>
                  </a:cxn>
                  <a:cxn ang="0">
                    <a:pos x="295" y="263"/>
                  </a:cxn>
                  <a:cxn ang="0">
                    <a:pos x="318" y="275"/>
                  </a:cxn>
                  <a:cxn ang="0">
                    <a:pos x="346" y="275"/>
                  </a:cxn>
                  <a:cxn ang="0">
                    <a:pos x="392" y="272"/>
                  </a:cxn>
                  <a:cxn ang="0">
                    <a:pos x="412" y="283"/>
                  </a:cxn>
                  <a:cxn ang="0">
                    <a:pos x="425" y="307"/>
                  </a:cxn>
                  <a:cxn ang="0">
                    <a:pos x="439" y="321"/>
                  </a:cxn>
                  <a:cxn ang="0">
                    <a:pos x="457" y="337"/>
                  </a:cxn>
                  <a:cxn ang="0">
                    <a:pos x="479" y="368"/>
                  </a:cxn>
                  <a:cxn ang="0">
                    <a:pos x="505" y="411"/>
                  </a:cxn>
                  <a:cxn ang="0">
                    <a:pos x="523" y="452"/>
                  </a:cxn>
                  <a:cxn ang="0">
                    <a:pos x="553" y="468"/>
                  </a:cxn>
                  <a:cxn ang="0">
                    <a:pos x="601" y="453"/>
                  </a:cxn>
                  <a:cxn ang="0">
                    <a:pos x="616" y="446"/>
                  </a:cxn>
                  <a:cxn ang="0">
                    <a:pos x="620" y="435"/>
                  </a:cxn>
                  <a:cxn ang="0">
                    <a:pos x="625" y="384"/>
                  </a:cxn>
                  <a:cxn ang="0">
                    <a:pos x="612" y="367"/>
                  </a:cxn>
                  <a:cxn ang="0">
                    <a:pos x="584" y="371"/>
                  </a:cxn>
                  <a:cxn ang="0">
                    <a:pos x="546" y="367"/>
                  </a:cxn>
                </a:cxnLst>
                <a:rect l="0" t="0" r="r" b="b"/>
                <a:pathLst>
                  <a:path w="625" h="476">
                    <a:moveTo>
                      <a:pt x="532" y="358"/>
                    </a:moveTo>
                    <a:lnTo>
                      <a:pt x="522" y="349"/>
                    </a:lnTo>
                    <a:lnTo>
                      <a:pt x="514" y="338"/>
                    </a:lnTo>
                    <a:lnTo>
                      <a:pt x="505" y="328"/>
                    </a:lnTo>
                    <a:lnTo>
                      <a:pt x="498" y="317"/>
                    </a:lnTo>
                    <a:lnTo>
                      <a:pt x="492" y="307"/>
                    </a:lnTo>
                    <a:lnTo>
                      <a:pt x="485" y="295"/>
                    </a:lnTo>
                    <a:lnTo>
                      <a:pt x="480" y="284"/>
                    </a:lnTo>
                    <a:lnTo>
                      <a:pt x="476" y="271"/>
                    </a:lnTo>
                    <a:lnTo>
                      <a:pt x="473" y="259"/>
                    </a:lnTo>
                    <a:lnTo>
                      <a:pt x="467" y="249"/>
                    </a:lnTo>
                    <a:lnTo>
                      <a:pt x="461" y="240"/>
                    </a:lnTo>
                    <a:lnTo>
                      <a:pt x="454" y="231"/>
                    </a:lnTo>
                    <a:lnTo>
                      <a:pt x="447" y="222"/>
                    </a:lnTo>
                    <a:lnTo>
                      <a:pt x="440" y="213"/>
                    </a:lnTo>
                    <a:lnTo>
                      <a:pt x="434" y="203"/>
                    </a:lnTo>
                    <a:lnTo>
                      <a:pt x="428" y="193"/>
                    </a:lnTo>
                    <a:lnTo>
                      <a:pt x="425" y="188"/>
                    </a:lnTo>
                    <a:lnTo>
                      <a:pt x="419" y="184"/>
                    </a:lnTo>
                    <a:lnTo>
                      <a:pt x="414" y="180"/>
                    </a:lnTo>
                    <a:lnTo>
                      <a:pt x="406" y="178"/>
                    </a:lnTo>
                    <a:lnTo>
                      <a:pt x="392" y="172"/>
                    </a:lnTo>
                    <a:lnTo>
                      <a:pt x="378" y="170"/>
                    </a:lnTo>
                    <a:lnTo>
                      <a:pt x="362" y="172"/>
                    </a:lnTo>
                    <a:lnTo>
                      <a:pt x="343" y="175"/>
                    </a:lnTo>
                    <a:lnTo>
                      <a:pt x="334" y="176"/>
                    </a:lnTo>
                    <a:lnTo>
                      <a:pt x="325" y="175"/>
                    </a:lnTo>
                    <a:lnTo>
                      <a:pt x="320" y="175"/>
                    </a:lnTo>
                    <a:lnTo>
                      <a:pt x="316" y="172"/>
                    </a:lnTo>
                    <a:lnTo>
                      <a:pt x="313" y="171"/>
                    </a:lnTo>
                    <a:lnTo>
                      <a:pt x="309" y="169"/>
                    </a:lnTo>
                    <a:lnTo>
                      <a:pt x="301" y="157"/>
                    </a:lnTo>
                    <a:lnTo>
                      <a:pt x="296" y="148"/>
                    </a:lnTo>
                    <a:lnTo>
                      <a:pt x="294" y="144"/>
                    </a:lnTo>
                    <a:lnTo>
                      <a:pt x="290" y="140"/>
                    </a:lnTo>
                    <a:lnTo>
                      <a:pt x="285" y="137"/>
                    </a:lnTo>
                    <a:lnTo>
                      <a:pt x="277" y="134"/>
                    </a:lnTo>
                    <a:lnTo>
                      <a:pt x="261" y="128"/>
                    </a:lnTo>
                    <a:lnTo>
                      <a:pt x="247" y="123"/>
                    </a:lnTo>
                    <a:lnTo>
                      <a:pt x="234" y="117"/>
                    </a:lnTo>
                    <a:lnTo>
                      <a:pt x="222" y="109"/>
                    </a:lnTo>
                    <a:lnTo>
                      <a:pt x="212" y="100"/>
                    </a:lnTo>
                    <a:lnTo>
                      <a:pt x="202" y="91"/>
                    </a:lnTo>
                    <a:lnTo>
                      <a:pt x="193" y="79"/>
                    </a:lnTo>
                    <a:lnTo>
                      <a:pt x="184" y="65"/>
                    </a:lnTo>
                    <a:lnTo>
                      <a:pt x="176" y="49"/>
                    </a:lnTo>
                    <a:lnTo>
                      <a:pt x="171" y="32"/>
                    </a:lnTo>
                    <a:lnTo>
                      <a:pt x="165" y="17"/>
                    </a:lnTo>
                    <a:lnTo>
                      <a:pt x="158" y="1"/>
                    </a:lnTo>
                    <a:lnTo>
                      <a:pt x="151" y="0"/>
                    </a:lnTo>
                    <a:lnTo>
                      <a:pt x="143" y="0"/>
                    </a:lnTo>
                    <a:lnTo>
                      <a:pt x="134" y="1"/>
                    </a:lnTo>
                    <a:lnTo>
                      <a:pt x="127" y="5"/>
                    </a:lnTo>
                    <a:lnTo>
                      <a:pt x="111" y="16"/>
                    </a:lnTo>
                    <a:lnTo>
                      <a:pt x="96" y="30"/>
                    </a:lnTo>
                    <a:lnTo>
                      <a:pt x="80" y="44"/>
                    </a:lnTo>
                    <a:lnTo>
                      <a:pt x="64" y="60"/>
                    </a:lnTo>
                    <a:lnTo>
                      <a:pt x="58" y="66"/>
                    </a:lnTo>
                    <a:lnTo>
                      <a:pt x="50" y="71"/>
                    </a:lnTo>
                    <a:lnTo>
                      <a:pt x="44" y="75"/>
                    </a:lnTo>
                    <a:lnTo>
                      <a:pt x="37" y="79"/>
                    </a:lnTo>
                    <a:lnTo>
                      <a:pt x="28" y="82"/>
                    </a:lnTo>
                    <a:lnTo>
                      <a:pt x="15" y="86"/>
                    </a:lnTo>
                    <a:lnTo>
                      <a:pt x="9" y="87"/>
                    </a:lnTo>
                    <a:lnTo>
                      <a:pt x="5" y="89"/>
                    </a:lnTo>
                    <a:lnTo>
                      <a:pt x="1" y="92"/>
                    </a:lnTo>
                    <a:lnTo>
                      <a:pt x="0" y="96"/>
                    </a:lnTo>
                    <a:lnTo>
                      <a:pt x="4" y="99"/>
                    </a:lnTo>
                    <a:lnTo>
                      <a:pt x="10" y="100"/>
                    </a:lnTo>
                    <a:lnTo>
                      <a:pt x="19" y="100"/>
                    </a:lnTo>
                    <a:lnTo>
                      <a:pt x="29" y="100"/>
                    </a:lnTo>
                    <a:lnTo>
                      <a:pt x="50" y="97"/>
                    </a:lnTo>
                    <a:lnTo>
                      <a:pt x="64" y="96"/>
                    </a:lnTo>
                    <a:lnTo>
                      <a:pt x="83" y="99"/>
                    </a:lnTo>
                    <a:lnTo>
                      <a:pt x="97" y="100"/>
                    </a:lnTo>
                    <a:lnTo>
                      <a:pt x="105" y="102"/>
                    </a:lnTo>
                    <a:lnTo>
                      <a:pt x="112" y="105"/>
                    </a:lnTo>
                    <a:lnTo>
                      <a:pt x="120" y="108"/>
                    </a:lnTo>
                    <a:lnTo>
                      <a:pt x="128" y="113"/>
                    </a:lnTo>
                    <a:lnTo>
                      <a:pt x="154" y="132"/>
                    </a:lnTo>
                    <a:lnTo>
                      <a:pt x="194" y="163"/>
                    </a:lnTo>
                    <a:lnTo>
                      <a:pt x="215" y="178"/>
                    </a:lnTo>
                    <a:lnTo>
                      <a:pt x="234" y="191"/>
                    </a:lnTo>
                    <a:lnTo>
                      <a:pt x="242" y="194"/>
                    </a:lnTo>
                    <a:lnTo>
                      <a:pt x="248" y="198"/>
                    </a:lnTo>
                    <a:lnTo>
                      <a:pt x="254" y="200"/>
                    </a:lnTo>
                    <a:lnTo>
                      <a:pt x="257" y="200"/>
                    </a:lnTo>
                    <a:lnTo>
                      <a:pt x="264" y="198"/>
                    </a:lnTo>
                    <a:lnTo>
                      <a:pt x="269" y="200"/>
                    </a:lnTo>
                    <a:lnTo>
                      <a:pt x="273" y="200"/>
                    </a:lnTo>
                    <a:lnTo>
                      <a:pt x="276" y="202"/>
                    </a:lnTo>
                    <a:lnTo>
                      <a:pt x="278" y="203"/>
                    </a:lnTo>
                    <a:lnTo>
                      <a:pt x="279" y="206"/>
                    </a:lnTo>
                    <a:lnTo>
                      <a:pt x="281" y="210"/>
                    </a:lnTo>
                    <a:lnTo>
                      <a:pt x="282" y="213"/>
                    </a:lnTo>
                    <a:lnTo>
                      <a:pt x="283" y="229"/>
                    </a:lnTo>
                    <a:lnTo>
                      <a:pt x="286" y="246"/>
                    </a:lnTo>
                    <a:lnTo>
                      <a:pt x="290" y="257"/>
                    </a:lnTo>
                    <a:lnTo>
                      <a:pt x="295" y="263"/>
                    </a:lnTo>
                    <a:lnTo>
                      <a:pt x="303" y="268"/>
                    </a:lnTo>
                    <a:lnTo>
                      <a:pt x="309" y="272"/>
                    </a:lnTo>
                    <a:lnTo>
                      <a:pt x="318" y="275"/>
                    </a:lnTo>
                    <a:lnTo>
                      <a:pt x="327" y="275"/>
                    </a:lnTo>
                    <a:lnTo>
                      <a:pt x="336" y="275"/>
                    </a:lnTo>
                    <a:lnTo>
                      <a:pt x="346" y="275"/>
                    </a:lnTo>
                    <a:lnTo>
                      <a:pt x="365" y="273"/>
                    </a:lnTo>
                    <a:lnTo>
                      <a:pt x="383" y="272"/>
                    </a:lnTo>
                    <a:lnTo>
                      <a:pt x="392" y="272"/>
                    </a:lnTo>
                    <a:lnTo>
                      <a:pt x="400" y="275"/>
                    </a:lnTo>
                    <a:lnTo>
                      <a:pt x="406" y="277"/>
                    </a:lnTo>
                    <a:lnTo>
                      <a:pt x="412" y="283"/>
                    </a:lnTo>
                    <a:lnTo>
                      <a:pt x="418" y="293"/>
                    </a:lnTo>
                    <a:lnTo>
                      <a:pt x="422" y="302"/>
                    </a:lnTo>
                    <a:lnTo>
                      <a:pt x="425" y="307"/>
                    </a:lnTo>
                    <a:lnTo>
                      <a:pt x="428" y="311"/>
                    </a:lnTo>
                    <a:lnTo>
                      <a:pt x="432" y="316"/>
                    </a:lnTo>
                    <a:lnTo>
                      <a:pt x="439" y="321"/>
                    </a:lnTo>
                    <a:lnTo>
                      <a:pt x="447" y="327"/>
                    </a:lnTo>
                    <a:lnTo>
                      <a:pt x="453" y="332"/>
                    </a:lnTo>
                    <a:lnTo>
                      <a:pt x="457" y="337"/>
                    </a:lnTo>
                    <a:lnTo>
                      <a:pt x="462" y="343"/>
                    </a:lnTo>
                    <a:lnTo>
                      <a:pt x="469" y="355"/>
                    </a:lnTo>
                    <a:lnTo>
                      <a:pt x="479" y="368"/>
                    </a:lnTo>
                    <a:lnTo>
                      <a:pt x="491" y="382"/>
                    </a:lnTo>
                    <a:lnTo>
                      <a:pt x="498" y="395"/>
                    </a:lnTo>
                    <a:lnTo>
                      <a:pt x="505" y="411"/>
                    </a:lnTo>
                    <a:lnTo>
                      <a:pt x="511" y="426"/>
                    </a:lnTo>
                    <a:lnTo>
                      <a:pt x="517" y="438"/>
                    </a:lnTo>
                    <a:lnTo>
                      <a:pt x="523" y="452"/>
                    </a:lnTo>
                    <a:lnTo>
                      <a:pt x="531" y="465"/>
                    </a:lnTo>
                    <a:lnTo>
                      <a:pt x="539" y="476"/>
                    </a:lnTo>
                    <a:lnTo>
                      <a:pt x="553" y="468"/>
                    </a:lnTo>
                    <a:lnTo>
                      <a:pt x="570" y="457"/>
                    </a:lnTo>
                    <a:lnTo>
                      <a:pt x="584" y="455"/>
                    </a:lnTo>
                    <a:lnTo>
                      <a:pt x="601" y="453"/>
                    </a:lnTo>
                    <a:lnTo>
                      <a:pt x="607" y="451"/>
                    </a:lnTo>
                    <a:lnTo>
                      <a:pt x="614" y="448"/>
                    </a:lnTo>
                    <a:lnTo>
                      <a:pt x="616" y="446"/>
                    </a:lnTo>
                    <a:lnTo>
                      <a:pt x="619" y="443"/>
                    </a:lnTo>
                    <a:lnTo>
                      <a:pt x="620" y="439"/>
                    </a:lnTo>
                    <a:lnTo>
                      <a:pt x="620" y="435"/>
                    </a:lnTo>
                    <a:lnTo>
                      <a:pt x="621" y="417"/>
                    </a:lnTo>
                    <a:lnTo>
                      <a:pt x="623" y="399"/>
                    </a:lnTo>
                    <a:lnTo>
                      <a:pt x="625" y="384"/>
                    </a:lnTo>
                    <a:lnTo>
                      <a:pt x="625" y="368"/>
                    </a:lnTo>
                    <a:lnTo>
                      <a:pt x="620" y="367"/>
                    </a:lnTo>
                    <a:lnTo>
                      <a:pt x="612" y="367"/>
                    </a:lnTo>
                    <a:lnTo>
                      <a:pt x="603" y="369"/>
                    </a:lnTo>
                    <a:lnTo>
                      <a:pt x="597" y="371"/>
                    </a:lnTo>
                    <a:lnTo>
                      <a:pt x="584" y="371"/>
                    </a:lnTo>
                    <a:lnTo>
                      <a:pt x="572" y="371"/>
                    </a:lnTo>
                    <a:lnTo>
                      <a:pt x="559" y="369"/>
                    </a:lnTo>
                    <a:lnTo>
                      <a:pt x="546" y="367"/>
                    </a:lnTo>
                    <a:lnTo>
                      <a:pt x="532" y="35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3" name="Freeform 99">
                <a:extLst>
                  <a:ext uri="{FF2B5EF4-FFF2-40B4-BE49-F238E27FC236}">
                    <a16:creationId xmlns:a16="http://schemas.microsoft.com/office/drawing/2014/main" id="{9F9F1194-394A-1049-9FF3-271AF3B756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19103" y="6584111"/>
                <a:ext cx="41899" cy="34320"/>
              </a:xfrm>
              <a:custGeom>
                <a:avLst/>
                <a:gdLst/>
                <a:ahLst/>
                <a:cxnLst>
                  <a:cxn ang="0">
                    <a:pos x="89" y="60"/>
                  </a:cxn>
                  <a:cxn ang="0">
                    <a:pos x="84" y="48"/>
                  </a:cxn>
                  <a:cxn ang="0">
                    <a:pos x="79" y="37"/>
                  </a:cxn>
                  <a:cxn ang="0">
                    <a:pos x="71" y="26"/>
                  </a:cxn>
                  <a:cxn ang="0">
                    <a:pos x="63" y="16"/>
                  </a:cxn>
                  <a:cxn ang="0">
                    <a:pos x="53" y="9"/>
                  </a:cxn>
                  <a:cxn ang="0">
                    <a:pos x="41" y="4"/>
                  </a:cxn>
                  <a:cxn ang="0">
                    <a:pos x="36" y="2"/>
                  </a:cxn>
                  <a:cxn ang="0">
                    <a:pos x="30" y="0"/>
                  </a:cxn>
                  <a:cxn ang="0">
                    <a:pos x="22" y="0"/>
                  </a:cxn>
                  <a:cxn ang="0">
                    <a:pos x="15" y="0"/>
                  </a:cxn>
                  <a:cxn ang="0">
                    <a:pos x="12" y="2"/>
                  </a:cxn>
                  <a:cxn ang="0">
                    <a:pos x="8" y="3"/>
                  </a:cxn>
                  <a:cxn ang="0">
                    <a:pos x="4" y="4"/>
                  </a:cxn>
                  <a:cxn ang="0">
                    <a:pos x="3" y="7"/>
                  </a:cxn>
                  <a:cxn ang="0">
                    <a:pos x="1" y="9"/>
                  </a:cxn>
                  <a:cxn ang="0">
                    <a:pos x="0" y="12"/>
                  </a:cxn>
                  <a:cxn ang="0">
                    <a:pos x="1" y="16"/>
                  </a:cxn>
                  <a:cxn ang="0">
                    <a:pos x="4" y="20"/>
                  </a:cxn>
                  <a:cxn ang="0">
                    <a:pos x="9" y="25"/>
                  </a:cxn>
                  <a:cxn ang="0">
                    <a:pos x="15" y="29"/>
                  </a:cxn>
                  <a:cxn ang="0">
                    <a:pos x="22" y="33"/>
                  </a:cxn>
                  <a:cxn ang="0">
                    <a:pos x="28" y="37"/>
                  </a:cxn>
                  <a:cxn ang="0">
                    <a:pos x="36" y="42"/>
                  </a:cxn>
                  <a:cxn ang="0">
                    <a:pos x="44" y="47"/>
                  </a:cxn>
                  <a:cxn ang="0">
                    <a:pos x="52" y="55"/>
                  </a:cxn>
                  <a:cxn ang="0">
                    <a:pos x="60" y="61"/>
                  </a:cxn>
                  <a:cxn ang="0">
                    <a:pos x="66" y="68"/>
                  </a:cxn>
                  <a:cxn ang="0">
                    <a:pos x="71" y="74"/>
                  </a:cxn>
                  <a:cxn ang="0">
                    <a:pos x="74" y="77"/>
                  </a:cxn>
                  <a:cxn ang="0">
                    <a:pos x="78" y="78"/>
                  </a:cxn>
                  <a:cxn ang="0">
                    <a:pos x="83" y="78"/>
                  </a:cxn>
                  <a:cxn ang="0">
                    <a:pos x="89" y="78"/>
                  </a:cxn>
                  <a:cxn ang="0">
                    <a:pos x="89" y="60"/>
                  </a:cxn>
                </a:cxnLst>
                <a:rect l="0" t="0" r="r" b="b"/>
                <a:pathLst>
                  <a:path w="89" h="78">
                    <a:moveTo>
                      <a:pt x="89" y="60"/>
                    </a:moveTo>
                    <a:lnTo>
                      <a:pt x="84" y="48"/>
                    </a:lnTo>
                    <a:lnTo>
                      <a:pt x="79" y="37"/>
                    </a:lnTo>
                    <a:lnTo>
                      <a:pt x="71" y="26"/>
                    </a:lnTo>
                    <a:lnTo>
                      <a:pt x="63" y="16"/>
                    </a:lnTo>
                    <a:lnTo>
                      <a:pt x="53" y="9"/>
                    </a:lnTo>
                    <a:lnTo>
                      <a:pt x="41" y="4"/>
                    </a:lnTo>
                    <a:lnTo>
                      <a:pt x="36" y="2"/>
                    </a:lnTo>
                    <a:lnTo>
                      <a:pt x="30" y="0"/>
                    </a:lnTo>
                    <a:lnTo>
                      <a:pt x="22" y="0"/>
                    </a:lnTo>
                    <a:lnTo>
                      <a:pt x="15" y="0"/>
                    </a:lnTo>
                    <a:lnTo>
                      <a:pt x="12" y="2"/>
                    </a:lnTo>
                    <a:lnTo>
                      <a:pt x="8" y="3"/>
                    </a:lnTo>
                    <a:lnTo>
                      <a:pt x="4" y="4"/>
                    </a:lnTo>
                    <a:lnTo>
                      <a:pt x="3" y="7"/>
                    </a:lnTo>
                    <a:lnTo>
                      <a:pt x="1" y="9"/>
                    </a:lnTo>
                    <a:lnTo>
                      <a:pt x="0" y="12"/>
                    </a:lnTo>
                    <a:lnTo>
                      <a:pt x="1" y="16"/>
                    </a:lnTo>
                    <a:lnTo>
                      <a:pt x="4" y="20"/>
                    </a:lnTo>
                    <a:lnTo>
                      <a:pt x="9" y="25"/>
                    </a:lnTo>
                    <a:lnTo>
                      <a:pt x="15" y="29"/>
                    </a:lnTo>
                    <a:lnTo>
                      <a:pt x="22" y="33"/>
                    </a:lnTo>
                    <a:lnTo>
                      <a:pt x="28" y="37"/>
                    </a:lnTo>
                    <a:lnTo>
                      <a:pt x="36" y="42"/>
                    </a:lnTo>
                    <a:lnTo>
                      <a:pt x="44" y="47"/>
                    </a:lnTo>
                    <a:lnTo>
                      <a:pt x="52" y="55"/>
                    </a:lnTo>
                    <a:lnTo>
                      <a:pt x="60" y="61"/>
                    </a:lnTo>
                    <a:lnTo>
                      <a:pt x="66" y="68"/>
                    </a:lnTo>
                    <a:lnTo>
                      <a:pt x="71" y="74"/>
                    </a:lnTo>
                    <a:lnTo>
                      <a:pt x="74" y="77"/>
                    </a:lnTo>
                    <a:lnTo>
                      <a:pt x="78" y="78"/>
                    </a:lnTo>
                    <a:lnTo>
                      <a:pt x="83" y="78"/>
                    </a:lnTo>
                    <a:lnTo>
                      <a:pt x="89" y="78"/>
                    </a:lnTo>
                    <a:lnTo>
                      <a:pt x="89" y="6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4" name="Freeform 100">
                <a:extLst>
                  <a:ext uri="{FF2B5EF4-FFF2-40B4-BE49-F238E27FC236}">
                    <a16:creationId xmlns:a16="http://schemas.microsoft.com/office/drawing/2014/main" id="{5973F397-23F5-384B-B558-495AA6721A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375576" y="6634687"/>
                <a:ext cx="36434" cy="25288"/>
              </a:xfrm>
              <a:custGeom>
                <a:avLst/>
                <a:gdLst/>
                <a:ahLst/>
                <a:cxnLst>
                  <a:cxn ang="0">
                    <a:pos x="78" y="15"/>
                  </a:cxn>
                  <a:cxn ang="0">
                    <a:pos x="68" y="12"/>
                  </a:cxn>
                  <a:cxn ang="0">
                    <a:pos x="57" y="7"/>
                  </a:cxn>
                  <a:cxn ang="0">
                    <a:pos x="44" y="5"/>
                  </a:cxn>
                  <a:cxn ang="0">
                    <a:pos x="33" y="3"/>
                  </a:cxn>
                  <a:cxn ang="0">
                    <a:pos x="20" y="2"/>
                  </a:cxn>
                  <a:cxn ang="0">
                    <a:pos x="8" y="0"/>
                  </a:cxn>
                  <a:cxn ang="0">
                    <a:pos x="4" y="2"/>
                  </a:cxn>
                  <a:cxn ang="0">
                    <a:pos x="2" y="3"/>
                  </a:cxn>
                  <a:cxn ang="0">
                    <a:pos x="0" y="5"/>
                  </a:cxn>
                  <a:cxn ang="0">
                    <a:pos x="2" y="8"/>
                  </a:cxn>
                  <a:cxn ang="0">
                    <a:pos x="3" y="12"/>
                  </a:cxn>
                  <a:cxn ang="0">
                    <a:pos x="7" y="15"/>
                  </a:cxn>
                  <a:cxn ang="0">
                    <a:pos x="11" y="17"/>
                  </a:cxn>
                  <a:cxn ang="0">
                    <a:pos x="15" y="18"/>
                  </a:cxn>
                  <a:cxn ang="0">
                    <a:pos x="22" y="21"/>
                  </a:cxn>
                  <a:cxn ang="0">
                    <a:pos x="30" y="24"/>
                  </a:cxn>
                  <a:cxn ang="0">
                    <a:pos x="35" y="26"/>
                  </a:cxn>
                  <a:cxn ang="0">
                    <a:pos x="39" y="29"/>
                  </a:cxn>
                  <a:cxn ang="0">
                    <a:pos x="42" y="33"/>
                  </a:cxn>
                  <a:cxn ang="0">
                    <a:pos x="44" y="38"/>
                  </a:cxn>
                  <a:cxn ang="0">
                    <a:pos x="47" y="42"/>
                  </a:cxn>
                  <a:cxn ang="0">
                    <a:pos x="48" y="46"/>
                  </a:cxn>
                  <a:cxn ang="0">
                    <a:pos x="52" y="49"/>
                  </a:cxn>
                  <a:cxn ang="0">
                    <a:pos x="56" y="53"/>
                  </a:cxn>
                  <a:cxn ang="0">
                    <a:pos x="60" y="56"/>
                  </a:cxn>
                  <a:cxn ang="0">
                    <a:pos x="65" y="56"/>
                  </a:cxn>
                  <a:cxn ang="0">
                    <a:pos x="69" y="55"/>
                  </a:cxn>
                  <a:cxn ang="0">
                    <a:pos x="73" y="52"/>
                  </a:cxn>
                  <a:cxn ang="0">
                    <a:pos x="77" y="48"/>
                  </a:cxn>
                  <a:cxn ang="0">
                    <a:pos x="81" y="42"/>
                  </a:cxn>
                  <a:cxn ang="0">
                    <a:pos x="81" y="38"/>
                  </a:cxn>
                  <a:cxn ang="0">
                    <a:pos x="81" y="34"/>
                  </a:cxn>
                  <a:cxn ang="0">
                    <a:pos x="81" y="31"/>
                  </a:cxn>
                  <a:cxn ang="0">
                    <a:pos x="79" y="29"/>
                  </a:cxn>
                  <a:cxn ang="0">
                    <a:pos x="78" y="15"/>
                  </a:cxn>
                </a:cxnLst>
                <a:rect l="0" t="0" r="r" b="b"/>
                <a:pathLst>
                  <a:path w="81" h="56">
                    <a:moveTo>
                      <a:pt x="78" y="15"/>
                    </a:moveTo>
                    <a:lnTo>
                      <a:pt x="68" y="12"/>
                    </a:lnTo>
                    <a:lnTo>
                      <a:pt x="57" y="7"/>
                    </a:lnTo>
                    <a:lnTo>
                      <a:pt x="44" y="5"/>
                    </a:lnTo>
                    <a:lnTo>
                      <a:pt x="33" y="3"/>
                    </a:lnTo>
                    <a:lnTo>
                      <a:pt x="20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2" y="8"/>
                    </a:lnTo>
                    <a:lnTo>
                      <a:pt x="3" y="12"/>
                    </a:lnTo>
                    <a:lnTo>
                      <a:pt x="7" y="15"/>
                    </a:lnTo>
                    <a:lnTo>
                      <a:pt x="11" y="17"/>
                    </a:lnTo>
                    <a:lnTo>
                      <a:pt x="15" y="18"/>
                    </a:lnTo>
                    <a:lnTo>
                      <a:pt x="22" y="21"/>
                    </a:lnTo>
                    <a:lnTo>
                      <a:pt x="30" y="24"/>
                    </a:lnTo>
                    <a:lnTo>
                      <a:pt x="35" y="26"/>
                    </a:lnTo>
                    <a:lnTo>
                      <a:pt x="39" y="29"/>
                    </a:lnTo>
                    <a:lnTo>
                      <a:pt x="42" y="33"/>
                    </a:lnTo>
                    <a:lnTo>
                      <a:pt x="44" y="38"/>
                    </a:lnTo>
                    <a:lnTo>
                      <a:pt x="47" y="42"/>
                    </a:lnTo>
                    <a:lnTo>
                      <a:pt x="48" y="46"/>
                    </a:lnTo>
                    <a:lnTo>
                      <a:pt x="52" y="49"/>
                    </a:lnTo>
                    <a:lnTo>
                      <a:pt x="56" y="53"/>
                    </a:lnTo>
                    <a:lnTo>
                      <a:pt x="60" y="56"/>
                    </a:lnTo>
                    <a:lnTo>
                      <a:pt x="65" y="56"/>
                    </a:lnTo>
                    <a:lnTo>
                      <a:pt x="69" y="55"/>
                    </a:lnTo>
                    <a:lnTo>
                      <a:pt x="73" y="52"/>
                    </a:lnTo>
                    <a:lnTo>
                      <a:pt x="77" y="48"/>
                    </a:lnTo>
                    <a:lnTo>
                      <a:pt x="81" y="42"/>
                    </a:lnTo>
                    <a:lnTo>
                      <a:pt x="81" y="38"/>
                    </a:lnTo>
                    <a:lnTo>
                      <a:pt x="81" y="34"/>
                    </a:lnTo>
                    <a:lnTo>
                      <a:pt x="81" y="31"/>
                    </a:lnTo>
                    <a:lnTo>
                      <a:pt x="79" y="29"/>
                    </a:lnTo>
                    <a:lnTo>
                      <a:pt x="78" y="1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5" name="Freeform 108">
                <a:extLst>
                  <a:ext uri="{FF2B5EF4-FFF2-40B4-BE49-F238E27FC236}">
                    <a16:creationId xmlns:a16="http://schemas.microsoft.com/office/drawing/2014/main" id="{890B194E-8A8B-1F40-80DD-5A34B5C6E0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286313" y="6829768"/>
                <a:ext cx="32790" cy="32513"/>
              </a:xfrm>
              <a:custGeom>
                <a:avLst/>
                <a:gdLst/>
                <a:ahLst/>
                <a:cxnLst>
                  <a:cxn ang="0">
                    <a:pos x="6" y="39"/>
                  </a:cxn>
                  <a:cxn ang="0">
                    <a:pos x="14" y="39"/>
                  </a:cxn>
                  <a:cxn ang="0">
                    <a:pos x="22" y="35"/>
                  </a:cxn>
                  <a:cxn ang="0">
                    <a:pos x="30" y="31"/>
                  </a:cxn>
                  <a:cxn ang="0">
                    <a:pos x="36" y="26"/>
                  </a:cxn>
                  <a:cxn ang="0">
                    <a:pos x="41" y="18"/>
                  </a:cxn>
                  <a:cxn ang="0">
                    <a:pos x="50" y="9"/>
                  </a:cxn>
                  <a:cxn ang="0">
                    <a:pos x="56" y="5"/>
                  </a:cxn>
                  <a:cxn ang="0">
                    <a:pos x="59" y="3"/>
                  </a:cxn>
                  <a:cxn ang="0">
                    <a:pos x="65" y="0"/>
                  </a:cxn>
                  <a:cxn ang="0">
                    <a:pos x="70" y="0"/>
                  </a:cxn>
                  <a:cxn ang="0">
                    <a:pos x="72" y="1"/>
                  </a:cxn>
                  <a:cxn ang="0">
                    <a:pos x="74" y="5"/>
                  </a:cxn>
                  <a:cxn ang="0">
                    <a:pos x="74" y="8"/>
                  </a:cxn>
                  <a:cxn ang="0">
                    <a:pos x="72" y="12"/>
                  </a:cxn>
                  <a:cxn ang="0">
                    <a:pos x="70" y="19"/>
                  </a:cxn>
                  <a:cxn ang="0">
                    <a:pos x="67" y="25"/>
                  </a:cxn>
                  <a:cxn ang="0">
                    <a:pos x="58" y="35"/>
                  </a:cxn>
                  <a:cxn ang="0">
                    <a:pos x="49" y="45"/>
                  </a:cxn>
                  <a:cxn ang="0">
                    <a:pos x="46" y="50"/>
                  </a:cxn>
                  <a:cxn ang="0">
                    <a:pos x="46" y="57"/>
                  </a:cxn>
                  <a:cxn ang="0">
                    <a:pos x="45" y="60"/>
                  </a:cxn>
                  <a:cxn ang="0">
                    <a:pos x="43" y="62"/>
                  </a:cxn>
                  <a:cxn ang="0">
                    <a:pos x="40" y="65"/>
                  </a:cxn>
                  <a:cxn ang="0">
                    <a:pos x="36" y="67"/>
                  </a:cxn>
                  <a:cxn ang="0">
                    <a:pos x="28" y="70"/>
                  </a:cxn>
                  <a:cxn ang="0">
                    <a:pos x="22" y="71"/>
                  </a:cxn>
                  <a:cxn ang="0">
                    <a:pos x="18" y="72"/>
                  </a:cxn>
                  <a:cxn ang="0">
                    <a:pos x="14" y="71"/>
                  </a:cxn>
                  <a:cxn ang="0">
                    <a:pos x="10" y="70"/>
                  </a:cxn>
                  <a:cxn ang="0">
                    <a:pos x="6" y="69"/>
                  </a:cxn>
                  <a:cxn ang="0">
                    <a:pos x="4" y="66"/>
                  </a:cxn>
                  <a:cxn ang="0">
                    <a:pos x="1" y="63"/>
                  </a:cxn>
                  <a:cxn ang="0">
                    <a:pos x="0" y="60"/>
                  </a:cxn>
                  <a:cxn ang="0">
                    <a:pos x="0" y="56"/>
                  </a:cxn>
                  <a:cxn ang="0">
                    <a:pos x="6" y="39"/>
                  </a:cxn>
                </a:cxnLst>
                <a:rect l="0" t="0" r="r" b="b"/>
                <a:pathLst>
                  <a:path w="74" h="72">
                    <a:moveTo>
                      <a:pt x="6" y="39"/>
                    </a:moveTo>
                    <a:lnTo>
                      <a:pt x="14" y="39"/>
                    </a:lnTo>
                    <a:lnTo>
                      <a:pt x="22" y="35"/>
                    </a:lnTo>
                    <a:lnTo>
                      <a:pt x="30" y="31"/>
                    </a:lnTo>
                    <a:lnTo>
                      <a:pt x="36" y="26"/>
                    </a:lnTo>
                    <a:lnTo>
                      <a:pt x="41" y="18"/>
                    </a:lnTo>
                    <a:lnTo>
                      <a:pt x="50" y="9"/>
                    </a:lnTo>
                    <a:lnTo>
                      <a:pt x="56" y="5"/>
                    </a:lnTo>
                    <a:lnTo>
                      <a:pt x="59" y="3"/>
                    </a:lnTo>
                    <a:lnTo>
                      <a:pt x="65" y="0"/>
                    </a:lnTo>
                    <a:lnTo>
                      <a:pt x="70" y="0"/>
                    </a:lnTo>
                    <a:lnTo>
                      <a:pt x="72" y="1"/>
                    </a:lnTo>
                    <a:lnTo>
                      <a:pt x="74" y="5"/>
                    </a:lnTo>
                    <a:lnTo>
                      <a:pt x="74" y="8"/>
                    </a:lnTo>
                    <a:lnTo>
                      <a:pt x="72" y="12"/>
                    </a:lnTo>
                    <a:lnTo>
                      <a:pt x="70" y="19"/>
                    </a:lnTo>
                    <a:lnTo>
                      <a:pt x="67" y="25"/>
                    </a:lnTo>
                    <a:lnTo>
                      <a:pt x="58" y="35"/>
                    </a:lnTo>
                    <a:lnTo>
                      <a:pt x="49" y="45"/>
                    </a:lnTo>
                    <a:lnTo>
                      <a:pt x="46" y="50"/>
                    </a:lnTo>
                    <a:lnTo>
                      <a:pt x="46" y="57"/>
                    </a:lnTo>
                    <a:lnTo>
                      <a:pt x="45" y="60"/>
                    </a:lnTo>
                    <a:lnTo>
                      <a:pt x="43" y="62"/>
                    </a:lnTo>
                    <a:lnTo>
                      <a:pt x="40" y="65"/>
                    </a:lnTo>
                    <a:lnTo>
                      <a:pt x="36" y="67"/>
                    </a:lnTo>
                    <a:lnTo>
                      <a:pt x="28" y="70"/>
                    </a:lnTo>
                    <a:lnTo>
                      <a:pt x="22" y="71"/>
                    </a:lnTo>
                    <a:lnTo>
                      <a:pt x="18" y="72"/>
                    </a:lnTo>
                    <a:lnTo>
                      <a:pt x="14" y="71"/>
                    </a:lnTo>
                    <a:lnTo>
                      <a:pt x="10" y="70"/>
                    </a:lnTo>
                    <a:lnTo>
                      <a:pt x="6" y="69"/>
                    </a:lnTo>
                    <a:lnTo>
                      <a:pt x="4" y="66"/>
                    </a:lnTo>
                    <a:lnTo>
                      <a:pt x="1" y="63"/>
                    </a:lnTo>
                    <a:lnTo>
                      <a:pt x="0" y="60"/>
                    </a:lnTo>
                    <a:lnTo>
                      <a:pt x="0" y="56"/>
                    </a:lnTo>
                    <a:lnTo>
                      <a:pt x="6" y="3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6" name="Freeform 109">
                <a:extLst>
                  <a:ext uri="{FF2B5EF4-FFF2-40B4-BE49-F238E27FC236}">
                    <a16:creationId xmlns:a16="http://schemas.microsoft.com/office/drawing/2014/main" id="{95772F55-08B8-D040-90AB-666133C83D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13831" y="6755710"/>
                <a:ext cx="14574" cy="21676"/>
              </a:xfrm>
              <a:custGeom>
                <a:avLst/>
                <a:gdLst/>
                <a:ahLst/>
                <a:cxnLst>
                  <a:cxn ang="0">
                    <a:pos x="34" y="39"/>
                  </a:cxn>
                  <a:cxn ang="0">
                    <a:pos x="34" y="24"/>
                  </a:cxn>
                  <a:cxn ang="0">
                    <a:pos x="31" y="7"/>
                  </a:cxn>
                  <a:cxn ang="0">
                    <a:pos x="30" y="4"/>
                  </a:cxn>
                  <a:cxn ang="0">
                    <a:pos x="27" y="3"/>
                  </a:cxn>
                  <a:cxn ang="0">
                    <a:pos x="25" y="2"/>
                  </a:cxn>
                  <a:cxn ang="0">
                    <a:pos x="22" y="0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5" y="3"/>
                  </a:cxn>
                  <a:cxn ang="0">
                    <a:pos x="3" y="6"/>
                  </a:cxn>
                  <a:cxn ang="0">
                    <a:pos x="1" y="9"/>
                  </a:cxn>
                  <a:cxn ang="0">
                    <a:pos x="0" y="13"/>
                  </a:cxn>
                  <a:cxn ang="0">
                    <a:pos x="3" y="17"/>
                  </a:cxn>
                  <a:cxn ang="0">
                    <a:pos x="6" y="21"/>
                  </a:cxn>
                  <a:cxn ang="0">
                    <a:pos x="8" y="25"/>
                  </a:cxn>
                  <a:cxn ang="0">
                    <a:pos x="6" y="30"/>
                  </a:cxn>
                  <a:cxn ang="0">
                    <a:pos x="6" y="34"/>
                  </a:cxn>
                  <a:cxn ang="0">
                    <a:pos x="5" y="38"/>
                  </a:cxn>
                  <a:cxn ang="0">
                    <a:pos x="5" y="42"/>
                  </a:cxn>
                  <a:cxn ang="0">
                    <a:pos x="5" y="44"/>
                  </a:cxn>
                  <a:cxn ang="0">
                    <a:pos x="6" y="47"/>
                  </a:cxn>
                  <a:cxn ang="0">
                    <a:pos x="8" y="48"/>
                  </a:cxn>
                  <a:cxn ang="0">
                    <a:pos x="12" y="50"/>
                  </a:cxn>
                  <a:cxn ang="0">
                    <a:pos x="18" y="48"/>
                  </a:cxn>
                  <a:cxn ang="0">
                    <a:pos x="34" y="39"/>
                  </a:cxn>
                </a:cxnLst>
                <a:rect l="0" t="0" r="r" b="b"/>
                <a:pathLst>
                  <a:path w="34" h="50">
                    <a:moveTo>
                      <a:pt x="34" y="39"/>
                    </a:moveTo>
                    <a:lnTo>
                      <a:pt x="34" y="24"/>
                    </a:lnTo>
                    <a:lnTo>
                      <a:pt x="31" y="7"/>
                    </a:lnTo>
                    <a:lnTo>
                      <a:pt x="30" y="4"/>
                    </a:lnTo>
                    <a:lnTo>
                      <a:pt x="27" y="3"/>
                    </a:lnTo>
                    <a:lnTo>
                      <a:pt x="25" y="2"/>
                    </a:lnTo>
                    <a:lnTo>
                      <a:pt x="22" y="0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5" y="3"/>
                    </a:lnTo>
                    <a:lnTo>
                      <a:pt x="3" y="6"/>
                    </a:lnTo>
                    <a:lnTo>
                      <a:pt x="1" y="9"/>
                    </a:lnTo>
                    <a:lnTo>
                      <a:pt x="0" y="13"/>
                    </a:lnTo>
                    <a:lnTo>
                      <a:pt x="3" y="17"/>
                    </a:lnTo>
                    <a:lnTo>
                      <a:pt x="6" y="21"/>
                    </a:lnTo>
                    <a:lnTo>
                      <a:pt x="8" y="25"/>
                    </a:lnTo>
                    <a:lnTo>
                      <a:pt x="6" y="30"/>
                    </a:lnTo>
                    <a:lnTo>
                      <a:pt x="6" y="34"/>
                    </a:lnTo>
                    <a:lnTo>
                      <a:pt x="5" y="38"/>
                    </a:lnTo>
                    <a:lnTo>
                      <a:pt x="5" y="42"/>
                    </a:lnTo>
                    <a:lnTo>
                      <a:pt x="5" y="44"/>
                    </a:lnTo>
                    <a:lnTo>
                      <a:pt x="6" y="47"/>
                    </a:lnTo>
                    <a:lnTo>
                      <a:pt x="8" y="48"/>
                    </a:lnTo>
                    <a:lnTo>
                      <a:pt x="12" y="50"/>
                    </a:lnTo>
                    <a:lnTo>
                      <a:pt x="18" y="48"/>
                    </a:lnTo>
                    <a:lnTo>
                      <a:pt x="34" y="3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7" name="Freeform 110">
                <a:extLst>
                  <a:ext uri="{FF2B5EF4-FFF2-40B4-BE49-F238E27FC236}">
                    <a16:creationId xmlns:a16="http://schemas.microsoft.com/office/drawing/2014/main" id="{57354423-179B-7847-9022-C55960B093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32133" y="5738760"/>
                <a:ext cx="1062046" cy="1193968"/>
              </a:xfrm>
              <a:custGeom>
                <a:avLst/>
                <a:gdLst/>
                <a:ahLst/>
                <a:cxnLst>
                  <a:cxn ang="0">
                    <a:pos x="692" y="453"/>
                  </a:cxn>
                  <a:cxn ang="0">
                    <a:pos x="973" y="334"/>
                  </a:cxn>
                  <a:cxn ang="0">
                    <a:pos x="1243" y="287"/>
                  </a:cxn>
                  <a:cxn ang="0">
                    <a:pos x="1503" y="127"/>
                  </a:cxn>
                  <a:cxn ang="0">
                    <a:pos x="1782" y="212"/>
                  </a:cxn>
                  <a:cxn ang="0">
                    <a:pos x="2075" y="167"/>
                  </a:cxn>
                  <a:cxn ang="0">
                    <a:pos x="2126" y="4"/>
                  </a:cxn>
                  <a:cxn ang="0">
                    <a:pos x="2304" y="129"/>
                  </a:cxn>
                  <a:cxn ang="0">
                    <a:pos x="2240" y="237"/>
                  </a:cxn>
                  <a:cxn ang="0">
                    <a:pos x="2224" y="374"/>
                  </a:cxn>
                  <a:cxn ang="0">
                    <a:pos x="1923" y="465"/>
                  </a:cxn>
                  <a:cxn ang="0">
                    <a:pos x="1769" y="460"/>
                  </a:cxn>
                  <a:cxn ang="0">
                    <a:pos x="1577" y="471"/>
                  </a:cxn>
                  <a:cxn ang="0">
                    <a:pos x="1328" y="577"/>
                  </a:cxn>
                  <a:cxn ang="0">
                    <a:pos x="1497" y="768"/>
                  </a:cxn>
                  <a:cxn ang="0">
                    <a:pos x="1419" y="772"/>
                  </a:cxn>
                  <a:cxn ang="0">
                    <a:pos x="1435" y="918"/>
                  </a:cxn>
                  <a:cxn ang="0">
                    <a:pos x="1235" y="815"/>
                  </a:cxn>
                  <a:cxn ang="0">
                    <a:pos x="1344" y="996"/>
                  </a:cxn>
                  <a:cxn ang="0">
                    <a:pos x="1122" y="816"/>
                  </a:cxn>
                  <a:cxn ang="0">
                    <a:pos x="1033" y="690"/>
                  </a:cxn>
                  <a:cxn ang="0">
                    <a:pos x="928" y="843"/>
                  </a:cxn>
                  <a:cxn ang="0">
                    <a:pos x="1071" y="1162"/>
                  </a:cxn>
                  <a:cxn ang="0">
                    <a:pos x="1174" y="1361"/>
                  </a:cxn>
                  <a:cxn ang="0">
                    <a:pos x="1155" y="1298"/>
                  </a:cxn>
                  <a:cxn ang="0">
                    <a:pos x="997" y="1286"/>
                  </a:cxn>
                  <a:cxn ang="0">
                    <a:pos x="1077" y="1425"/>
                  </a:cxn>
                  <a:cxn ang="0">
                    <a:pos x="964" y="1527"/>
                  </a:cxn>
                  <a:cxn ang="0">
                    <a:pos x="1181" y="1605"/>
                  </a:cxn>
                  <a:cxn ang="0">
                    <a:pos x="1332" y="1675"/>
                  </a:cxn>
                  <a:cxn ang="0">
                    <a:pos x="1490" y="1796"/>
                  </a:cxn>
                  <a:cxn ang="0">
                    <a:pos x="1533" y="1988"/>
                  </a:cxn>
                  <a:cxn ang="0">
                    <a:pos x="1375" y="1905"/>
                  </a:cxn>
                  <a:cxn ang="0">
                    <a:pos x="1148" y="1944"/>
                  </a:cxn>
                  <a:cxn ang="0">
                    <a:pos x="1207" y="2096"/>
                  </a:cxn>
                  <a:cxn ang="0">
                    <a:pos x="1282" y="2163"/>
                  </a:cxn>
                  <a:cxn ang="0">
                    <a:pos x="1190" y="2216"/>
                  </a:cxn>
                  <a:cxn ang="0">
                    <a:pos x="1028" y="2105"/>
                  </a:cxn>
                  <a:cxn ang="0">
                    <a:pos x="1160" y="2438"/>
                  </a:cxn>
                  <a:cxn ang="0">
                    <a:pos x="1208" y="2591"/>
                  </a:cxn>
                  <a:cxn ang="0">
                    <a:pos x="993" y="2469"/>
                  </a:cxn>
                  <a:cxn ang="0">
                    <a:pos x="880" y="2583"/>
                  </a:cxn>
                  <a:cxn ang="0">
                    <a:pos x="831" y="2382"/>
                  </a:cxn>
                  <a:cxn ang="0">
                    <a:pos x="736" y="2435"/>
                  </a:cxn>
                  <a:cxn ang="0">
                    <a:pos x="669" y="2395"/>
                  </a:cxn>
                  <a:cxn ang="0">
                    <a:pos x="642" y="2208"/>
                  </a:cxn>
                  <a:cxn ang="0">
                    <a:pos x="464" y="2043"/>
                  </a:cxn>
                  <a:cxn ang="0">
                    <a:pos x="471" y="1904"/>
                  </a:cxn>
                  <a:cxn ang="0">
                    <a:pos x="674" y="1821"/>
                  </a:cxn>
                  <a:cxn ang="0">
                    <a:pos x="966" y="1870"/>
                  </a:cxn>
                  <a:cxn ang="0">
                    <a:pos x="1083" y="1894"/>
                  </a:cxn>
                  <a:cxn ang="0">
                    <a:pos x="1128" y="1787"/>
                  </a:cxn>
                  <a:cxn ang="0">
                    <a:pos x="989" y="1736"/>
                  </a:cxn>
                  <a:cxn ang="0">
                    <a:pos x="879" y="1729"/>
                  </a:cxn>
                  <a:cxn ang="0">
                    <a:pos x="512" y="1728"/>
                  </a:cxn>
                  <a:cxn ang="0">
                    <a:pos x="392" y="1658"/>
                  </a:cxn>
                  <a:cxn ang="0">
                    <a:pos x="342" y="1473"/>
                  </a:cxn>
                  <a:cxn ang="0">
                    <a:pos x="397" y="1451"/>
                  </a:cxn>
                  <a:cxn ang="0">
                    <a:pos x="138" y="1252"/>
                  </a:cxn>
                  <a:cxn ang="0">
                    <a:pos x="89" y="1094"/>
                  </a:cxn>
                  <a:cxn ang="0">
                    <a:pos x="144" y="965"/>
                  </a:cxn>
                  <a:cxn ang="0">
                    <a:pos x="363" y="802"/>
                  </a:cxn>
                </a:cxnLst>
                <a:rect l="0" t="0" r="r" b="b"/>
                <a:pathLst>
                  <a:path w="2331" h="2644">
                    <a:moveTo>
                      <a:pt x="390" y="594"/>
                    </a:moveTo>
                    <a:lnTo>
                      <a:pt x="405" y="593"/>
                    </a:lnTo>
                    <a:lnTo>
                      <a:pt x="416" y="589"/>
                    </a:lnTo>
                    <a:lnTo>
                      <a:pt x="425" y="585"/>
                    </a:lnTo>
                    <a:lnTo>
                      <a:pt x="434" y="580"/>
                    </a:lnTo>
                    <a:lnTo>
                      <a:pt x="442" y="575"/>
                    </a:lnTo>
                    <a:lnTo>
                      <a:pt x="451" y="570"/>
                    </a:lnTo>
                    <a:lnTo>
                      <a:pt x="460" y="566"/>
                    </a:lnTo>
                    <a:lnTo>
                      <a:pt x="472" y="562"/>
                    </a:lnTo>
                    <a:lnTo>
                      <a:pt x="517" y="555"/>
                    </a:lnTo>
                    <a:lnTo>
                      <a:pt x="554" y="550"/>
                    </a:lnTo>
                    <a:lnTo>
                      <a:pt x="563" y="548"/>
                    </a:lnTo>
                    <a:lnTo>
                      <a:pt x="570" y="545"/>
                    </a:lnTo>
                    <a:lnTo>
                      <a:pt x="580" y="542"/>
                    </a:lnTo>
                    <a:lnTo>
                      <a:pt x="587" y="537"/>
                    </a:lnTo>
                    <a:lnTo>
                      <a:pt x="596" y="532"/>
                    </a:lnTo>
                    <a:lnTo>
                      <a:pt x="605" y="526"/>
                    </a:lnTo>
                    <a:lnTo>
                      <a:pt x="615" y="518"/>
                    </a:lnTo>
                    <a:lnTo>
                      <a:pt x="625" y="509"/>
                    </a:lnTo>
                    <a:lnTo>
                      <a:pt x="651" y="483"/>
                    </a:lnTo>
                    <a:lnTo>
                      <a:pt x="673" y="466"/>
                    </a:lnTo>
                    <a:lnTo>
                      <a:pt x="682" y="458"/>
                    </a:lnTo>
                    <a:lnTo>
                      <a:pt x="692" y="453"/>
                    </a:lnTo>
                    <a:lnTo>
                      <a:pt x="701" y="449"/>
                    </a:lnTo>
                    <a:lnTo>
                      <a:pt x="710" y="447"/>
                    </a:lnTo>
                    <a:lnTo>
                      <a:pt x="721" y="444"/>
                    </a:lnTo>
                    <a:lnTo>
                      <a:pt x="730" y="443"/>
                    </a:lnTo>
                    <a:lnTo>
                      <a:pt x="740" y="441"/>
                    </a:lnTo>
                    <a:lnTo>
                      <a:pt x="752" y="441"/>
                    </a:lnTo>
                    <a:lnTo>
                      <a:pt x="779" y="443"/>
                    </a:lnTo>
                    <a:lnTo>
                      <a:pt x="811" y="444"/>
                    </a:lnTo>
                    <a:lnTo>
                      <a:pt x="832" y="444"/>
                    </a:lnTo>
                    <a:lnTo>
                      <a:pt x="850" y="444"/>
                    </a:lnTo>
                    <a:lnTo>
                      <a:pt x="867" y="443"/>
                    </a:lnTo>
                    <a:lnTo>
                      <a:pt x="881" y="440"/>
                    </a:lnTo>
                    <a:lnTo>
                      <a:pt x="896" y="436"/>
                    </a:lnTo>
                    <a:lnTo>
                      <a:pt x="907" y="432"/>
                    </a:lnTo>
                    <a:lnTo>
                      <a:pt x="918" y="427"/>
                    </a:lnTo>
                    <a:lnTo>
                      <a:pt x="928" y="419"/>
                    </a:lnTo>
                    <a:lnTo>
                      <a:pt x="936" y="412"/>
                    </a:lnTo>
                    <a:lnTo>
                      <a:pt x="944" y="403"/>
                    </a:lnTo>
                    <a:lnTo>
                      <a:pt x="950" y="392"/>
                    </a:lnTo>
                    <a:lnTo>
                      <a:pt x="957" y="379"/>
                    </a:lnTo>
                    <a:lnTo>
                      <a:pt x="963" y="366"/>
                    </a:lnTo>
                    <a:lnTo>
                      <a:pt x="968" y="351"/>
                    </a:lnTo>
                    <a:lnTo>
                      <a:pt x="973" y="334"/>
                    </a:lnTo>
                    <a:lnTo>
                      <a:pt x="979" y="316"/>
                    </a:lnTo>
                    <a:lnTo>
                      <a:pt x="1016" y="296"/>
                    </a:lnTo>
                    <a:lnTo>
                      <a:pt x="1016" y="296"/>
                    </a:lnTo>
                    <a:lnTo>
                      <a:pt x="1026" y="300"/>
                    </a:lnTo>
                    <a:lnTo>
                      <a:pt x="1036" y="304"/>
                    </a:lnTo>
                    <a:lnTo>
                      <a:pt x="1043" y="305"/>
                    </a:lnTo>
                    <a:lnTo>
                      <a:pt x="1051" y="307"/>
                    </a:lnTo>
                    <a:lnTo>
                      <a:pt x="1058" y="307"/>
                    </a:lnTo>
                    <a:lnTo>
                      <a:pt x="1064" y="305"/>
                    </a:lnTo>
                    <a:lnTo>
                      <a:pt x="1069" y="304"/>
                    </a:lnTo>
                    <a:lnTo>
                      <a:pt x="1076" y="302"/>
                    </a:lnTo>
                    <a:lnTo>
                      <a:pt x="1087" y="296"/>
                    </a:lnTo>
                    <a:lnTo>
                      <a:pt x="1099" y="290"/>
                    </a:lnTo>
                    <a:lnTo>
                      <a:pt x="1113" y="283"/>
                    </a:lnTo>
                    <a:lnTo>
                      <a:pt x="1131" y="278"/>
                    </a:lnTo>
                    <a:lnTo>
                      <a:pt x="1146" y="277"/>
                    </a:lnTo>
                    <a:lnTo>
                      <a:pt x="1159" y="277"/>
                    </a:lnTo>
                    <a:lnTo>
                      <a:pt x="1173" y="280"/>
                    </a:lnTo>
                    <a:lnTo>
                      <a:pt x="1186" y="282"/>
                    </a:lnTo>
                    <a:lnTo>
                      <a:pt x="1200" y="285"/>
                    </a:lnTo>
                    <a:lnTo>
                      <a:pt x="1214" y="287"/>
                    </a:lnTo>
                    <a:lnTo>
                      <a:pt x="1229" y="289"/>
                    </a:lnTo>
                    <a:lnTo>
                      <a:pt x="1243" y="287"/>
                    </a:lnTo>
                    <a:lnTo>
                      <a:pt x="1262" y="283"/>
                    </a:lnTo>
                    <a:lnTo>
                      <a:pt x="1282" y="276"/>
                    </a:lnTo>
                    <a:lnTo>
                      <a:pt x="1302" y="267"/>
                    </a:lnTo>
                    <a:lnTo>
                      <a:pt x="1323" y="254"/>
                    </a:lnTo>
                    <a:lnTo>
                      <a:pt x="1343" y="241"/>
                    </a:lnTo>
                    <a:lnTo>
                      <a:pt x="1361" y="226"/>
                    </a:lnTo>
                    <a:lnTo>
                      <a:pt x="1368" y="219"/>
                    </a:lnTo>
                    <a:lnTo>
                      <a:pt x="1375" y="211"/>
                    </a:lnTo>
                    <a:lnTo>
                      <a:pt x="1381" y="203"/>
                    </a:lnTo>
                    <a:lnTo>
                      <a:pt x="1387" y="195"/>
                    </a:lnTo>
                    <a:lnTo>
                      <a:pt x="1393" y="184"/>
                    </a:lnTo>
                    <a:lnTo>
                      <a:pt x="1401" y="173"/>
                    </a:lnTo>
                    <a:lnTo>
                      <a:pt x="1407" y="164"/>
                    </a:lnTo>
                    <a:lnTo>
                      <a:pt x="1415" y="156"/>
                    </a:lnTo>
                    <a:lnTo>
                      <a:pt x="1422" y="149"/>
                    </a:lnTo>
                    <a:lnTo>
                      <a:pt x="1429" y="143"/>
                    </a:lnTo>
                    <a:lnTo>
                      <a:pt x="1437" y="140"/>
                    </a:lnTo>
                    <a:lnTo>
                      <a:pt x="1445" y="136"/>
                    </a:lnTo>
                    <a:lnTo>
                      <a:pt x="1453" y="132"/>
                    </a:lnTo>
                    <a:lnTo>
                      <a:pt x="1462" y="131"/>
                    </a:lnTo>
                    <a:lnTo>
                      <a:pt x="1471" y="128"/>
                    </a:lnTo>
                    <a:lnTo>
                      <a:pt x="1481" y="128"/>
                    </a:lnTo>
                    <a:lnTo>
                      <a:pt x="1503" y="127"/>
                    </a:lnTo>
                    <a:lnTo>
                      <a:pt x="1529" y="127"/>
                    </a:lnTo>
                    <a:lnTo>
                      <a:pt x="1536" y="145"/>
                    </a:lnTo>
                    <a:lnTo>
                      <a:pt x="1541" y="162"/>
                    </a:lnTo>
                    <a:lnTo>
                      <a:pt x="1545" y="169"/>
                    </a:lnTo>
                    <a:lnTo>
                      <a:pt x="1550" y="175"/>
                    </a:lnTo>
                    <a:lnTo>
                      <a:pt x="1554" y="177"/>
                    </a:lnTo>
                    <a:lnTo>
                      <a:pt x="1558" y="180"/>
                    </a:lnTo>
                    <a:lnTo>
                      <a:pt x="1563" y="182"/>
                    </a:lnTo>
                    <a:lnTo>
                      <a:pt x="1569" y="184"/>
                    </a:lnTo>
                    <a:lnTo>
                      <a:pt x="1578" y="185"/>
                    </a:lnTo>
                    <a:lnTo>
                      <a:pt x="1589" y="185"/>
                    </a:lnTo>
                    <a:lnTo>
                      <a:pt x="1599" y="185"/>
                    </a:lnTo>
                    <a:lnTo>
                      <a:pt x="1608" y="184"/>
                    </a:lnTo>
                    <a:lnTo>
                      <a:pt x="1629" y="180"/>
                    </a:lnTo>
                    <a:lnTo>
                      <a:pt x="1651" y="175"/>
                    </a:lnTo>
                    <a:lnTo>
                      <a:pt x="1672" y="172"/>
                    </a:lnTo>
                    <a:lnTo>
                      <a:pt x="1691" y="169"/>
                    </a:lnTo>
                    <a:lnTo>
                      <a:pt x="1701" y="169"/>
                    </a:lnTo>
                    <a:lnTo>
                      <a:pt x="1712" y="171"/>
                    </a:lnTo>
                    <a:lnTo>
                      <a:pt x="1721" y="173"/>
                    </a:lnTo>
                    <a:lnTo>
                      <a:pt x="1730" y="177"/>
                    </a:lnTo>
                    <a:lnTo>
                      <a:pt x="1753" y="193"/>
                    </a:lnTo>
                    <a:lnTo>
                      <a:pt x="1782" y="212"/>
                    </a:lnTo>
                    <a:lnTo>
                      <a:pt x="1796" y="220"/>
                    </a:lnTo>
                    <a:lnTo>
                      <a:pt x="1812" y="226"/>
                    </a:lnTo>
                    <a:lnTo>
                      <a:pt x="1818" y="228"/>
                    </a:lnTo>
                    <a:lnTo>
                      <a:pt x="1825" y="229"/>
                    </a:lnTo>
                    <a:lnTo>
                      <a:pt x="1832" y="229"/>
                    </a:lnTo>
                    <a:lnTo>
                      <a:pt x="1839" y="228"/>
                    </a:lnTo>
                    <a:lnTo>
                      <a:pt x="1849" y="224"/>
                    </a:lnTo>
                    <a:lnTo>
                      <a:pt x="1859" y="219"/>
                    </a:lnTo>
                    <a:lnTo>
                      <a:pt x="1869" y="213"/>
                    </a:lnTo>
                    <a:lnTo>
                      <a:pt x="1879" y="207"/>
                    </a:lnTo>
                    <a:lnTo>
                      <a:pt x="1889" y="202"/>
                    </a:lnTo>
                    <a:lnTo>
                      <a:pt x="1900" y="198"/>
                    </a:lnTo>
                    <a:lnTo>
                      <a:pt x="1911" y="194"/>
                    </a:lnTo>
                    <a:lnTo>
                      <a:pt x="1924" y="193"/>
                    </a:lnTo>
                    <a:lnTo>
                      <a:pt x="1961" y="195"/>
                    </a:lnTo>
                    <a:lnTo>
                      <a:pt x="1998" y="195"/>
                    </a:lnTo>
                    <a:lnTo>
                      <a:pt x="2016" y="194"/>
                    </a:lnTo>
                    <a:lnTo>
                      <a:pt x="2034" y="190"/>
                    </a:lnTo>
                    <a:lnTo>
                      <a:pt x="2042" y="188"/>
                    </a:lnTo>
                    <a:lnTo>
                      <a:pt x="2051" y="184"/>
                    </a:lnTo>
                    <a:lnTo>
                      <a:pt x="2059" y="178"/>
                    </a:lnTo>
                    <a:lnTo>
                      <a:pt x="2067" y="173"/>
                    </a:lnTo>
                    <a:lnTo>
                      <a:pt x="2075" y="167"/>
                    </a:lnTo>
                    <a:lnTo>
                      <a:pt x="2080" y="159"/>
                    </a:lnTo>
                    <a:lnTo>
                      <a:pt x="2082" y="153"/>
                    </a:lnTo>
                    <a:lnTo>
                      <a:pt x="2084" y="146"/>
                    </a:lnTo>
                    <a:lnTo>
                      <a:pt x="2084" y="140"/>
                    </a:lnTo>
                    <a:lnTo>
                      <a:pt x="2082" y="132"/>
                    </a:lnTo>
                    <a:lnTo>
                      <a:pt x="2080" y="125"/>
                    </a:lnTo>
                    <a:lnTo>
                      <a:pt x="2076" y="119"/>
                    </a:lnTo>
                    <a:lnTo>
                      <a:pt x="2058" y="93"/>
                    </a:lnTo>
                    <a:lnTo>
                      <a:pt x="2042" y="68"/>
                    </a:lnTo>
                    <a:lnTo>
                      <a:pt x="2047" y="54"/>
                    </a:lnTo>
                    <a:lnTo>
                      <a:pt x="2053" y="39"/>
                    </a:lnTo>
                    <a:lnTo>
                      <a:pt x="2055" y="31"/>
                    </a:lnTo>
                    <a:lnTo>
                      <a:pt x="2058" y="24"/>
                    </a:lnTo>
                    <a:lnTo>
                      <a:pt x="2062" y="18"/>
                    </a:lnTo>
                    <a:lnTo>
                      <a:pt x="2067" y="14"/>
                    </a:lnTo>
                    <a:lnTo>
                      <a:pt x="2073" y="9"/>
                    </a:lnTo>
                    <a:lnTo>
                      <a:pt x="2081" y="5"/>
                    </a:lnTo>
                    <a:lnTo>
                      <a:pt x="2088" y="2"/>
                    </a:lnTo>
                    <a:lnTo>
                      <a:pt x="2094" y="1"/>
                    </a:lnTo>
                    <a:lnTo>
                      <a:pt x="2102" y="0"/>
                    </a:lnTo>
                    <a:lnTo>
                      <a:pt x="2110" y="1"/>
                    </a:lnTo>
                    <a:lnTo>
                      <a:pt x="2117" y="1"/>
                    </a:lnTo>
                    <a:lnTo>
                      <a:pt x="2126" y="4"/>
                    </a:lnTo>
                    <a:lnTo>
                      <a:pt x="2146" y="7"/>
                    </a:lnTo>
                    <a:lnTo>
                      <a:pt x="2161" y="9"/>
                    </a:lnTo>
                    <a:lnTo>
                      <a:pt x="2170" y="9"/>
                    </a:lnTo>
                    <a:lnTo>
                      <a:pt x="2178" y="7"/>
                    </a:lnTo>
                    <a:lnTo>
                      <a:pt x="2187" y="5"/>
                    </a:lnTo>
                    <a:lnTo>
                      <a:pt x="2198" y="2"/>
                    </a:lnTo>
                    <a:lnTo>
                      <a:pt x="2198" y="2"/>
                    </a:lnTo>
                    <a:lnTo>
                      <a:pt x="2203" y="9"/>
                    </a:lnTo>
                    <a:lnTo>
                      <a:pt x="2209" y="17"/>
                    </a:lnTo>
                    <a:lnTo>
                      <a:pt x="2216" y="22"/>
                    </a:lnTo>
                    <a:lnTo>
                      <a:pt x="2222" y="28"/>
                    </a:lnTo>
                    <a:lnTo>
                      <a:pt x="2238" y="37"/>
                    </a:lnTo>
                    <a:lnTo>
                      <a:pt x="2253" y="46"/>
                    </a:lnTo>
                    <a:lnTo>
                      <a:pt x="2268" y="55"/>
                    </a:lnTo>
                    <a:lnTo>
                      <a:pt x="2282" y="64"/>
                    </a:lnTo>
                    <a:lnTo>
                      <a:pt x="2288" y="70"/>
                    </a:lnTo>
                    <a:lnTo>
                      <a:pt x="2293" y="75"/>
                    </a:lnTo>
                    <a:lnTo>
                      <a:pt x="2299" y="81"/>
                    </a:lnTo>
                    <a:lnTo>
                      <a:pt x="2303" y="88"/>
                    </a:lnTo>
                    <a:lnTo>
                      <a:pt x="2305" y="97"/>
                    </a:lnTo>
                    <a:lnTo>
                      <a:pt x="2305" y="109"/>
                    </a:lnTo>
                    <a:lnTo>
                      <a:pt x="2304" y="119"/>
                    </a:lnTo>
                    <a:lnTo>
                      <a:pt x="2304" y="129"/>
                    </a:lnTo>
                    <a:lnTo>
                      <a:pt x="2306" y="136"/>
                    </a:lnTo>
                    <a:lnTo>
                      <a:pt x="2310" y="143"/>
                    </a:lnTo>
                    <a:lnTo>
                      <a:pt x="2317" y="151"/>
                    </a:lnTo>
                    <a:lnTo>
                      <a:pt x="2322" y="160"/>
                    </a:lnTo>
                    <a:lnTo>
                      <a:pt x="2327" y="169"/>
                    </a:lnTo>
                    <a:lnTo>
                      <a:pt x="2331" y="177"/>
                    </a:lnTo>
                    <a:lnTo>
                      <a:pt x="2331" y="181"/>
                    </a:lnTo>
                    <a:lnTo>
                      <a:pt x="2331" y="185"/>
                    </a:lnTo>
                    <a:lnTo>
                      <a:pt x="2330" y="189"/>
                    </a:lnTo>
                    <a:lnTo>
                      <a:pt x="2326" y="193"/>
                    </a:lnTo>
                    <a:lnTo>
                      <a:pt x="2321" y="198"/>
                    </a:lnTo>
                    <a:lnTo>
                      <a:pt x="2313" y="200"/>
                    </a:lnTo>
                    <a:lnTo>
                      <a:pt x="2305" y="204"/>
                    </a:lnTo>
                    <a:lnTo>
                      <a:pt x="2296" y="207"/>
                    </a:lnTo>
                    <a:lnTo>
                      <a:pt x="2288" y="208"/>
                    </a:lnTo>
                    <a:lnTo>
                      <a:pt x="2282" y="212"/>
                    </a:lnTo>
                    <a:lnTo>
                      <a:pt x="2275" y="216"/>
                    </a:lnTo>
                    <a:lnTo>
                      <a:pt x="2270" y="221"/>
                    </a:lnTo>
                    <a:lnTo>
                      <a:pt x="2266" y="225"/>
                    </a:lnTo>
                    <a:lnTo>
                      <a:pt x="2261" y="229"/>
                    </a:lnTo>
                    <a:lnTo>
                      <a:pt x="2256" y="232"/>
                    </a:lnTo>
                    <a:lnTo>
                      <a:pt x="2251" y="234"/>
                    </a:lnTo>
                    <a:lnTo>
                      <a:pt x="2240" y="237"/>
                    </a:lnTo>
                    <a:lnTo>
                      <a:pt x="2229" y="238"/>
                    </a:lnTo>
                    <a:lnTo>
                      <a:pt x="2218" y="239"/>
                    </a:lnTo>
                    <a:lnTo>
                      <a:pt x="2208" y="243"/>
                    </a:lnTo>
                    <a:lnTo>
                      <a:pt x="2204" y="247"/>
                    </a:lnTo>
                    <a:lnTo>
                      <a:pt x="2199" y="251"/>
                    </a:lnTo>
                    <a:lnTo>
                      <a:pt x="2196" y="257"/>
                    </a:lnTo>
                    <a:lnTo>
                      <a:pt x="2194" y="264"/>
                    </a:lnTo>
                    <a:lnTo>
                      <a:pt x="2192" y="270"/>
                    </a:lnTo>
                    <a:lnTo>
                      <a:pt x="2192" y="276"/>
                    </a:lnTo>
                    <a:lnTo>
                      <a:pt x="2194" y="281"/>
                    </a:lnTo>
                    <a:lnTo>
                      <a:pt x="2196" y="286"/>
                    </a:lnTo>
                    <a:lnTo>
                      <a:pt x="2203" y="296"/>
                    </a:lnTo>
                    <a:lnTo>
                      <a:pt x="2211" y="307"/>
                    </a:lnTo>
                    <a:lnTo>
                      <a:pt x="2220" y="317"/>
                    </a:lnTo>
                    <a:lnTo>
                      <a:pt x="2225" y="330"/>
                    </a:lnTo>
                    <a:lnTo>
                      <a:pt x="2227" y="335"/>
                    </a:lnTo>
                    <a:lnTo>
                      <a:pt x="2229" y="342"/>
                    </a:lnTo>
                    <a:lnTo>
                      <a:pt x="2227" y="348"/>
                    </a:lnTo>
                    <a:lnTo>
                      <a:pt x="2226" y="356"/>
                    </a:lnTo>
                    <a:lnTo>
                      <a:pt x="2226" y="361"/>
                    </a:lnTo>
                    <a:lnTo>
                      <a:pt x="2226" y="366"/>
                    </a:lnTo>
                    <a:lnTo>
                      <a:pt x="2225" y="370"/>
                    </a:lnTo>
                    <a:lnTo>
                      <a:pt x="2224" y="374"/>
                    </a:lnTo>
                    <a:lnTo>
                      <a:pt x="2218" y="382"/>
                    </a:lnTo>
                    <a:lnTo>
                      <a:pt x="2212" y="388"/>
                    </a:lnTo>
                    <a:lnTo>
                      <a:pt x="2198" y="400"/>
                    </a:lnTo>
                    <a:lnTo>
                      <a:pt x="2183" y="412"/>
                    </a:lnTo>
                    <a:lnTo>
                      <a:pt x="2168" y="430"/>
                    </a:lnTo>
                    <a:lnTo>
                      <a:pt x="2155" y="449"/>
                    </a:lnTo>
                    <a:lnTo>
                      <a:pt x="2147" y="458"/>
                    </a:lnTo>
                    <a:lnTo>
                      <a:pt x="2139" y="471"/>
                    </a:lnTo>
                    <a:lnTo>
                      <a:pt x="2130" y="484"/>
                    </a:lnTo>
                    <a:lnTo>
                      <a:pt x="2122" y="493"/>
                    </a:lnTo>
                    <a:lnTo>
                      <a:pt x="2122" y="493"/>
                    </a:lnTo>
                    <a:lnTo>
                      <a:pt x="2117" y="488"/>
                    </a:lnTo>
                    <a:lnTo>
                      <a:pt x="2112" y="484"/>
                    </a:lnTo>
                    <a:lnTo>
                      <a:pt x="2104" y="482"/>
                    </a:lnTo>
                    <a:lnTo>
                      <a:pt x="2095" y="482"/>
                    </a:lnTo>
                    <a:lnTo>
                      <a:pt x="2065" y="483"/>
                    </a:lnTo>
                    <a:lnTo>
                      <a:pt x="2032" y="482"/>
                    </a:lnTo>
                    <a:lnTo>
                      <a:pt x="2014" y="482"/>
                    </a:lnTo>
                    <a:lnTo>
                      <a:pt x="1996" y="479"/>
                    </a:lnTo>
                    <a:lnTo>
                      <a:pt x="1977" y="476"/>
                    </a:lnTo>
                    <a:lnTo>
                      <a:pt x="1959" y="474"/>
                    </a:lnTo>
                    <a:lnTo>
                      <a:pt x="1941" y="470"/>
                    </a:lnTo>
                    <a:lnTo>
                      <a:pt x="1923" y="465"/>
                    </a:lnTo>
                    <a:lnTo>
                      <a:pt x="1906" y="458"/>
                    </a:lnTo>
                    <a:lnTo>
                      <a:pt x="1891" y="452"/>
                    </a:lnTo>
                    <a:lnTo>
                      <a:pt x="1875" y="444"/>
                    </a:lnTo>
                    <a:lnTo>
                      <a:pt x="1861" y="435"/>
                    </a:lnTo>
                    <a:lnTo>
                      <a:pt x="1849" y="426"/>
                    </a:lnTo>
                    <a:lnTo>
                      <a:pt x="1839" y="414"/>
                    </a:lnTo>
                    <a:lnTo>
                      <a:pt x="1831" y="403"/>
                    </a:lnTo>
                    <a:lnTo>
                      <a:pt x="1822" y="383"/>
                    </a:lnTo>
                    <a:lnTo>
                      <a:pt x="1813" y="365"/>
                    </a:lnTo>
                    <a:lnTo>
                      <a:pt x="1810" y="357"/>
                    </a:lnTo>
                    <a:lnTo>
                      <a:pt x="1805" y="360"/>
                    </a:lnTo>
                    <a:lnTo>
                      <a:pt x="1801" y="364"/>
                    </a:lnTo>
                    <a:lnTo>
                      <a:pt x="1799" y="369"/>
                    </a:lnTo>
                    <a:lnTo>
                      <a:pt x="1796" y="374"/>
                    </a:lnTo>
                    <a:lnTo>
                      <a:pt x="1793" y="386"/>
                    </a:lnTo>
                    <a:lnTo>
                      <a:pt x="1793" y="400"/>
                    </a:lnTo>
                    <a:lnTo>
                      <a:pt x="1793" y="414"/>
                    </a:lnTo>
                    <a:lnTo>
                      <a:pt x="1793" y="427"/>
                    </a:lnTo>
                    <a:lnTo>
                      <a:pt x="1792" y="432"/>
                    </a:lnTo>
                    <a:lnTo>
                      <a:pt x="1791" y="438"/>
                    </a:lnTo>
                    <a:lnTo>
                      <a:pt x="1788" y="443"/>
                    </a:lnTo>
                    <a:lnTo>
                      <a:pt x="1786" y="447"/>
                    </a:lnTo>
                    <a:lnTo>
                      <a:pt x="1769" y="460"/>
                    </a:lnTo>
                    <a:lnTo>
                      <a:pt x="1751" y="473"/>
                    </a:lnTo>
                    <a:lnTo>
                      <a:pt x="1740" y="479"/>
                    </a:lnTo>
                    <a:lnTo>
                      <a:pt x="1730" y="483"/>
                    </a:lnTo>
                    <a:lnTo>
                      <a:pt x="1720" y="487"/>
                    </a:lnTo>
                    <a:lnTo>
                      <a:pt x="1709" y="489"/>
                    </a:lnTo>
                    <a:lnTo>
                      <a:pt x="1690" y="500"/>
                    </a:lnTo>
                    <a:lnTo>
                      <a:pt x="1666" y="509"/>
                    </a:lnTo>
                    <a:lnTo>
                      <a:pt x="1660" y="510"/>
                    </a:lnTo>
                    <a:lnTo>
                      <a:pt x="1655" y="511"/>
                    </a:lnTo>
                    <a:lnTo>
                      <a:pt x="1650" y="511"/>
                    </a:lnTo>
                    <a:lnTo>
                      <a:pt x="1644" y="510"/>
                    </a:lnTo>
                    <a:lnTo>
                      <a:pt x="1639" y="509"/>
                    </a:lnTo>
                    <a:lnTo>
                      <a:pt x="1635" y="506"/>
                    </a:lnTo>
                    <a:lnTo>
                      <a:pt x="1631" y="501"/>
                    </a:lnTo>
                    <a:lnTo>
                      <a:pt x="1629" y="496"/>
                    </a:lnTo>
                    <a:lnTo>
                      <a:pt x="1625" y="487"/>
                    </a:lnTo>
                    <a:lnTo>
                      <a:pt x="1621" y="479"/>
                    </a:lnTo>
                    <a:lnTo>
                      <a:pt x="1616" y="473"/>
                    </a:lnTo>
                    <a:lnTo>
                      <a:pt x="1609" y="467"/>
                    </a:lnTo>
                    <a:lnTo>
                      <a:pt x="1603" y="465"/>
                    </a:lnTo>
                    <a:lnTo>
                      <a:pt x="1595" y="463"/>
                    </a:lnTo>
                    <a:lnTo>
                      <a:pt x="1587" y="466"/>
                    </a:lnTo>
                    <a:lnTo>
                      <a:pt x="1577" y="471"/>
                    </a:lnTo>
                    <a:lnTo>
                      <a:pt x="1542" y="498"/>
                    </a:lnTo>
                    <a:lnTo>
                      <a:pt x="1508" y="527"/>
                    </a:lnTo>
                    <a:lnTo>
                      <a:pt x="1499" y="533"/>
                    </a:lnTo>
                    <a:lnTo>
                      <a:pt x="1490" y="540"/>
                    </a:lnTo>
                    <a:lnTo>
                      <a:pt x="1481" y="545"/>
                    </a:lnTo>
                    <a:lnTo>
                      <a:pt x="1471" y="549"/>
                    </a:lnTo>
                    <a:lnTo>
                      <a:pt x="1462" y="552"/>
                    </a:lnTo>
                    <a:lnTo>
                      <a:pt x="1451" y="553"/>
                    </a:lnTo>
                    <a:lnTo>
                      <a:pt x="1440" y="553"/>
                    </a:lnTo>
                    <a:lnTo>
                      <a:pt x="1428" y="552"/>
                    </a:lnTo>
                    <a:lnTo>
                      <a:pt x="1402" y="542"/>
                    </a:lnTo>
                    <a:lnTo>
                      <a:pt x="1376" y="531"/>
                    </a:lnTo>
                    <a:lnTo>
                      <a:pt x="1370" y="530"/>
                    </a:lnTo>
                    <a:lnTo>
                      <a:pt x="1363" y="528"/>
                    </a:lnTo>
                    <a:lnTo>
                      <a:pt x="1358" y="528"/>
                    </a:lnTo>
                    <a:lnTo>
                      <a:pt x="1352" y="530"/>
                    </a:lnTo>
                    <a:lnTo>
                      <a:pt x="1346" y="532"/>
                    </a:lnTo>
                    <a:lnTo>
                      <a:pt x="1343" y="536"/>
                    </a:lnTo>
                    <a:lnTo>
                      <a:pt x="1337" y="542"/>
                    </a:lnTo>
                    <a:lnTo>
                      <a:pt x="1334" y="550"/>
                    </a:lnTo>
                    <a:lnTo>
                      <a:pt x="1330" y="559"/>
                    </a:lnTo>
                    <a:lnTo>
                      <a:pt x="1328" y="568"/>
                    </a:lnTo>
                    <a:lnTo>
                      <a:pt x="1328" y="577"/>
                    </a:lnTo>
                    <a:lnTo>
                      <a:pt x="1330" y="585"/>
                    </a:lnTo>
                    <a:lnTo>
                      <a:pt x="1334" y="593"/>
                    </a:lnTo>
                    <a:lnTo>
                      <a:pt x="1337" y="601"/>
                    </a:lnTo>
                    <a:lnTo>
                      <a:pt x="1343" y="609"/>
                    </a:lnTo>
                    <a:lnTo>
                      <a:pt x="1348" y="615"/>
                    </a:lnTo>
                    <a:lnTo>
                      <a:pt x="1376" y="641"/>
                    </a:lnTo>
                    <a:lnTo>
                      <a:pt x="1405" y="664"/>
                    </a:lnTo>
                    <a:lnTo>
                      <a:pt x="1407" y="667"/>
                    </a:lnTo>
                    <a:lnTo>
                      <a:pt x="1409" y="669"/>
                    </a:lnTo>
                    <a:lnTo>
                      <a:pt x="1409" y="672"/>
                    </a:lnTo>
                    <a:lnTo>
                      <a:pt x="1409" y="675"/>
                    </a:lnTo>
                    <a:lnTo>
                      <a:pt x="1406" y="681"/>
                    </a:lnTo>
                    <a:lnTo>
                      <a:pt x="1401" y="686"/>
                    </a:lnTo>
                    <a:lnTo>
                      <a:pt x="1389" y="698"/>
                    </a:lnTo>
                    <a:lnTo>
                      <a:pt x="1381" y="707"/>
                    </a:lnTo>
                    <a:lnTo>
                      <a:pt x="1397" y="719"/>
                    </a:lnTo>
                    <a:lnTo>
                      <a:pt x="1415" y="728"/>
                    </a:lnTo>
                    <a:lnTo>
                      <a:pt x="1432" y="735"/>
                    </a:lnTo>
                    <a:lnTo>
                      <a:pt x="1450" y="743"/>
                    </a:lnTo>
                    <a:lnTo>
                      <a:pt x="1467" y="750"/>
                    </a:lnTo>
                    <a:lnTo>
                      <a:pt x="1483" y="759"/>
                    </a:lnTo>
                    <a:lnTo>
                      <a:pt x="1489" y="763"/>
                    </a:lnTo>
                    <a:lnTo>
                      <a:pt x="1497" y="768"/>
                    </a:lnTo>
                    <a:lnTo>
                      <a:pt x="1503" y="774"/>
                    </a:lnTo>
                    <a:lnTo>
                      <a:pt x="1508" y="780"/>
                    </a:lnTo>
                    <a:lnTo>
                      <a:pt x="1516" y="790"/>
                    </a:lnTo>
                    <a:lnTo>
                      <a:pt x="1527" y="808"/>
                    </a:lnTo>
                    <a:lnTo>
                      <a:pt x="1538" y="827"/>
                    </a:lnTo>
                    <a:lnTo>
                      <a:pt x="1549" y="848"/>
                    </a:lnTo>
                    <a:lnTo>
                      <a:pt x="1556" y="865"/>
                    </a:lnTo>
                    <a:lnTo>
                      <a:pt x="1559" y="875"/>
                    </a:lnTo>
                    <a:lnTo>
                      <a:pt x="1559" y="877"/>
                    </a:lnTo>
                    <a:lnTo>
                      <a:pt x="1558" y="877"/>
                    </a:lnTo>
                    <a:lnTo>
                      <a:pt x="1556" y="877"/>
                    </a:lnTo>
                    <a:lnTo>
                      <a:pt x="1555" y="875"/>
                    </a:lnTo>
                    <a:lnTo>
                      <a:pt x="1549" y="872"/>
                    </a:lnTo>
                    <a:lnTo>
                      <a:pt x="1541" y="864"/>
                    </a:lnTo>
                    <a:lnTo>
                      <a:pt x="1524" y="844"/>
                    </a:lnTo>
                    <a:lnTo>
                      <a:pt x="1511" y="830"/>
                    </a:lnTo>
                    <a:lnTo>
                      <a:pt x="1503" y="825"/>
                    </a:lnTo>
                    <a:lnTo>
                      <a:pt x="1495" y="818"/>
                    </a:lnTo>
                    <a:lnTo>
                      <a:pt x="1485" y="812"/>
                    </a:lnTo>
                    <a:lnTo>
                      <a:pt x="1471" y="805"/>
                    </a:lnTo>
                    <a:lnTo>
                      <a:pt x="1448" y="790"/>
                    </a:lnTo>
                    <a:lnTo>
                      <a:pt x="1428" y="777"/>
                    </a:lnTo>
                    <a:lnTo>
                      <a:pt x="1419" y="772"/>
                    </a:lnTo>
                    <a:lnTo>
                      <a:pt x="1409" y="769"/>
                    </a:lnTo>
                    <a:lnTo>
                      <a:pt x="1402" y="769"/>
                    </a:lnTo>
                    <a:lnTo>
                      <a:pt x="1396" y="769"/>
                    </a:lnTo>
                    <a:lnTo>
                      <a:pt x="1389" y="770"/>
                    </a:lnTo>
                    <a:lnTo>
                      <a:pt x="1381" y="772"/>
                    </a:lnTo>
                    <a:lnTo>
                      <a:pt x="1367" y="777"/>
                    </a:lnTo>
                    <a:lnTo>
                      <a:pt x="1357" y="782"/>
                    </a:lnTo>
                    <a:lnTo>
                      <a:pt x="1349" y="789"/>
                    </a:lnTo>
                    <a:lnTo>
                      <a:pt x="1344" y="795"/>
                    </a:lnTo>
                    <a:lnTo>
                      <a:pt x="1340" y="802"/>
                    </a:lnTo>
                    <a:lnTo>
                      <a:pt x="1340" y="809"/>
                    </a:lnTo>
                    <a:lnTo>
                      <a:pt x="1341" y="816"/>
                    </a:lnTo>
                    <a:lnTo>
                      <a:pt x="1344" y="824"/>
                    </a:lnTo>
                    <a:lnTo>
                      <a:pt x="1349" y="833"/>
                    </a:lnTo>
                    <a:lnTo>
                      <a:pt x="1354" y="840"/>
                    </a:lnTo>
                    <a:lnTo>
                      <a:pt x="1362" y="848"/>
                    </a:lnTo>
                    <a:lnTo>
                      <a:pt x="1370" y="856"/>
                    </a:lnTo>
                    <a:lnTo>
                      <a:pt x="1388" y="870"/>
                    </a:lnTo>
                    <a:lnTo>
                      <a:pt x="1407" y="883"/>
                    </a:lnTo>
                    <a:lnTo>
                      <a:pt x="1418" y="891"/>
                    </a:lnTo>
                    <a:lnTo>
                      <a:pt x="1426" y="900"/>
                    </a:lnTo>
                    <a:lnTo>
                      <a:pt x="1431" y="909"/>
                    </a:lnTo>
                    <a:lnTo>
                      <a:pt x="1435" y="918"/>
                    </a:lnTo>
                    <a:lnTo>
                      <a:pt x="1440" y="940"/>
                    </a:lnTo>
                    <a:lnTo>
                      <a:pt x="1444" y="963"/>
                    </a:lnTo>
                    <a:lnTo>
                      <a:pt x="1441" y="965"/>
                    </a:lnTo>
                    <a:lnTo>
                      <a:pt x="1438" y="966"/>
                    </a:lnTo>
                    <a:lnTo>
                      <a:pt x="1435" y="966"/>
                    </a:lnTo>
                    <a:lnTo>
                      <a:pt x="1431" y="965"/>
                    </a:lnTo>
                    <a:lnTo>
                      <a:pt x="1423" y="961"/>
                    </a:lnTo>
                    <a:lnTo>
                      <a:pt x="1414" y="953"/>
                    </a:lnTo>
                    <a:lnTo>
                      <a:pt x="1405" y="944"/>
                    </a:lnTo>
                    <a:lnTo>
                      <a:pt x="1394" y="934"/>
                    </a:lnTo>
                    <a:lnTo>
                      <a:pt x="1385" y="921"/>
                    </a:lnTo>
                    <a:lnTo>
                      <a:pt x="1375" y="908"/>
                    </a:lnTo>
                    <a:lnTo>
                      <a:pt x="1356" y="881"/>
                    </a:lnTo>
                    <a:lnTo>
                      <a:pt x="1339" y="856"/>
                    </a:lnTo>
                    <a:lnTo>
                      <a:pt x="1331" y="846"/>
                    </a:lnTo>
                    <a:lnTo>
                      <a:pt x="1324" y="838"/>
                    </a:lnTo>
                    <a:lnTo>
                      <a:pt x="1318" y="831"/>
                    </a:lnTo>
                    <a:lnTo>
                      <a:pt x="1314" y="829"/>
                    </a:lnTo>
                    <a:lnTo>
                      <a:pt x="1296" y="824"/>
                    </a:lnTo>
                    <a:lnTo>
                      <a:pt x="1280" y="820"/>
                    </a:lnTo>
                    <a:lnTo>
                      <a:pt x="1264" y="817"/>
                    </a:lnTo>
                    <a:lnTo>
                      <a:pt x="1249" y="815"/>
                    </a:lnTo>
                    <a:lnTo>
                      <a:pt x="1235" y="815"/>
                    </a:lnTo>
                    <a:lnTo>
                      <a:pt x="1223" y="816"/>
                    </a:lnTo>
                    <a:lnTo>
                      <a:pt x="1213" y="817"/>
                    </a:lnTo>
                    <a:lnTo>
                      <a:pt x="1204" y="821"/>
                    </a:lnTo>
                    <a:lnTo>
                      <a:pt x="1200" y="824"/>
                    </a:lnTo>
                    <a:lnTo>
                      <a:pt x="1197" y="826"/>
                    </a:lnTo>
                    <a:lnTo>
                      <a:pt x="1196" y="829"/>
                    </a:lnTo>
                    <a:lnTo>
                      <a:pt x="1194" y="833"/>
                    </a:lnTo>
                    <a:lnTo>
                      <a:pt x="1194" y="837"/>
                    </a:lnTo>
                    <a:lnTo>
                      <a:pt x="1194" y="840"/>
                    </a:lnTo>
                    <a:lnTo>
                      <a:pt x="1194" y="844"/>
                    </a:lnTo>
                    <a:lnTo>
                      <a:pt x="1195" y="849"/>
                    </a:lnTo>
                    <a:lnTo>
                      <a:pt x="1201" y="861"/>
                    </a:lnTo>
                    <a:lnTo>
                      <a:pt x="1210" y="874"/>
                    </a:lnTo>
                    <a:lnTo>
                      <a:pt x="1223" y="888"/>
                    </a:lnTo>
                    <a:lnTo>
                      <a:pt x="1240" y="904"/>
                    </a:lnTo>
                    <a:lnTo>
                      <a:pt x="1265" y="922"/>
                    </a:lnTo>
                    <a:lnTo>
                      <a:pt x="1301" y="947"/>
                    </a:lnTo>
                    <a:lnTo>
                      <a:pt x="1319" y="960"/>
                    </a:lnTo>
                    <a:lnTo>
                      <a:pt x="1334" y="973"/>
                    </a:lnTo>
                    <a:lnTo>
                      <a:pt x="1339" y="979"/>
                    </a:lnTo>
                    <a:lnTo>
                      <a:pt x="1341" y="986"/>
                    </a:lnTo>
                    <a:lnTo>
                      <a:pt x="1344" y="991"/>
                    </a:lnTo>
                    <a:lnTo>
                      <a:pt x="1344" y="996"/>
                    </a:lnTo>
                    <a:lnTo>
                      <a:pt x="1331" y="996"/>
                    </a:lnTo>
                    <a:lnTo>
                      <a:pt x="1313" y="995"/>
                    </a:lnTo>
                    <a:lnTo>
                      <a:pt x="1289" y="991"/>
                    </a:lnTo>
                    <a:lnTo>
                      <a:pt x="1265" y="986"/>
                    </a:lnTo>
                    <a:lnTo>
                      <a:pt x="1240" y="980"/>
                    </a:lnTo>
                    <a:lnTo>
                      <a:pt x="1218" y="974"/>
                    </a:lnTo>
                    <a:lnTo>
                      <a:pt x="1209" y="970"/>
                    </a:lnTo>
                    <a:lnTo>
                      <a:pt x="1203" y="966"/>
                    </a:lnTo>
                    <a:lnTo>
                      <a:pt x="1196" y="963"/>
                    </a:lnTo>
                    <a:lnTo>
                      <a:pt x="1194" y="960"/>
                    </a:lnTo>
                    <a:lnTo>
                      <a:pt x="1187" y="949"/>
                    </a:lnTo>
                    <a:lnTo>
                      <a:pt x="1183" y="939"/>
                    </a:lnTo>
                    <a:lnTo>
                      <a:pt x="1179" y="927"/>
                    </a:lnTo>
                    <a:lnTo>
                      <a:pt x="1175" y="916"/>
                    </a:lnTo>
                    <a:lnTo>
                      <a:pt x="1172" y="892"/>
                    </a:lnTo>
                    <a:lnTo>
                      <a:pt x="1166" y="870"/>
                    </a:lnTo>
                    <a:lnTo>
                      <a:pt x="1163" y="860"/>
                    </a:lnTo>
                    <a:lnTo>
                      <a:pt x="1159" y="849"/>
                    </a:lnTo>
                    <a:lnTo>
                      <a:pt x="1155" y="840"/>
                    </a:lnTo>
                    <a:lnTo>
                      <a:pt x="1148" y="833"/>
                    </a:lnTo>
                    <a:lnTo>
                      <a:pt x="1142" y="826"/>
                    </a:lnTo>
                    <a:lnTo>
                      <a:pt x="1133" y="820"/>
                    </a:lnTo>
                    <a:lnTo>
                      <a:pt x="1122" y="816"/>
                    </a:lnTo>
                    <a:lnTo>
                      <a:pt x="1109" y="815"/>
                    </a:lnTo>
                    <a:lnTo>
                      <a:pt x="1085" y="812"/>
                    </a:lnTo>
                    <a:lnTo>
                      <a:pt x="1064" y="808"/>
                    </a:lnTo>
                    <a:lnTo>
                      <a:pt x="1056" y="805"/>
                    </a:lnTo>
                    <a:lnTo>
                      <a:pt x="1049" y="803"/>
                    </a:lnTo>
                    <a:lnTo>
                      <a:pt x="1041" y="800"/>
                    </a:lnTo>
                    <a:lnTo>
                      <a:pt x="1034" y="796"/>
                    </a:lnTo>
                    <a:lnTo>
                      <a:pt x="1029" y="791"/>
                    </a:lnTo>
                    <a:lnTo>
                      <a:pt x="1024" y="786"/>
                    </a:lnTo>
                    <a:lnTo>
                      <a:pt x="1019" y="780"/>
                    </a:lnTo>
                    <a:lnTo>
                      <a:pt x="1014" y="772"/>
                    </a:lnTo>
                    <a:lnTo>
                      <a:pt x="1006" y="752"/>
                    </a:lnTo>
                    <a:lnTo>
                      <a:pt x="997" y="729"/>
                    </a:lnTo>
                    <a:lnTo>
                      <a:pt x="997" y="724"/>
                    </a:lnTo>
                    <a:lnTo>
                      <a:pt x="997" y="720"/>
                    </a:lnTo>
                    <a:lnTo>
                      <a:pt x="998" y="717"/>
                    </a:lnTo>
                    <a:lnTo>
                      <a:pt x="1001" y="713"/>
                    </a:lnTo>
                    <a:lnTo>
                      <a:pt x="1006" y="708"/>
                    </a:lnTo>
                    <a:lnTo>
                      <a:pt x="1014" y="703"/>
                    </a:lnTo>
                    <a:lnTo>
                      <a:pt x="1021" y="699"/>
                    </a:lnTo>
                    <a:lnTo>
                      <a:pt x="1028" y="695"/>
                    </a:lnTo>
                    <a:lnTo>
                      <a:pt x="1032" y="693"/>
                    </a:lnTo>
                    <a:lnTo>
                      <a:pt x="1033" y="690"/>
                    </a:lnTo>
                    <a:lnTo>
                      <a:pt x="1034" y="688"/>
                    </a:lnTo>
                    <a:lnTo>
                      <a:pt x="1036" y="685"/>
                    </a:lnTo>
                    <a:lnTo>
                      <a:pt x="1020" y="681"/>
                    </a:lnTo>
                    <a:lnTo>
                      <a:pt x="1004" y="678"/>
                    </a:lnTo>
                    <a:lnTo>
                      <a:pt x="997" y="678"/>
                    </a:lnTo>
                    <a:lnTo>
                      <a:pt x="988" y="678"/>
                    </a:lnTo>
                    <a:lnTo>
                      <a:pt x="981" y="680"/>
                    </a:lnTo>
                    <a:lnTo>
                      <a:pt x="973" y="681"/>
                    </a:lnTo>
                    <a:lnTo>
                      <a:pt x="967" y="684"/>
                    </a:lnTo>
                    <a:lnTo>
                      <a:pt x="960" y="688"/>
                    </a:lnTo>
                    <a:lnTo>
                      <a:pt x="957" y="693"/>
                    </a:lnTo>
                    <a:lnTo>
                      <a:pt x="953" y="698"/>
                    </a:lnTo>
                    <a:lnTo>
                      <a:pt x="949" y="704"/>
                    </a:lnTo>
                    <a:lnTo>
                      <a:pt x="947" y="713"/>
                    </a:lnTo>
                    <a:lnTo>
                      <a:pt x="947" y="723"/>
                    </a:lnTo>
                    <a:lnTo>
                      <a:pt x="949" y="734"/>
                    </a:lnTo>
                    <a:lnTo>
                      <a:pt x="950" y="741"/>
                    </a:lnTo>
                    <a:lnTo>
                      <a:pt x="950" y="750"/>
                    </a:lnTo>
                    <a:lnTo>
                      <a:pt x="949" y="759"/>
                    </a:lnTo>
                    <a:lnTo>
                      <a:pt x="947" y="770"/>
                    </a:lnTo>
                    <a:lnTo>
                      <a:pt x="942" y="794"/>
                    </a:lnTo>
                    <a:lnTo>
                      <a:pt x="936" y="818"/>
                    </a:lnTo>
                    <a:lnTo>
                      <a:pt x="928" y="843"/>
                    </a:lnTo>
                    <a:lnTo>
                      <a:pt x="919" y="866"/>
                    </a:lnTo>
                    <a:lnTo>
                      <a:pt x="911" y="886"/>
                    </a:lnTo>
                    <a:lnTo>
                      <a:pt x="903" y="900"/>
                    </a:lnTo>
                    <a:lnTo>
                      <a:pt x="923" y="940"/>
                    </a:lnTo>
                    <a:lnTo>
                      <a:pt x="944" y="979"/>
                    </a:lnTo>
                    <a:lnTo>
                      <a:pt x="955" y="997"/>
                    </a:lnTo>
                    <a:lnTo>
                      <a:pt x="968" y="1014"/>
                    </a:lnTo>
                    <a:lnTo>
                      <a:pt x="975" y="1022"/>
                    </a:lnTo>
                    <a:lnTo>
                      <a:pt x="982" y="1030"/>
                    </a:lnTo>
                    <a:lnTo>
                      <a:pt x="992" y="1037"/>
                    </a:lnTo>
                    <a:lnTo>
                      <a:pt x="1001" y="1045"/>
                    </a:lnTo>
                    <a:lnTo>
                      <a:pt x="1014" y="1055"/>
                    </a:lnTo>
                    <a:lnTo>
                      <a:pt x="1023" y="1066"/>
                    </a:lnTo>
                    <a:lnTo>
                      <a:pt x="1028" y="1075"/>
                    </a:lnTo>
                    <a:lnTo>
                      <a:pt x="1032" y="1085"/>
                    </a:lnTo>
                    <a:lnTo>
                      <a:pt x="1033" y="1096"/>
                    </a:lnTo>
                    <a:lnTo>
                      <a:pt x="1036" y="1107"/>
                    </a:lnTo>
                    <a:lnTo>
                      <a:pt x="1038" y="1120"/>
                    </a:lnTo>
                    <a:lnTo>
                      <a:pt x="1043" y="1134"/>
                    </a:lnTo>
                    <a:lnTo>
                      <a:pt x="1049" y="1144"/>
                    </a:lnTo>
                    <a:lnTo>
                      <a:pt x="1055" y="1150"/>
                    </a:lnTo>
                    <a:lnTo>
                      <a:pt x="1063" y="1156"/>
                    </a:lnTo>
                    <a:lnTo>
                      <a:pt x="1071" y="1162"/>
                    </a:lnTo>
                    <a:lnTo>
                      <a:pt x="1089" y="1169"/>
                    </a:lnTo>
                    <a:lnTo>
                      <a:pt x="1106" y="1179"/>
                    </a:lnTo>
                    <a:lnTo>
                      <a:pt x="1116" y="1186"/>
                    </a:lnTo>
                    <a:lnTo>
                      <a:pt x="1125" y="1195"/>
                    </a:lnTo>
                    <a:lnTo>
                      <a:pt x="1134" y="1204"/>
                    </a:lnTo>
                    <a:lnTo>
                      <a:pt x="1143" y="1213"/>
                    </a:lnTo>
                    <a:lnTo>
                      <a:pt x="1151" y="1224"/>
                    </a:lnTo>
                    <a:lnTo>
                      <a:pt x="1157" y="1236"/>
                    </a:lnTo>
                    <a:lnTo>
                      <a:pt x="1164" y="1246"/>
                    </a:lnTo>
                    <a:lnTo>
                      <a:pt x="1169" y="1259"/>
                    </a:lnTo>
                    <a:lnTo>
                      <a:pt x="1178" y="1274"/>
                    </a:lnTo>
                    <a:lnTo>
                      <a:pt x="1188" y="1289"/>
                    </a:lnTo>
                    <a:lnTo>
                      <a:pt x="1200" y="1302"/>
                    </a:lnTo>
                    <a:lnTo>
                      <a:pt x="1209" y="1315"/>
                    </a:lnTo>
                    <a:lnTo>
                      <a:pt x="1213" y="1320"/>
                    </a:lnTo>
                    <a:lnTo>
                      <a:pt x="1214" y="1326"/>
                    </a:lnTo>
                    <a:lnTo>
                      <a:pt x="1214" y="1331"/>
                    </a:lnTo>
                    <a:lnTo>
                      <a:pt x="1213" y="1337"/>
                    </a:lnTo>
                    <a:lnTo>
                      <a:pt x="1210" y="1343"/>
                    </a:lnTo>
                    <a:lnTo>
                      <a:pt x="1204" y="1348"/>
                    </a:lnTo>
                    <a:lnTo>
                      <a:pt x="1196" y="1353"/>
                    </a:lnTo>
                    <a:lnTo>
                      <a:pt x="1185" y="1357"/>
                    </a:lnTo>
                    <a:lnTo>
                      <a:pt x="1174" y="1361"/>
                    </a:lnTo>
                    <a:lnTo>
                      <a:pt x="1157" y="1366"/>
                    </a:lnTo>
                    <a:lnTo>
                      <a:pt x="1148" y="1368"/>
                    </a:lnTo>
                    <a:lnTo>
                      <a:pt x="1140" y="1369"/>
                    </a:lnTo>
                    <a:lnTo>
                      <a:pt x="1135" y="1369"/>
                    </a:lnTo>
                    <a:lnTo>
                      <a:pt x="1134" y="1366"/>
                    </a:lnTo>
                    <a:lnTo>
                      <a:pt x="1134" y="1361"/>
                    </a:lnTo>
                    <a:lnTo>
                      <a:pt x="1135" y="1356"/>
                    </a:lnTo>
                    <a:lnTo>
                      <a:pt x="1137" y="1352"/>
                    </a:lnTo>
                    <a:lnTo>
                      <a:pt x="1139" y="1350"/>
                    </a:lnTo>
                    <a:lnTo>
                      <a:pt x="1146" y="1344"/>
                    </a:lnTo>
                    <a:lnTo>
                      <a:pt x="1153" y="1340"/>
                    </a:lnTo>
                    <a:lnTo>
                      <a:pt x="1161" y="1338"/>
                    </a:lnTo>
                    <a:lnTo>
                      <a:pt x="1168" y="1335"/>
                    </a:lnTo>
                    <a:lnTo>
                      <a:pt x="1170" y="1334"/>
                    </a:lnTo>
                    <a:lnTo>
                      <a:pt x="1173" y="1333"/>
                    </a:lnTo>
                    <a:lnTo>
                      <a:pt x="1174" y="1330"/>
                    </a:lnTo>
                    <a:lnTo>
                      <a:pt x="1174" y="1327"/>
                    </a:lnTo>
                    <a:lnTo>
                      <a:pt x="1174" y="1322"/>
                    </a:lnTo>
                    <a:lnTo>
                      <a:pt x="1173" y="1317"/>
                    </a:lnTo>
                    <a:lnTo>
                      <a:pt x="1172" y="1313"/>
                    </a:lnTo>
                    <a:lnTo>
                      <a:pt x="1169" y="1309"/>
                    </a:lnTo>
                    <a:lnTo>
                      <a:pt x="1163" y="1303"/>
                    </a:lnTo>
                    <a:lnTo>
                      <a:pt x="1155" y="1298"/>
                    </a:lnTo>
                    <a:lnTo>
                      <a:pt x="1147" y="1293"/>
                    </a:lnTo>
                    <a:lnTo>
                      <a:pt x="1138" y="1289"/>
                    </a:lnTo>
                    <a:lnTo>
                      <a:pt x="1130" y="1283"/>
                    </a:lnTo>
                    <a:lnTo>
                      <a:pt x="1124" y="1277"/>
                    </a:lnTo>
                    <a:lnTo>
                      <a:pt x="1117" y="1270"/>
                    </a:lnTo>
                    <a:lnTo>
                      <a:pt x="1112" y="1267"/>
                    </a:lnTo>
                    <a:lnTo>
                      <a:pt x="1106" y="1263"/>
                    </a:lnTo>
                    <a:lnTo>
                      <a:pt x="1099" y="1261"/>
                    </a:lnTo>
                    <a:lnTo>
                      <a:pt x="1093" y="1261"/>
                    </a:lnTo>
                    <a:lnTo>
                      <a:pt x="1086" y="1261"/>
                    </a:lnTo>
                    <a:lnTo>
                      <a:pt x="1080" y="1261"/>
                    </a:lnTo>
                    <a:lnTo>
                      <a:pt x="1073" y="1263"/>
                    </a:lnTo>
                    <a:lnTo>
                      <a:pt x="1059" y="1267"/>
                    </a:lnTo>
                    <a:lnTo>
                      <a:pt x="1045" y="1270"/>
                    </a:lnTo>
                    <a:lnTo>
                      <a:pt x="1037" y="1272"/>
                    </a:lnTo>
                    <a:lnTo>
                      <a:pt x="1029" y="1272"/>
                    </a:lnTo>
                    <a:lnTo>
                      <a:pt x="1021" y="1272"/>
                    </a:lnTo>
                    <a:lnTo>
                      <a:pt x="1014" y="1272"/>
                    </a:lnTo>
                    <a:lnTo>
                      <a:pt x="1010" y="1272"/>
                    </a:lnTo>
                    <a:lnTo>
                      <a:pt x="1007" y="1274"/>
                    </a:lnTo>
                    <a:lnTo>
                      <a:pt x="1004" y="1276"/>
                    </a:lnTo>
                    <a:lnTo>
                      <a:pt x="1002" y="1280"/>
                    </a:lnTo>
                    <a:lnTo>
                      <a:pt x="997" y="1286"/>
                    </a:lnTo>
                    <a:lnTo>
                      <a:pt x="993" y="1295"/>
                    </a:lnTo>
                    <a:lnTo>
                      <a:pt x="990" y="1304"/>
                    </a:lnTo>
                    <a:lnTo>
                      <a:pt x="989" y="1313"/>
                    </a:lnTo>
                    <a:lnTo>
                      <a:pt x="989" y="1322"/>
                    </a:lnTo>
                    <a:lnTo>
                      <a:pt x="990" y="1327"/>
                    </a:lnTo>
                    <a:lnTo>
                      <a:pt x="995" y="1333"/>
                    </a:lnTo>
                    <a:lnTo>
                      <a:pt x="1001" y="1338"/>
                    </a:lnTo>
                    <a:lnTo>
                      <a:pt x="1007" y="1342"/>
                    </a:lnTo>
                    <a:lnTo>
                      <a:pt x="1014" y="1344"/>
                    </a:lnTo>
                    <a:lnTo>
                      <a:pt x="1028" y="1351"/>
                    </a:lnTo>
                    <a:lnTo>
                      <a:pt x="1041" y="1356"/>
                    </a:lnTo>
                    <a:lnTo>
                      <a:pt x="1049" y="1360"/>
                    </a:lnTo>
                    <a:lnTo>
                      <a:pt x="1054" y="1364"/>
                    </a:lnTo>
                    <a:lnTo>
                      <a:pt x="1058" y="1368"/>
                    </a:lnTo>
                    <a:lnTo>
                      <a:pt x="1060" y="1372"/>
                    </a:lnTo>
                    <a:lnTo>
                      <a:pt x="1063" y="1379"/>
                    </a:lnTo>
                    <a:lnTo>
                      <a:pt x="1063" y="1388"/>
                    </a:lnTo>
                    <a:lnTo>
                      <a:pt x="1063" y="1397"/>
                    </a:lnTo>
                    <a:lnTo>
                      <a:pt x="1064" y="1407"/>
                    </a:lnTo>
                    <a:lnTo>
                      <a:pt x="1065" y="1410"/>
                    </a:lnTo>
                    <a:lnTo>
                      <a:pt x="1068" y="1416"/>
                    </a:lnTo>
                    <a:lnTo>
                      <a:pt x="1072" y="1419"/>
                    </a:lnTo>
                    <a:lnTo>
                      <a:pt x="1077" y="1425"/>
                    </a:lnTo>
                    <a:lnTo>
                      <a:pt x="1085" y="1431"/>
                    </a:lnTo>
                    <a:lnTo>
                      <a:pt x="1090" y="1436"/>
                    </a:lnTo>
                    <a:lnTo>
                      <a:pt x="1093" y="1440"/>
                    </a:lnTo>
                    <a:lnTo>
                      <a:pt x="1091" y="1443"/>
                    </a:lnTo>
                    <a:lnTo>
                      <a:pt x="1083" y="1449"/>
                    </a:lnTo>
                    <a:lnTo>
                      <a:pt x="1068" y="1458"/>
                    </a:lnTo>
                    <a:lnTo>
                      <a:pt x="1056" y="1467"/>
                    </a:lnTo>
                    <a:lnTo>
                      <a:pt x="1045" y="1474"/>
                    </a:lnTo>
                    <a:lnTo>
                      <a:pt x="1034" y="1478"/>
                    </a:lnTo>
                    <a:lnTo>
                      <a:pt x="1024" y="1480"/>
                    </a:lnTo>
                    <a:lnTo>
                      <a:pt x="1002" y="1484"/>
                    </a:lnTo>
                    <a:lnTo>
                      <a:pt x="975" y="1489"/>
                    </a:lnTo>
                    <a:lnTo>
                      <a:pt x="966" y="1491"/>
                    </a:lnTo>
                    <a:lnTo>
                      <a:pt x="951" y="1492"/>
                    </a:lnTo>
                    <a:lnTo>
                      <a:pt x="945" y="1493"/>
                    </a:lnTo>
                    <a:lnTo>
                      <a:pt x="938" y="1495"/>
                    </a:lnTo>
                    <a:lnTo>
                      <a:pt x="936" y="1497"/>
                    </a:lnTo>
                    <a:lnTo>
                      <a:pt x="935" y="1498"/>
                    </a:lnTo>
                    <a:lnTo>
                      <a:pt x="937" y="1504"/>
                    </a:lnTo>
                    <a:lnTo>
                      <a:pt x="941" y="1510"/>
                    </a:lnTo>
                    <a:lnTo>
                      <a:pt x="946" y="1515"/>
                    </a:lnTo>
                    <a:lnTo>
                      <a:pt x="953" y="1519"/>
                    </a:lnTo>
                    <a:lnTo>
                      <a:pt x="964" y="1527"/>
                    </a:lnTo>
                    <a:lnTo>
                      <a:pt x="976" y="1532"/>
                    </a:lnTo>
                    <a:lnTo>
                      <a:pt x="988" y="1536"/>
                    </a:lnTo>
                    <a:lnTo>
                      <a:pt x="1002" y="1539"/>
                    </a:lnTo>
                    <a:lnTo>
                      <a:pt x="1015" y="1540"/>
                    </a:lnTo>
                    <a:lnTo>
                      <a:pt x="1028" y="1541"/>
                    </a:lnTo>
                    <a:lnTo>
                      <a:pt x="1046" y="1546"/>
                    </a:lnTo>
                    <a:lnTo>
                      <a:pt x="1063" y="1553"/>
                    </a:lnTo>
                    <a:lnTo>
                      <a:pt x="1078" y="1561"/>
                    </a:lnTo>
                    <a:lnTo>
                      <a:pt x="1096" y="1565"/>
                    </a:lnTo>
                    <a:lnTo>
                      <a:pt x="1108" y="1568"/>
                    </a:lnTo>
                    <a:lnTo>
                      <a:pt x="1117" y="1571"/>
                    </a:lnTo>
                    <a:lnTo>
                      <a:pt x="1124" y="1576"/>
                    </a:lnTo>
                    <a:lnTo>
                      <a:pt x="1128" y="1581"/>
                    </a:lnTo>
                    <a:lnTo>
                      <a:pt x="1130" y="1587"/>
                    </a:lnTo>
                    <a:lnTo>
                      <a:pt x="1134" y="1593"/>
                    </a:lnTo>
                    <a:lnTo>
                      <a:pt x="1138" y="1598"/>
                    </a:lnTo>
                    <a:lnTo>
                      <a:pt x="1146" y="1606"/>
                    </a:lnTo>
                    <a:lnTo>
                      <a:pt x="1151" y="1610"/>
                    </a:lnTo>
                    <a:lnTo>
                      <a:pt x="1156" y="1611"/>
                    </a:lnTo>
                    <a:lnTo>
                      <a:pt x="1161" y="1612"/>
                    </a:lnTo>
                    <a:lnTo>
                      <a:pt x="1165" y="1612"/>
                    </a:lnTo>
                    <a:lnTo>
                      <a:pt x="1174" y="1610"/>
                    </a:lnTo>
                    <a:lnTo>
                      <a:pt x="1181" y="1605"/>
                    </a:lnTo>
                    <a:lnTo>
                      <a:pt x="1187" y="1600"/>
                    </a:lnTo>
                    <a:lnTo>
                      <a:pt x="1194" y="1593"/>
                    </a:lnTo>
                    <a:lnTo>
                      <a:pt x="1196" y="1592"/>
                    </a:lnTo>
                    <a:lnTo>
                      <a:pt x="1199" y="1590"/>
                    </a:lnTo>
                    <a:lnTo>
                      <a:pt x="1201" y="1589"/>
                    </a:lnTo>
                    <a:lnTo>
                      <a:pt x="1204" y="1590"/>
                    </a:lnTo>
                    <a:lnTo>
                      <a:pt x="1210" y="1593"/>
                    </a:lnTo>
                    <a:lnTo>
                      <a:pt x="1214" y="1598"/>
                    </a:lnTo>
                    <a:lnTo>
                      <a:pt x="1218" y="1605"/>
                    </a:lnTo>
                    <a:lnTo>
                      <a:pt x="1222" y="1612"/>
                    </a:lnTo>
                    <a:lnTo>
                      <a:pt x="1226" y="1628"/>
                    </a:lnTo>
                    <a:lnTo>
                      <a:pt x="1230" y="1641"/>
                    </a:lnTo>
                    <a:lnTo>
                      <a:pt x="1234" y="1647"/>
                    </a:lnTo>
                    <a:lnTo>
                      <a:pt x="1238" y="1654"/>
                    </a:lnTo>
                    <a:lnTo>
                      <a:pt x="1242" y="1659"/>
                    </a:lnTo>
                    <a:lnTo>
                      <a:pt x="1247" y="1663"/>
                    </a:lnTo>
                    <a:lnTo>
                      <a:pt x="1253" y="1666"/>
                    </a:lnTo>
                    <a:lnTo>
                      <a:pt x="1258" y="1668"/>
                    </a:lnTo>
                    <a:lnTo>
                      <a:pt x="1265" y="1671"/>
                    </a:lnTo>
                    <a:lnTo>
                      <a:pt x="1271" y="1672"/>
                    </a:lnTo>
                    <a:lnTo>
                      <a:pt x="1300" y="1675"/>
                    </a:lnTo>
                    <a:lnTo>
                      <a:pt x="1327" y="1675"/>
                    </a:lnTo>
                    <a:lnTo>
                      <a:pt x="1332" y="1675"/>
                    </a:lnTo>
                    <a:lnTo>
                      <a:pt x="1337" y="1676"/>
                    </a:lnTo>
                    <a:lnTo>
                      <a:pt x="1341" y="1677"/>
                    </a:lnTo>
                    <a:lnTo>
                      <a:pt x="1345" y="1680"/>
                    </a:lnTo>
                    <a:lnTo>
                      <a:pt x="1353" y="1686"/>
                    </a:lnTo>
                    <a:lnTo>
                      <a:pt x="1358" y="1694"/>
                    </a:lnTo>
                    <a:lnTo>
                      <a:pt x="1365" y="1702"/>
                    </a:lnTo>
                    <a:lnTo>
                      <a:pt x="1370" y="1711"/>
                    </a:lnTo>
                    <a:lnTo>
                      <a:pt x="1376" y="1719"/>
                    </a:lnTo>
                    <a:lnTo>
                      <a:pt x="1383" y="1725"/>
                    </a:lnTo>
                    <a:lnTo>
                      <a:pt x="1391" y="1730"/>
                    </a:lnTo>
                    <a:lnTo>
                      <a:pt x="1400" y="1736"/>
                    </a:lnTo>
                    <a:lnTo>
                      <a:pt x="1409" y="1739"/>
                    </a:lnTo>
                    <a:lnTo>
                      <a:pt x="1419" y="1743"/>
                    </a:lnTo>
                    <a:lnTo>
                      <a:pt x="1441" y="1751"/>
                    </a:lnTo>
                    <a:lnTo>
                      <a:pt x="1462" y="1759"/>
                    </a:lnTo>
                    <a:lnTo>
                      <a:pt x="1471" y="1764"/>
                    </a:lnTo>
                    <a:lnTo>
                      <a:pt x="1479" y="1769"/>
                    </a:lnTo>
                    <a:lnTo>
                      <a:pt x="1484" y="1774"/>
                    </a:lnTo>
                    <a:lnTo>
                      <a:pt x="1488" y="1781"/>
                    </a:lnTo>
                    <a:lnTo>
                      <a:pt x="1489" y="1785"/>
                    </a:lnTo>
                    <a:lnTo>
                      <a:pt x="1490" y="1789"/>
                    </a:lnTo>
                    <a:lnTo>
                      <a:pt x="1490" y="1793"/>
                    </a:lnTo>
                    <a:lnTo>
                      <a:pt x="1490" y="1796"/>
                    </a:lnTo>
                    <a:lnTo>
                      <a:pt x="1486" y="1807"/>
                    </a:lnTo>
                    <a:lnTo>
                      <a:pt x="1480" y="1817"/>
                    </a:lnTo>
                    <a:lnTo>
                      <a:pt x="1475" y="1826"/>
                    </a:lnTo>
                    <a:lnTo>
                      <a:pt x="1471" y="1838"/>
                    </a:lnTo>
                    <a:lnTo>
                      <a:pt x="1470" y="1852"/>
                    </a:lnTo>
                    <a:lnTo>
                      <a:pt x="1468" y="1866"/>
                    </a:lnTo>
                    <a:lnTo>
                      <a:pt x="1468" y="1882"/>
                    </a:lnTo>
                    <a:lnTo>
                      <a:pt x="1471" y="1896"/>
                    </a:lnTo>
                    <a:lnTo>
                      <a:pt x="1473" y="1909"/>
                    </a:lnTo>
                    <a:lnTo>
                      <a:pt x="1477" y="1919"/>
                    </a:lnTo>
                    <a:lnTo>
                      <a:pt x="1484" y="1931"/>
                    </a:lnTo>
                    <a:lnTo>
                      <a:pt x="1490" y="1939"/>
                    </a:lnTo>
                    <a:lnTo>
                      <a:pt x="1497" y="1944"/>
                    </a:lnTo>
                    <a:lnTo>
                      <a:pt x="1503" y="1948"/>
                    </a:lnTo>
                    <a:lnTo>
                      <a:pt x="1510" y="1952"/>
                    </a:lnTo>
                    <a:lnTo>
                      <a:pt x="1516" y="1956"/>
                    </a:lnTo>
                    <a:lnTo>
                      <a:pt x="1524" y="1961"/>
                    </a:lnTo>
                    <a:lnTo>
                      <a:pt x="1532" y="1969"/>
                    </a:lnTo>
                    <a:lnTo>
                      <a:pt x="1533" y="1971"/>
                    </a:lnTo>
                    <a:lnTo>
                      <a:pt x="1534" y="1975"/>
                    </a:lnTo>
                    <a:lnTo>
                      <a:pt x="1536" y="1978"/>
                    </a:lnTo>
                    <a:lnTo>
                      <a:pt x="1534" y="1982"/>
                    </a:lnTo>
                    <a:lnTo>
                      <a:pt x="1533" y="1988"/>
                    </a:lnTo>
                    <a:lnTo>
                      <a:pt x="1529" y="1996"/>
                    </a:lnTo>
                    <a:lnTo>
                      <a:pt x="1524" y="2004"/>
                    </a:lnTo>
                    <a:lnTo>
                      <a:pt x="1519" y="2011"/>
                    </a:lnTo>
                    <a:lnTo>
                      <a:pt x="1515" y="2021"/>
                    </a:lnTo>
                    <a:lnTo>
                      <a:pt x="1512" y="2030"/>
                    </a:lnTo>
                    <a:lnTo>
                      <a:pt x="1510" y="2040"/>
                    </a:lnTo>
                    <a:lnTo>
                      <a:pt x="1506" y="2045"/>
                    </a:lnTo>
                    <a:lnTo>
                      <a:pt x="1505" y="2046"/>
                    </a:lnTo>
                    <a:lnTo>
                      <a:pt x="1502" y="2048"/>
                    </a:lnTo>
                    <a:lnTo>
                      <a:pt x="1499" y="2046"/>
                    </a:lnTo>
                    <a:lnTo>
                      <a:pt x="1497" y="2045"/>
                    </a:lnTo>
                    <a:lnTo>
                      <a:pt x="1492" y="2041"/>
                    </a:lnTo>
                    <a:lnTo>
                      <a:pt x="1485" y="2035"/>
                    </a:lnTo>
                    <a:lnTo>
                      <a:pt x="1480" y="2026"/>
                    </a:lnTo>
                    <a:lnTo>
                      <a:pt x="1473" y="2015"/>
                    </a:lnTo>
                    <a:lnTo>
                      <a:pt x="1460" y="1992"/>
                    </a:lnTo>
                    <a:lnTo>
                      <a:pt x="1449" y="1970"/>
                    </a:lnTo>
                    <a:lnTo>
                      <a:pt x="1440" y="1952"/>
                    </a:lnTo>
                    <a:lnTo>
                      <a:pt x="1435" y="1942"/>
                    </a:lnTo>
                    <a:lnTo>
                      <a:pt x="1422" y="1932"/>
                    </a:lnTo>
                    <a:lnTo>
                      <a:pt x="1406" y="1922"/>
                    </a:lnTo>
                    <a:lnTo>
                      <a:pt x="1389" y="1913"/>
                    </a:lnTo>
                    <a:lnTo>
                      <a:pt x="1375" y="1905"/>
                    </a:lnTo>
                    <a:lnTo>
                      <a:pt x="1368" y="1900"/>
                    </a:lnTo>
                    <a:lnTo>
                      <a:pt x="1365" y="1894"/>
                    </a:lnTo>
                    <a:lnTo>
                      <a:pt x="1361" y="1886"/>
                    </a:lnTo>
                    <a:lnTo>
                      <a:pt x="1358" y="1878"/>
                    </a:lnTo>
                    <a:lnTo>
                      <a:pt x="1354" y="1873"/>
                    </a:lnTo>
                    <a:lnTo>
                      <a:pt x="1349" y="1868"/>
                    </a:lnTo>
                    <a:lnTo>
                      <a:pt x="1346" y="1866"/>
                    </a:lnTo>
                    <a:lnTo>
                      <a:pt x="1343" y="1865"/>
                    </a:lnTo>
                    <a:lnTo>
                      <a:pt x="1337" y="1865"/>
                    </a:lnTo>
                    <a:lnTo>
                      <a:pt x="1332" y="1866"/>
                    </a:lnTo>
                    <a:lnTo>
                      <a:pt x="1318" y="1873"/>
                    </a:lnTo>
                    <a:lnTo>
                      <a:pt x="1301" y="1883"/>
                    </a:lnTo>
                    <a:lnTo>
                      <a:pt x="1284" y="1894"/>
                    </a:lnTo>
                    <a:lnTo>
                      <a:pt x="1271" y="1904"/>
                    </a:lnTo>
                    <a:lnTo>
                      <a:pt x="1261" y="1912"/>
                    </a:lnTo>
                    <a:lnTo>
                      <a:pt x="1252" y="1917"/>
                    </a:lnTo>
                    <a:lnTo>
                      <a:pt x="1244" y="1922"/>
                    </a:lnTo>
                    <a:lnTo>
                      <a:pt x="1236" y="1925"/>
                    </a:lnTo>
                    <a:lnTo>
                      <a:pt x="1220" y="1929"/>
                    </a:lnTo>
                    <a:lnTo>
                      <a:pt x="1199" y="1935"/>
                    </a:lnTo>
                    <a:lnTo>
                      <a:pt x="1179" y="1939"/>
                    </a:lnTo>
                    <a:lnTo>
                      <a:pt x="1159" y="1942"/>
                    </a:lnTo>
                    <a:lnTo>
                      <a:pt x="1148" y="1944"/>
                    </a:lnTo>
                    <a:lnTo>
                      <a:pt x="1140" y="1948"/>
                    </a:lnTo>
                    <a:lnTo>
                      <a:pt x="1138" y="1952"/>
                    </a:lnTo>
                    <a:lnTo>
                      <a:pt x="1135" y="1956"/>
                    </a:lnTo>
                    <a:lnTo>
                      <a:pt x="1134" y="1961"/>
                    </a:lnTo>
                    <a:lnTo>
                      <a:pt x="1134" y="1966"/>
                    </a:lnTo>
                    <a:lnTo>
                      <a:pt x="1134" y="1973"/>
                    </a:lnTo>
                    <a:lnTo>
                      <a:pt x="1135" y="1978"/>
                    </a:lnTo>
                    <a:lnTo>
                      <a:pt x="1137" y="1983"/>
                    </a:lnTo>
                    <a:lnTo>
                      <a:pt x="1139" y="1987"/>
                    </a:lnTo>
                    <a:lnTo>
                      <a:pt x="1142" y="1989"/>
                    </a:lnTo>
                    <a:lnTo>
                      <a:pt x="1146" y="1992"/>
                    </a:lnTo>
                    <a:lnTo>
                      <a:pt x="1150" y="1995"/>
                    </a:lnTo>
                    <a:lnTo>
                      <a:pt x="1153" y="1996"/>
                    </a:lnTo>
                    <a:lnTo>
                      <a:pt x="1172" y="1999"/>
                    </a:lnTo>
                    <a:lnTo>
                      <a:pt x="1192" y="2002"/>
                    </a:lnTo>
                    <a:lnTo>
                      <a:pt x="1190" y="2023"/>
                    </a:lnTo>
                    <a:lnTo>
                      <a:pt x="1186" y="2041"/>
                    </a:lnTo>
                    <a:lnTo>
                      <a:pt x="1185" y="2050"/>
                    </a:lnTo>
                    <a:lnTo>
                      <a:pt x="1185" y="2059"/>
                    </a:lnTo>
                    <a:lnTo>
                      <a:pt x="1187" y="2070"/>
                    </a:lnTo>
                    <a:lnTo>
                      <a:pt x="1194" y="2081"/>
                    </a:lnTo>
                    <a:lnTo>
                      <a:pt x="1200" y="2090"/>
                    </a:lnTo>
                    <a:lnTo>
                      <a:pt x="1207" y="2096"/>
                    </a:lnTo>
                    <a:lnTo>
                      <a:pt x="1212" y="2101"/>
                    </a:lnTo>
                    <a:lnTo>
                      <a:pt x="1218" y="2102"/>
                    </a:lnTo>
                    <a:lnTo>
                      <a:pt x="1223" y="2103"/>
                    </a:lnTo>
                    <a:lnTo>
                      <a:pt x="1229" y="2102"/>
                    </a:lnTo>
                    <a:lnTo>
                      <a:pt x="1235" y="2101"/>
                    </a:lnTo>
                    <a:lnTo>
                      <a:pt x="1239" y="2098"/>
                    </a:lnTo>
                    <a:lnTo>
                      <a:pt x="1248" y="2094"/>
                    </a:lnTo>
                    <a:lnTo>
                      <a:pt x="1256" y="2090"/>
                    </a:lnTo>
                    <a:lnTo>
                      <a:pt x="1258" y="2089"/>
                    </a:lnTo>
                    <a:lnTo>
                      <a:pt x="1262" y="2090"/>
                    </a:lnTo>
                    <a:lnTo>
                      <a:pt x="1264" y="2093"/>
                    </a:lnTo>
                    <a:lnTo>
                      <a:pt x="1265" y="2097"/>
                    </a:lnTo>
                    <a:lnTo>
                      <a:pt x="1266" y="2106"/>
                    </a:lnTo>
                    <a:lnTo>
                      <a:pt x="1265" y="2114"/>
                    </a:lnTo>
                    <a:lnTo>
                      <a:pt x="1261" y="2122"/>
                    </a:lnTo>
                    <a:lnTo>
                      <a:pt x="1258" y="2129"/>
                    </a:lnTo>
                    <a:lnTo>
                      <a:pt x="1257" y="2133"/>
                    </a:lnTo>
                    <a:lnTo>
                      <a:pt x="1257" y="2137"/>
                    </a:lnTo>
                    <a:lnTo>
                      <a:pt x="1258" y="2141"/>
                    </a:lnTo>
                    <a:lnTo>
                      <a:pt x="1261" y="2145"/>
                    </a:lnTo>
                    <a:lnTo>
                      <a:pt x="1266" y="2151"/>
                    </a:lnTo>
                    <a:lnTo>
                      <a:pt x="1274" y="2158"/>
                    </a:lnTo>
                    <a:lnTo>
                      <a:pt x="1282" y="2163"/>
                    </a:lnTo>
                    <a:lnTo>
                      <a:pt x="1289" y="2170"/>
                    </a:lnTo>
                    <a:lnTo>
                      <a:pt x="1296" y="2175"/>
                    </a:lnTo>
                    <a:lnTo>
                      <a:pt x="1300" y="2179"/>
                    </a:lnTo>
                    <a:lnTo>
                      <a:pt x="1289" y="2181"/>
                    </a:lnTo>
                    <a:lnTo>
                      <a:pt x="1282" y="2182"/>
                    </a:lnTo>
                    <a:lnTo>
                      <a:pt x="1275" y="2182"/>
                    </a:lnTo>
                    <a:lnTo>
                      <a:pt x="1270" y="2182"/>
                    </a:lnTo>
                    <a:lnTo>
                      <a:pt x="1261" y="2179"/>
                    </a:lnTo>
                    <a:lnTo>
                      <a:pt x="1256" y="2176"/>
                    </a:lnTo>
                    <a:lnTo>
                      <a:pt x="1253" y="2175"/>
                    </a:lnTo>
                    <a:lnTo>
                      <a:pt x="1251" y="2175"/>
                    </a:lnTo>
                    <a:lnTo>
                      <a:pt x="1248" y="2176"/>
                    </a:lnTo>
                    <a:lnTo>
                      <a:pt x="1245" y="2179"/>
                    </a:lnTo>
                    <a:lnTo>
                      <a:pt x="1238" y="2189"/>
                    </a:lnTo>
                    <a:lnTo>
                      <a:pt x="1226" y="2208"/>
                    </a:lnTo>
                    <a:lnTo>
                      <a:pt x="1222" y="2212"/>
                    </a:lnTo>
                    <a:lnTo>
                      <a:pt x="1218" y="2216"/>
                    </a:lnTo>
                    <a:lnTo>
                      <a:pt x="1214" y="2217"/>
                    </a:lnTo>
                    <a:lnTo>
                      <a:pt x="1209" y="2219"/>
                    </a:lnTo>
                    <a:lnTo>
                      <a:pt x="1204" y="2220"/>
                    </a:lnTo>
                    <a:lnTo>
                      <a:pt x="1199" y="2219"/>
                    </a:lnTo>
                    <a:lnTo>
                      <a:pt x="1194" y="2217"/>
                    </a:lnTo>
                    <a:lnTo>
                      <a:pt x="1190" y="2216"/>
                    </a:lnTo>
                    <a:lnTo>
                      <a:pt x="1186" y="2214"/>
                    </a:lnTo>
                    <a:lnTo>
                      <a:pt x="1183" y="2210"/>
                    </a:lnTo>
                    <a:lnTo>
                      <a:pt x="1181" y="2204"/>
                    </a:lnTo>
                    <a:lnTo>
                      <a:pt x="1181" y="2199"/>
                    </a:lnTo>
                    <a:lnTo>
                      <a:pt x="1181" y="2194"/>
                    </a:lnTo>
                    <a:lnTo>
                      <a:pt x="1183" y="2188"/>
                    </a:lnTo>
                    <a:lnTo>
                      <a:pt x="1188" y="2180"/>
                    </a:lnTo>
                    <a:lnTo>
                      <a:pt x="1195" y="2172"/>
                    </a:lnTo>
                    <a:lnTo>
                      <a:pt x="1195" y="2171"/>
                    </a:lnTo>
                    <a:lnTo>
                      <a:pt x="1195" y="2168"/>
                    </a:lnTo>
                    <a:lnTo>
                      <a:pt x="1194" y="2167"/>
                    </a:lnTo>
                    <a:lnTo>
                      <a:pt x="1191" y="2164"/>
                    </a:lnTo>
                    <a:lnTo>
                      <a:pt x="1185" y="2158"/>
                    </a:lnTo>
                    <a:lnTo>
                      <a:pt x="1177" y="2153"/>
                    </a:lnTo>
                    <a:lnTo>
                      <a:pt x="1160" y="2141"/>
                    </a:lnTo>
                    <a:lnTo>
                      <a:pt x="1148" y="2133"/>
                    </a:lnTo>
                    <a:lnTo>
                      <a:pt x="1128" y="2124"/>
                    </a:lnTo>
                    <a:lnTo>
                      <a:pt x="1090" y="2111"/>
                    </a:lnTo>
                    <a:lnTo>
                      <a:pt x="1071" y="2105"/>
                    </a:lnTo>
                    <a:lnTo>
                      <a:pt x="1055" y="2100"/>
                    </a:lnTo>
                    <a:lnTo>
                      <a:pt x="1042" y="2097"/>
                    </a:lnTo>
                    <a:lnTo>
                      <a:pt x="1037" y="2096"/>
                    </a:lnTo>
                    <a:lnTo>
                      <a:pt x="1028" y="2105"/>
                    </a:lnTo>
                    <a:lnTo>
                      <a:pt x="1021" y="2114"/>
                    </a:lnTo>
                    <a:lnTo>
                      <a:pt x="1017" y="2123"/>
                    </a:lnTo>
                    <a:lnTo>
                      <a:pt x="1015" y="2133"/>
                    </a:lnTo>
                    <a:lnTo>
                      <a:pt x="1015" y="2142"/>
                    </a:lnTo>
                    <a:lnTo>
                      <a:pt x="1016" y="2153"/>
                    </a:lnTo>
                    <a:lnTo>
                      <a:pt x="1019" y="2163"/>
                    </a:lnTo>
                    <a:lnTo>
                      <a:pt x="1023" y="2173"/>
                    </a:lnTo>
                    <a:lnTo>
                      <a:pt x="1045" y="2211"/>
                    </a:lnTo>
                    <a:lnTo>
                      <a:pt x="1064" y="2243"/>
                    </a:lnTo>
                    <a:lnTo>
                      <a:pt x="1067" y="2250"/>
                    </a:lnTo>
                    <a:lnTo>
                      <a:pt x="1068" y="2258"/>
                    </a:lnTo>
                    <a:lnTo>
                      <a:pt x="1069" y="2265"/>
                    </a:lnTo>
                    <a:lnTo>
                      <a:pt x="1069" y="2272"/>
                    </a:lnTo>
                    <a:lnTo>
                      <a:pt x="1071" y="2280"/>
                    </a:lnTo>
                    <a:lnTo>
                      <a:pt x="1072" y="2287"/>
                    </a:lnTo>
                    <a:lnTo>
                      <a:pt x="1073" y="2295"/>
                    </a:lnTo>
                    <a:lnTo>
                      <a:pt x="1077" y="2303"/>
                    </a:lnTo>
                    <a:lnTo>
                      <a:pt x="1098" y="2335"/>
                    </a:lnTo>
                    <a:lnTo>
                      <a:pt x="1121" y="2370"/>
                    </a:lnTo>
                    <a:lnTo>
                      <a:pt x="1133" y="2387"/>
                    </a:lnTo>
                    <a:lnTo>
                      <a:pt x="1144" y="2405"/>
                    </a:lnTo>
                    <a:lnTo>
                      <a:pt x="1153" y="2422"/>
                    </a:lnTo>
                    <a:lnTo>
                      <a:pt x="1160" y="2438"/>
                    </a:lnTo>
                    <a:lnTo>
                      <a:pt x="1161" y="2444"/>
                    </a:lnTo>
                    <a:lnTo>
                      <a:pt x="1163" y="2451"/>
                    </a:lnTo>
                    <a:lnTo>
                      <a:pt x="1161" y="2456"/>
                    </a:lnTo>
                    <a:lnTo>
                      <a:pt x="1161" y="2460"/>
                    </a:lnTo>
                    <a:lnTo>
                      <a:pt x="1157" y="2469"/>
                    </a:lnTo>
                    <a:lnTo>
                      <a:pt x="1153" y="2477"/>
                    </a:lnTo>
                    <a:lnTo>
                      <a:pt x="1148" y="2482"/>
                    </a:lnTo>
                    <a:lnTo>
                      <a:pt x="1146" y="2488"/>
                    </a:lnTo>
                    <a:lnTo>
                      <a:pt x="1144" y="2491"/>
                    </a:lnTo>
                    <a:lnTo>
                      <a:pt x="1144" y="2495"/>
                    </a:lnTo>
                    <a:lnTo>
                      <a:pt x="1144" y="2497"/>
                    </a:lnTo>
                    <a:lnTo>
                      <a:pt x="1146" y="2501"/>
                    </a:lnTo>
                    <a:lnTo>
                      <a:pt x="1155" y="2513"/>
                    </a:lnTo>
                    <a:lnTo>
                      <a:pt x="1165" y="2522"/>
                    </a:lnTo>
                    <a:lnTo>
                      <a:pt x="1175" y="2531"/>
                    </a:lnTo>
                    <a:lnTo>
                      <a:pt x="1186" y="2540"/>
                    </a:lnTo>
                    <a:lnTo>
                      <a:pt x="1195" y="2549"/>
                    </a:lnTo>
                    <a:lnTo>
                      <a:pt x="1203" y="2561"/>
                    </a:lnTo>
                    <a:lnTo>
                      <a:pt x="1205" y="2566"/>
                    </a:lnTo>
                    <a:lnTo>
                      <a:pt x="1208" y="2574"/>
                    </a:lnTo>
                    <a:lnTo>
                      <a:pt x="1209" y="2581"/>
                    </a:lnTo>
                    <a:lnTo>
                      <a:pt x="1209" y="2589"/>
                    </a:lnTo>
                    <a:lnTo>
                      <a:pt x="1208" y="2591"/>
                    </a:lnTo>
                    <a:lnTo>
                      <a:pt x="1190" y="2591"/>
                    </a:lnTo>
                    <a:lnTo>
                      <a:pt x="1173" y="2589"/>
                    </a:lnTo>
                    <a:lnTo>
                      <a:pt x="1169" y="2581"/>
                    </a:lnTo>
                    <a:lnTo>
                      <a:pt x="1165" y="2572"/>
                    </a:lnTo>
                    <a:lnTo>
                      <a:pt x="1052" y="2510"/>
                    </a:lnTo>
                    <a:lnTo>
                      <a:pt x="1051" y="2508"/>
                    </a:lnTo>
                    <a:lnTo>
                      <a:pt x="1050" y="2502"/>
                    </a:lnTo>
                    <a:lnTo>
                      <a:pt x="1050" y="2497"/>
                    </a:lnTo>
                    <a:lnTo>
                      <a:pt x="1051" y="2491"/>
                    </a:lnTo>
                    <a:lnTo>
                      <a:pt x="1051" y="2484"/>
                    </a:lnTo>
                    <a:lnTo>
                      <a:pt x="1051" y="2478"/>
                    </a:lnTo>
                    <a:lnTo>
                      <a:pt x="1050" y="2473"/>
                    </a:lnTo>
                    <a:lnTo>
                      <a:pt x="1047" y="2467"/>
                    </a:lnTo>
                    <a:lnTo>
                      <a:pt x="1041" y="2461"/>
                    </a:lnTo>
                    <a:lnTo>
                      <a:pt x="1034" y="2457"/>
                    </a:lnTo>
                    <a:lnTo>
                      <a:pt x="1029" y="2455"/>
                    </a:lnTo>
                    <a:lnTo>
                      <a:pt x="1023" y="2453"/>
                    </a:lnTo>
                    <a:lnTo>
                      <a:pt x="1017" y="2453"/>
                    </a:lnTo>
                    <a:lnTo>
                      <a:pt x="1012" y="2455"/>
                    </a:lnTo>
                    <a:lnTo>
                      <a:pt x="1007" y="2456"/>
                    </a:lnTo>
                    <a:lnTo>
                      <a:pt x="1002" y="2460"/>
                    </a:lnTo>
                    <a:lnTo>
                      <a:pt x="998" y="2464"/>
                    </a:lnTo>
                    <a:lnTo>
                      <a:pt x="993" y="2469"/>
                    </a:lnTo>
                    <a:lnTo>
                      <a:pt x="989" y="2475"/>
                    </a:lnTo>
                    <a:lnTo>
                      <a:pt x="985" y="2482"/>
                    </a:lnTo>
                    <a:lnTo>
                      <a:pt x="977" y="2497"/>
                    </a:lnTo>
                    <a:lnTo>
                      <a:pt x="971" y="2515"/>
                    </a:lnTo>
                    <a:lnTo>
                      <a:pt x="964" y="2534"/>
                    </a:lnTo>
                    <a:lnTo>
                      <a:pt x="959" y="2553"/>
                    </a:lnTo>
                    <a:lnTo>
                      <a:pt x="955" y="2572"/>
                    </a:lnTo>
                    <a:lnTo>
                      <a:pt x="951" y="2591"/>
                    </a:lnTo>
                    <a:lnTo>
                      <a:pt x="946" y="2622"/>
                    </a:lnTo>
                    <a:lnTo>
                      <a:pt x="945" y="2641"/>
                    </a:lnTo>
                    <a:lnTo>
                      <a:pt x="944" y="2642"/>
                    </a:lnTo>
                    <a:lnTo>
                      <a:pt x="941" y="2644"/>
                    </a:lnTo>
                    <a:lnTo>
                      <a:pt x="937" y="2642"/>
                    </a:lnTo>
                    <a:lnTo>
                      <a:pt x="931" y="2640"/>
                    </a:lnTo>
                    <a:lnTo>
                      <a:pt x="916" y="2633"/>
                    </a:lnTo>
                    <a:lnTo>
                      <a:pt x="902" y="2624"/>
                    </a:lnTo>
                    <a:lnTo>
                      <a:pt x="894" y="2618"/>
                    </a:lnTo>
                    <a:lnTo>
                      <a:pt x="888" y="2613"/>
                    </a:lnTo>
                    <a:lnTo>
                      <a:pt x="884" y="2606"/>
                    </a:lnTo>
                    <a:lnTo>
                      <a:pt x="880" y="2600"/>
                    </a:lnTo>
                    <a:lnTo>
                      <a:pt x="878" y="2594"/>
                    </a:lnTo>
                    <a:lnTo>
                      <a:pt x="878" y="2588"/>
                    </a:lnTo>
                    <a:lnTo>
                      <a:pt x="880" y="2583"/>
                    </a:lnTo>
                    <a:lnTo>
                      <a:pt x="885" y="2578"/>
                    </a:lnTo>
                    <a:lnTo>
                      <a:pt x="893" y="2571"/>
                    </a:lnTo>
                    <a:lnTo>
                      <a:pt x="898" y="2563"/>
                    </a:lnTo>
                    <a:lnTo>
                      <a:pt x="902" y="2554"/>
                    </a:lnTo>
                    <a:lnTo>
                      <a:pt x="905" y="2544"/>
                    </a:lnTo>
                    <a:lnTo>
                      <a:pt x="906" y="2532"/>
                    </a:lnTo>
                    <a:lnTo>
                      <a:pt x="906" y="2521"/>
                    </a:lnTo>
                    <a:lnTo>
                      <a:pt x="905" y="2509"/>
                    </a:lnTo>
                    <a:lnTo>
                      <a:pt x="902" y="2496"/>
                    </a:lnTo>
                    <a:lnTo>
                      <a:pt x="898" y="2484"/>
                    </a:lnTo>
                    <a:lnTo>
                      <a:pt x="893" y="2473"/>
                    </a:lnTo>
                    <a:lnTo>
                      <a:pt x="888" y="2461"/>
                    </a:lnTo>
                    <a:lnTo>
                      <a:pt x="881" y="2451"/>
                    </a:lnTo>
                    <a:lnTo>
                      <a:pt x="875" y="2442"/>
                    </a:lnTo>
                    <a:lnTo>
                      <a:pt x="867" y="2435"/>
                    </a:lnTo>
                    <a:lnTo>
                      <a:pt x="859" y="2429"/>
                    </a:lnTo>
                    <a:lnTo>
                      <a:pt x="850" y="2425"/>
                    </a:lnTo>
                    <a:lnTo>
                      <a:pt x="845" y="2422"/>
                    </a:lnTo>
                    <a:lnTo>
                      <a:pt x="840" y="2417"/>
                    </a:lnTo>
                    <a:lnTo>
                      <a:pt x="836" y="2413"/>
                    </a:lnTo>
                    <a:lnTo>
                      <a:pt x="833" y="2408"/>
                    </a:lnTo>
                    <a:lnTo>
                      <a:pt x="831" y="2395"/>
                    </a:lnTo>
                    <a:lnTo>
                      <a:pt x="831" y="2382"/>
                    </a:lnTo>
                    <a:lnTo>
                      <a:pt x="831" y="2368"/>
                    </a:lnTo>
                    <a:lnTo>
                      <a:pt x="830" y="2355"/>
                    </a:lnTo>
                    <a:lnTo>
                      <a:pt x="827" y="2348"/>
                    </a:lnTo>
                    <a:lnTo>
                      <a:pt x="824" y="2343"/>
                    </a:lnTo>
                    <a:lnTo>
                      <a:pt x="822" y="2338"/>
                    </a:lnTo>
                    <a:lnTo>
                      <a:pt x="817" y="2334"/>
                    </a:lnTo>
                    <a:lnTo>
                      <a:pt x="808" y="2330"/>
                    </a:lnTo>
                    <a:lnTo>
                      <a:pt x="798" y="2328"/>
                    </a:lnTo>
                    <a:lnTo>
                      <a:pt x="789" y="2328"/>
                    </a:lnTo>
                    <a:lnTo>
                      <a:pt x="782" y="2330"/>
                    </a:lnTo>
                    <a:lnTo>
                      <a:pt x="774" y="2334"/>
                    </a:lnTo>
                    <a:lnTo>
                      <a:pt x="767" y="2339"/>
                    </a:lnTo>
                    <a:lnTo>
                      <a:pt x="761" y="2346"/>
                    </a:lnTo>
                    <a:lnTo>
                      <a:pt x="754" y="2353"/>
                    </a:lnTo>
                    <a:lnTo>
                      <a:pt x="749" y="2361"/>
                    </a:lnTo>
                    <a:lnTo>
                      <a:pt x="745" y="2370"/>
                    </a:lnTo>
                    <a:lnTo>
                      <a:pt x="741" y="2379"/>
                    </a:lnTo>
                    <a:lnTo>
                      <a:pt x="738" y="2388"/>
                    </a:lnTo>
                    <a:lnTo>
                      <a:pt x="735" y="2398"/>
                    </a:lnTo>
                    <a:lnTo>
                      <a:pt x="734" y="2407"/>
                    </a:lnTo>
                    <a:lnTo>
                      <a:pt x="734" y="2416"/>
                    </a:lnTo>
                    <a:lnTo>
                      <a:pt x="734" y="2423"/>
                    </a:lnTo>
                    <a:lnTo>
                      <a:pt x="736" y="2435"/>
                    </a:lnTo>
                    <a:lnTo>
                      <a:pt x="741" y="2456"/>
                    </a:lnTo>
                    <a:lnTo>
                      <a:pt x="743" y="2466"/>
                    </a:lnTo>
                    <a:lnTo>
                      <a:pt x="741" y="2475"/>
                    </a:lnTo>
                    <a:lnTo>
                      <a:pt x="740" y="2478"/>
                    </a:lnTo>
                    <a:lnTo>
                      <a:pt x="739" y="2480"/>
                    </a:lnTo>
                    <a:lnTo>
                      <a:pt x="736" y="2483"/>
                    </a:lnTo>
                    <a:lnTo>
                      <a:pt x="732" y="2483"/>
                    </a:lnTo>
                    <a:lnTo>
                      <a:pt x="717" y="2482"/>
                    </a:lnTo>
                    <a:lnTo>
                      <a:pt x="700" y="2478"/>
                    </a:lnTo>
                    <a:lnTo>
                      <a:pt x="691" y="2475"/>
                    </a:lnTo>
                    <a:lnTo>
                      <a:pt x="682" y="2471"/>
                    </a:lnTo>
                    <a:lnTo>
                      <a:pt x="673" y="2467"/>
                    </a:lnTo>
                    <a:lnTo>
                      <a:pt x="665" y="2462"/>
                    </a:lnTo>
                    <a:lnTo>
                      <a:pt x="659" y="2457"/>
                    </a:lnTo>
                    <a:lnTo>
                      <a:pt x="652" y="2452"/>
                    </a:lnTo>
                    <a:lnTo>
                      <a:pt x="648" y="2445"/>
                    </a:lnTo>
                    <a:lnTo>
                      <a:pt x="646" y="2439"/>
                    </a:lnTo>
                    <a:lnTo>
                      <a:pt x="644" y="2432"/>
                    </a:lnTo>
                    <a:lnTo>
                      <a:pt x="646" y="2425"/>
                    </a:lnTo>
                    <a:lnTo>
                      <a:pt x="651" y="2417"/>
                    </a:lnTo>
                    <a:lnTo>
                      <a:pt x="657" y="2409"/>
                    </a:lnTo>
                    <a:lnTo>
                      <a:pt x="665" y="2401"/>
                    </a:lnTo>
                    <a:lnTo>
                      <a:pt x="669" y="2395"/>
                    </a:lnTo>
                    <a:lnTo>
                      <a:pt x="670" y="2392"/>
                    </a:lnTo>
                    <a:lnTo>
                      <a:pt x="670" y="2390"/>
                    </a:lnTo>
                    <a:lnTo>
                      <a:pt x="669" y="2388"/>
                    </a:lnTo>
                    <a:lnTo>
                      <a:pt x="666" y="2387"/>
                    </a:lnTo>
                    <a:lnTo>
                      <a:pt x="656" y="2382"/>
                    </a:lnTo>
                    <a:lnTo>
                      <a:pt x="640" y="2373"/>
                    </a:lnTo>
                    <a:lnTo>
                      <a:pt x="627" y="2363"/>
                    </a:lnTo>
                    <a:lnTo>
                      <a:pt x="618" y="2353"/>
                    </a:lnTo>
                    <a:lnTo>
                      <a:pt x="612" y="2344"/>
                    </a:lnTo>
                    <a:lnTo>
                      <a:pt x="608" y="2335"/>
                    </a:lnTo>
                    <a:lnTo>
                      <a:pt x="607" y="2328"/>
                    </a:lnTo>
                    <a:lnTo>
                      <a:pt x="608" y="2321"/>
                    </a:lnTo>
                    <a:lnTo>
                      <a:pt x="611" y="2313"/>
                    </a:lnTo>
                    <a:lnTo>
                      <a:pt x="613" y="2307"/>
                    </a:lnTo>
                    <a:lnTo>
                      <a:pt x="624" y="2293"/>
                    </a:lnTo>
                    <a:lnTo>
                      <a:pt x="634" y="2277"/>
                    </a:lnTo>
                    <a:lnTo>
                      <a:pt x="639" y="2268"/>
                    </a:lnTo>
                    <a:lnTo>
                      <a:pt x="644" y="2259"/>
                    </a:lnTo>
                    <a:lnTo>
                      <a:pt x="647" y="2249"/>
                    </a:lnTo>
                    <a:lnTo>
                      <a:pt x="649" y="2238"/>
                    </a:lnTo>
                    <a:lnTo>
                      <a:pt x="648" y="2228"/>
                    </a:lnTo>
                    <a:lnTo>
                      <a:pt x="646" y="2219"/>
                    </a:lnTo>
                    <a:lnTo>
                      <a:pt x="642" y="2208"/>
                    </a:lnTo>
                    <a:lnTo>
                      <a:pt x="638" y="2199"/>
                    </a:lnTo>
                    <a:lnTo>
                      <a:pt x="633" y="2189"/>
                    </a:lnTo>
                    <a:lnTo>
                      <a:pt x="627" y="2180"/>
                    </a:lnTo>
                    <a:lnTo>
                      <a:pt x="621" y="2171"/>
                    </a:lnTo>
                    <a:lnTo>
                      <a:pt x="615" y="2162"/>
                    </a:lnTo>
                    <a:lnTo>
                      <a:pt x="599" y="2144"/>
                    </a:lnTo>
                    <a:lnTo>
                      <a:pt x="582" y="2128"/>
                    </a:lnTo>
                    <a:lnTo>
                      <a:pt x="565" y="2115"/>
                    </a:lnTo>
                    <a:lnTo>
                      <a:pt x="550" y="2105"/>
                    </a:lnTo>
                    <a:lnTo>
                      <a:pt x="539" y="2100"/>
                    </a:lnTo>
                    <a:lnTo>
                      <a:pt x="529" y="2096"/>
                    </a:lnTo>
                    <a:lnTo>
                      <a:pt x="520" y="2093"/>
                    </a:lnTo>
                    <a:lnTo>
                      <a:pt x="512" y="2092"/>
                    </a:lnTo>
                    <a:lnTo>
                      <a:pt x="497" y="2090"/>
                    </a:lnTo>
                    <a:lnTo>
                      <a:pt x="485" y="2090"/>
                    </a:lnTo>
                    <a:lnTo>
                      <a:pt x="480" y="2089"/>
                    </a:lnTo>
                    <a:lnTo>
                      <a:pt x="475" y="2087"/>
                    </a:lnTo>
                    <a:lnTo>
                      <a:pt x="471" y="2084"/>
                    </a:lnTo>
                    <a:lnTo>
                      <a:pt x="468" y="2080"/>
                    </a:lnTo>
                    <a:lnTo>
                      <a:pt x="466" y="2074"/>
                    </a:lnTo>
                    <a:lnTo>
                      <a:pt x="464" y="2066"/>
                    </a:lnTo>
                    <a:lnTo>
                      <a:pt x="464" y="2056"/>
                    </a:lnTo>
                    <a:lnTo>
                      <a:pt x="464" y="2043"/>
                    </a:lnTo>
                    <a:lnTo>
                      <a:pt x="464" y="2031"/>
                    </a:lnTo>
                    <a:lnTo>
                      <a:pt x="463" y="2021"/>
                    </a:lnTo>
                    <a:lnTo>
                      <a:pt x="459" y="2013"/>
                    </a:lnTo>
                    <a:lnTo>
                      <a:pt x="455" y="2006"/>
                    </a:lnTo>
                    <a:lnTo>
                      <a:pt x="449" y="2000"/>
                    </a:lnTo>
                    <a:lnTo>
                      <a:pt x="441" y="1995"/>
                    </a:lnTo>
                    <a:lnTo>
                      <a:pt x="432" y="1989"/>
                    </a:lnTo>
                    <a:lnTo>
                      <a:pt x="421" y="1983"/>
                    </a:lnTo>
                    <a:lnTo>
                      <a:pt x="414" y="1979"/>
                    </a:lnTo>
                    <a:lnTo>
                      <a:pt x="407" y="1975"/>
                    </a:lnTo>
                    <a:lnTo>
                      <a:pt x="405" y="1970"/>
                    </a:lnTo>
                    <a:lnTo>
                      <a:pt x="402" y="1966"/>
                    </a:lnTo>
                    <a:lnTo>
                      <a:pt x="402" y="1962"/>
                    </a:lnTo>
                    <a:lnTo>
                      <a:pt x="403" y="1957"/>
                    </a:lnTo>
                    <a:lnTo>
                      <a:pt x="406" y="1953"/>
                    </a:lnTo>
                    <a:lnTo>
                      <a:pt x="409" y="1949"/>
                    </a:lnTo>
                    <a:lnTo>
                      <a:pt x="418" y="1942"/>
                    </a:lnTo>
                    <a:lnTo>
                      <a:pt x="429" y="1935"/>
                    </a:lnTo>
                    <a:lnTo>
                      <a:pt x="441" y="1929"/>
                    </a:lnTo>
                    <a:lnTo>
                      <a:pt x="453" y="1922"/>
                    </a:lnTo>
                    <a:lnTo>
                      <a:pt x="459" y="1918"/>
                    </a:lnTo>
                    <a:lnTo>
                      <a:pt x="466" y="1912"/>
                    </a:lnTo>
                    <a:lnTo>
                      <a:pt x="471" y="1904"/>
                    </a:lnTo>
                    <a:lnTo>
                      <a:pt x="475" y="1896"/>
                    </a:lnTo>
                    <a:lnTo>
                      <a:pt x="482" y="1877"/>
                    </a:lnTo>
                    <a:lnTo>
                      <a:pt x="490" y="1859"/>
                    </a:lnTo>
                    <a:lnTo>
                      <a:pt x="497" y="1842"/>
                    </a:lnTo>
                    <a:lnTo>
                      <a:pt x="504" y="1829"/>
                    </a:lnTo>
                    <a:lnTo>
                      <a:pt x="508" y="1825"/>
                    </a:lnTo>
                    <a:lnTo>
                      <a:pt x="513" y="1824"/>
                    </a:lnTo>
                    <a:lnTo>
                      <a:pt x="519" y="1824"/>
                    </a:lnTo>
                    <a:lnTo>
                      <a:pt x="525" y="1828"/>
                    </a:lnTo>
                    <a:lnTo>
                      <a:pt x="542" y="1840"/>
                    </a:lnTo>
                    <a:lnTo>
                      <a:pt x="556" y="1852"/>
                    </a:lnTo>
                    <a:lnTo>
                      <a:pt x="563" y="1857"/>
                    </a:lnTo>
                    <a:lnTo>
                      <a:pt x="572" y="1860"/>
                    </a:lnTo>
                    <a:lnTo>
                      <a:pt x="582" y="1862"/>
                    </a:lnTo>
                    <a:lnTo>
                      <a:pt x="594" y="1864"/>
                    </a:lnTo>
                    <a:lnTo>
                      <a:pt x="604" y="1862"/>
                    </a:lnTo>
                    <a:lnTo>
                      <a:pt x="616" y="1860"/>
                    </a:lnTo>
                    <a:lnTo>
                      <a:pt x="627" y="1857"/>
                    </a:lnTo>
                    <a:lnTo>
                      <a:pt x="639" y="1852"/>
                    </a:lnTo>
                    <a:lnTo>
                      <a:pt x="651" y="1846"/>
                    </a:lnTo>
                    <a:lnTo>
                      <a:pt x="660" y="1839"/>
                    </a:lnTo>
                    <a:lnTo>
                      <a:pt x="668" y="1830"/>
                    </a:lnTo>
                    <a:lnTo>
                      <a:pt x="674" y="1821"/>
                    </a:lnTo>
                    <a:lnTo>
                      <a:pt x="678" y="1812"/>
                    </a:lnTo>
                    <a:lnTo>
                      <a:pt x="683" y="1804"/>
                    </a:lnTo>
                    <a:lnTo>
                      <a:pt x="687" y="1799"/>
                    </a:lnTo>
                    <a:lnTo>
                      <a:pt x="692" y="1795"/>
                    </a:lnTo>
                    <a:lnTo>
                      <a:pt x="697" y="1794"/>
                    </a:lnTo>
                    <a:lnTo>
                      <a:pt x="701" y="1793"/>
                    </a:lnTo>
                    <a:lnTo>
                      <a:pt x="706" y="1793"/>
                    </a:lnTo>
                    <a:lnTo>
                      <a:pt x="712" y="1795"/>
                    </a:lnTo>
                    <a:lnTo>
                      <a:pt x="734" y="1806"/>
                    </a:lnTo>
                    <a:lnTo>
                      <a:pt x="757" y="1816"/>
                    </a:lnTo>
                    <a:lnTo>
                      <a:pt x="758" y="1818"/>
                    </a:lnTo>
                    <a:lnTo>
                      <a:pt x="762" y="1820"/>
                    </a:lnTo>
                    <a:lnTo>
                      <a:pt x="766" y="1820"/>
                    </a:lnTo>
                    <a:lnTo>
                      <a:pt x="770" y="1821"/>
                    </a:lnTo>
                    <a:lnTo>
                      <a:pt x="780" y="1820"/>
                    </a:lnTo>
                    <a:lnTo>
                      <a:pt x="787" y="1818"/>
                    </a:lnTo>
                    <a:lnTo>
                      <a:pt x="815" y="1826"/>
                    </a:lnTo>
                    <a:lnTo>
                      <a:pt x="841" y="1834"/>
                    </a:lnTo>
                    <a:lnTo>
                      <a:pt x="867" y="1844"/>
                    </a:lnTo>
                    <a:lnTo>
                      <a:pt x="894" y="1855"/>
                    </a:lnTo>
                    <a:lnTo>
                      <a:pt x="916" y="1861"/>
                    </a:lnTo>
                    <a:lnTo>
                      <a:pt x="941" y="1866"/>
                    </a:lnTo>
                    <a:lnTo>
                      <a:pt x="966" y="1870"/>
                    </a:lnTo>
                    <a:lnTo>
                      <a:pt x="989" y="1875"/>
                    </a:lnTo>
                    <a:lnTo>
                      <a:pt x="997" y="1878"/>
                    </a:lnTo>
                    <a:lnTo>
                      <a:pt x="1004" y="1881"/>
                    </a:lnTo>
                    <a:lnTo>
                      <a:pt x="1010" y="1885"/>
                    </a:lnTo>
                    <a:lnTo>
                      <a:pt x="1015" y="1890"/>
                    </a:lnTo>
                    <a:lnTo>
                      <a:pt x="1025" y="1900"/>
                    </a:lnTo>
                    <a:lnTo>
                      <a:pt x="1037" y="1912"/>
                    </a:lnTo>
                    <a:lnTo>
                      <a:pt x="1046" y="1921"/>
                    </a:lnTo>
                    <a:lnTo>
                      <a:pt x="1061" y="1931"/>
                    </a:lnTo>
                    <a:lnTo>
                      <a:pt x="1068" y="1936"/>
                    </a:lnTo>
                    <a:lnTo>
                      <a:pt x="1076" y="1940"/>
                    </a:lnTo>
                    <a:lnTo>
                      <a:pt x="1080" y="1940"/>
                    </a:lnTo>
                    <a:lnTo>
                      <a:pt x="1082" y="1940"/>
                    </a:lnTo>
                    <a:lnTo>
                      <a:pt x="1085" y="1940"/>
                    </a:lnTo>
                    <a:lnTo>
                      <a:pt x="1086" y="1938"/>
                    </a:lnTo>
                    <a:lnTo>
                      <a:pt x="1090" y="1934"/>
                    </a:lnTo>
                    <a:lnTo>
                      <a:pt x="1093" y="1930"/>
                    </a:lnTo>
                    <a:lnTo>
                      <a:pt x="1094" y="1926"/>
                    </a:lnTo>
                    <a:lnTo>
                      <a:pt x="1095" y="1922"/>
                    </a:lnTo>
                    <a:lnTo>
                      <a:pt x="1094" y="1914"/>
                    </a:lnTo>
                    <a:lnTo>
                      <a:pt x="1091" y="1908"/>
                    </a:lnTo>
                    <a:lnTo>
                      <a:pt x="1087" y="1900"/>
                    </a:lnTo>
                    <a:lnTo>
                      <a:pt x="1083" y="1894"/>
                    </a:lnTo>
                    <a:lnTo>
                      <a:pt x="1080" y="1886"/>
                    </a:lnTo>
                    <a:lnTo>
                      <a:pt x="1077" y="1878"/>
                    </a:lnTo>
                    <a:lnTo>
                      <a:pt x="1078" y="1874"/>
                    </a:lnTo>
                    <a:lnTo>
                      <a:pt x="1081" y="1872"/>
                    </a:lnTo>
                    <a:lnTo>
                      <a:pt x="1085" y="1869"/>
                    </a:lnTo>
                    <a:lnTo>
                      <a:pt x="1090" y="1868"/>
                    </a:lnTo>
                    <a:lnTo>
                      <a:pt x="1103" y="1865"/>
                    </a:lnTo>
                    <a:lnTo>
                      <a:pt x="1120" y="1862"/>
                    </a:lnTo>
                    <a:lnTo>
                      <a:pt x="1135" y="1861"/>
                    </a:lnTo>
                    <a:lnTo>
                      <a:pt x="1151" y="1857"/>
                    </a:lnTo>
                    <a:lnTo>
                      <a:pt x="1157" y="1856"/>
                    </a:lnTo>
                    <a:lnTo>
                      <a:pt x="1163" y="1853"/>
                    </a:lnTo>
                    <a:lnTo>
                      <a:pt x="1166" y="1851"/>
                    </a:lnTo>
                    <a:lnTo>
                      <a:pt x="1169" y="1848"/>
                    </a:lnTo>
                    <a:lnTo>
                      <a:pt x="1170" y="1844"/>
                    </a:lnTo>
                    <a:lnTo>
                      <a:pt x="1170" y="1842"/>
                    </a:lnTo>
                    <a:lnTo>
                      <a:pt x="1169" y="1839"/>
                    </a:lnTo>
                    <a:lnTo>
                      <a:pt x="1168" y="1835"/>
                    </a:lnTo>
                    <a:lnTo>
                      <a:pt x="1163" y="1830"/>
                    </a:lnTo>
                    <a:lnTo>
                      <a:pt x="1156" y="1824"/>
                    </a:lnTo>
                    <a:lnTo>
                      <a:pt x="1142" y="1812"/>
                    </a:lnTo>
                    <a:lnTo>
                      <a:pt x="1133" y="1802"/>
                    </a:lnTo>
                    <a:lnTo>
                      <a:pt x="1128" y="1787"/>
                    </a:lnTo>
                    <a:lnTo>
                      <a:pt x="1121" y="1777"/>
                    </a:lnTo>
                    <a:lnTo>
                      <a:pt x="1116" y="1778"/>
                    </a:lnTo>
                    <a:lnTo>
                      <a:pt x="1111" y="1780"/>
                    </a:lnTo>
                    <a:lnTo>
                      <a:pt x="1106" y="1783"/>
                    </a:lnTo>
                    <a:lnTo>
                      <a:pt x="1099" y="1786"/>
                    </a:lnTo>
                    <a:lnTo>
                      <a:pt x="1087" y="1794"/>
                    </a:lnTo>
                    <a:lnTo>
                      <a:pt x="1076" y="1799"/>
                    </a:lnTo>
                    <a:lnTo>
                      <a:pt x="1063" y="1800"/>
                    </a:lnTo>
                    <a:lnTo>
                      <a:pt x="1052" y="1800"/>
                    </a:lnTo>
                    <a:lnTo>
                      <a:pt x="1045" y="1798"/>
                    </a:lnTo>
                    <a:lnTo>
                      <a:pt x="1039" y="1793"/>
                    </a:lnTo>
                    <a:lnTo>
                      <a:pt x="1036" y="1787"/>
                    </a:lnTo>
                    <a:lnTo>
                      <a:pt x="1032" y="1781"/>
                    </a:lnTo>
                    <a:lnTo>
                      <a:pt x="1030" y="1774"/>
                    </a:lnTo>
                    <a:lnTo>
                      <a:pt x="1028" y="1767"/>
                    </a:lnTo>
                    <a:lnTo>
                      <a:pt x="1025" y="1751"/>
                    </a:lnTo>
                    <a:lnTo>
                      <a:pt x="1020" y="1738"/>
                    </a:lnTo>
                    <a:lnTo>
                      <a:pt x="1016" y="1734"/>
                    </a:lnTo>
                    <a:lnTo>
                      <a:pt x="1011" y="1730"/>
                    </a:lnTo>
                    <a:lnTo>
                      <a:pt x="1003" y="1729"/>
                    </a:lnTo>
                    <a:lnTo>
                      <a:pt x="994" y="1730"/>
                    </a:lnTo>
                    <a:lnTo>
                      <a:pt x="992" y="1732"/>
                    </a:lnTo>
                    <a:lnTo>
                      <a:pt x="989" y="1736"/>
                    </a:lnTo>
                    <a:lnTo>
                      <a:pt x="985" y="1741"/>
                    </a:lnTo>
                    <a:lnTo>
                      <a:pt x="982" y="1746"/>
                    </a:lnTo>
                    <a:lnTo>
                      <a:pt x="975" y="1760"/>
                    </a:lnTo>
                    <a:lnTo>
                      <a:pt x="967" y="1776"/>
                    </a:lnTo>
                    <a:lnTo>
                      <a:pt x="963" y="1781"/>
                    </a:lnTo>
                    <a:lnTo>
                      <a:pt x="958" y="1786"/>
                    </a:lnTo>
                    <a:lnTo>
                      <a:pt x="954" y="1790"/>
                    </a:lnTo>
                    <a:lnTo>
                      <a:pt x="950" y="1791"/>
                    </a:lnTo>
                    <a:lnTo>
                      <a:pt x="945" y="1790"/>
                    </a:lnTo>
                    <a:lnTo>
                      <a:pt x="941" y="1786"/>
                    </a:lnTo>
                    <a:lnTo>
                      <a:pt x="936" y="1778"/>
                    </a:lnTo>
                    <a:lnTo>
                      <a:pt x="932" y="1768"/>
                    </a:lnTo>
                    <a:lnTo>
                      <a:pt x="925" y="1751"/>
                    </a:lnTo>
                    <a:lnTo>
                      <a:pt x="912" y="1726"/>
                    </a:lnTo>
                    <a:lnTo>
                      <a:pt x="909" y="1720"/>
                    </a:lnTo>
                    <a:lnTo>
                      <a:pt x="905" y="1716"/>
                    </a:lnTo>
                    <a:lnTo>
                      <a:pt x="901" y="1712"/>
                    </a:lnTo>
                    <a:lnTo>
                      <a:pt x="897" y="1710"/>
                    </a:lnTo>
                    <a:lnTo>
                      <a:pt x="894" y="1708"/>
                    </a:lnTo>
                    <a:lnTo>
                      <a:pt x="890" y="1710"/>
                    </a:lnTo>
                    <a:lnTo>
                      <a:pt x="888" y="1712"/>
                    </a:lnTo>
                    <a:lnTo>
                      <a:pt x="885" y="1717"/>
                    </a:lnTo>
                    <a:lnTo>
                      <a:pt x="879" y="1729"/>
                    </a:lnTo>
                    <a:lnTo>
                      <a:pt x="874" y="1739"/>
                    </a:lnTo>
                    <a:lnTo>
                      <a:pt x="868" y="1747"/>
                    </a:lnTo>
                    <a:lnTo>
                      <a:pt x="863" y="1754"/>
                    </a:lnTo>
                    <a:lnTo>
                      <a:pt x="858" y="1759"/>
                    </a:lnTo>
                    <a:lnTo>
                      <a:pt x="853" y="1761"/>
                    </a:lnTo>
                    <a:lnTo>
                      <a:pt x="846" y="1764"/>
                    </a:lnTo>
                    <a:lnTo>
                      <a:pt x="841" y="1765"/>
                    </a:lnTo>
                    <a:lnTo>
                      <a:pt x="813" y="1763"/>
                    </a:lnTo>
                    <a:lnTo>
                      <a:pt x="773" y="1759"/>
                    </a:lnTo>
                    <a:lnTo>
                      <a:pt x="751" y="1760"/>
                    </a:lnTo>
                    <a:lnTo>
                      <a:pt x="717" y="1761"/>
                    </a:lnTo>
                    <a:lnTo>
                      <a:pt x="674" y="1764"/>
                    </a:lnTo>
                    <a:lnTo>
                      <a:pt x="629" y="1765"/>
                    </a:lnTo>
                    <a:lnTo>
                      <a:pt x="586" y="1767"/>
                    </a:lnTo>
                    <a:lnTo>
                      <a:pt x="548" y="1764"/>
                    </a:lnTo>
                    <a:lnTo>
                      <a:pt x="534" y="1763"/>
                    </a:lnTo>
                    <a:lnTo>
                      <a:pt x="523" y="1760"/>
                    </a:lnTo>
                    <a:lnTo>
                      <a:pt x="519" y="1758"/>
                    </a:lnTo>
                    <a:lnTo>
                      <a:pt x="516" y="1756"/>
                    </a:lnTo>
                    <a:lnTo>
                      <a:pt x="515" y="1754"/>
                    </a:lnTo>
                    <a:lnTo>
                      <a:pt x="513" y="1751"/>
                    </a:lnTo>
                    <a:lnTo>
                      <a:pt x="513" y="1737"/>
                    </a:lnTo>
                    <a:lnTo>
                      <a:pt x="512" y="1728"/>
                    </a:lnTo>
                    <a:lnTo>
                      <a:pt x="510" y="1725"/>
                    </a:lnTo>
                    <a:lnTo>
                      <a:pt x="508" y="1724"/>
                    </a:lnTo>
                    <a:lnTo>
                      <a:pt x="506" y="1723"/>
                    </a:lnTo>
                    <a:lnTo>
                      <a:pt x="502" y="1723"/>
                    </a:lnTo>
                    <a:lnTo>
                      <a:pt x="495" y="1724"/>
                    </a:lnTo>
                    <a:lnTo>
                      <a:pt x="488" y="1726"/>
                    </a:lnTo>
                    <a:lnTo>
                      <a:pt x="478" y="1730"/>
                    </a:lnTo>
                    <a:lnTo>
                      <a:pt x="469" y="1736"/>
                    </a:lnTo>
                    <a:lnTo>
                      <a:pt x="459" y="1739"/>
                    </a:lnTo>
                    <a:lnTo>
                      <a:pt x="449" y="1742"/>
                    </a:lnTo>
                    <a:lnTo>
                      <a:pt x="444" y="1742"/>
                    </a:lnTo>
                    <a:lnTo>
                      <a:pt x="438" y="1742"/>
                    </a:lnTo>
                    <a:lnTo>
                      <a:pt x="433" y="1742"/>
                    </a:lnTo>
                    <a:lnTo>
                      <a:pt x="429" y="1741"/>
                    </a:lnTo>
                    <a:lnTo>
                      <a:pt x="424" y="1738"/>
                    </a:lnTo>
                    <a:lnTo>
                      <a:pt x="420" y="1734"/>
                    </a:lnTo>
                    <a:lnTo>
                      <a:pt x="415" y="1730"/>
                    </a:lnTo>
                    <a:lnTo>
                      <a:pt x="411" y="1725"/>
                    </a:lnTo>
                    <a:lnTo>
                      <a:pt x="407" y="1717"/>
                    </a:lnTo>
                    <a:lnTo>
                      <a:pt x="403" y="1710"/>
                    </a:lnTo>
                    <a:lnTo>
                      <a:pt x="401" y="1699"/>
                    </a:lnTo>
                    <a:lnTo>
                      <a:pt x="397" y="1689"/>
                    </a:lnTo>
                    <a:lnTo>
                      <a:pt x="392" y="1658"/>
                    </a:lnTo>
                    <a:lnTo>
                      <a:pt x="384" y="1618"/>
                    </a:lnTo>
                    <a:lnTo>
                      <a:pt x="379" y="1598"/>
                    </a:lnTo>
                    <a:lnTo>
                      <a:pt x="372" y="1580"/>
                    </a:lnTo>
                    <a:lnTo>
                      <a:pt x="368" y="1572"/>
                    </a:lnTo>
                    <a:lnTo>
                      <a:pt x="364" y="1566"/>
                    </a:lnTo>
                    <a:lnTo>
                      <a:pt x="361" y="1561"/>
                    </a:lnTo>
                    <a:lnTo>
                      <a:pt x="355" y="1555"/>
                    </a:lnTo>
                    <a:lnTo>
                      <a:pt x="344" y="1548"/>
                    </a:lnTo>
                    <a:lnTo>
                      <a:pt x="336" y="1544"/>
                    </a:lnTo>
                    <a:lnTo>
                      <a:pt x="330" y="1543"/>
                    </a:lnTo>
                    <a:lnTo>
                      <a:pt x="326" y="1543"/>
                    </a:lnTo>
                    <a:lnTo>
                      <a:pt x="324" y="1541"/>
                    </a:lnTo>
                    <a:lnTo>
                      <a:pt x="322" y="1537"/>
                    </a:lnTo>
                    <a:lnTo>
                      <a:pt x="319" y="1530"/>
                    </a:lnTo>
                    <a:lnTo>
                      <a:pt x="317" y="1514"/>
                    </a:lnTo>
                    <a:lnTo>
                      <a:pt x="313" y="1500"/>
                    </a:lnTo>
                    <a:lnTo>
                      <a:pt x="313" y="1488"/>
                    </a:lnTo>
                    <a:lnTo>
                      <a:pt x="314" y="1484"/>
                    </a:lnTo>
                    <a:lnTo>
                      <a:pt x="318" y="1480"/>
                    </a:lnTo>
                    <a:lnTo>
                      <a:pt x="323" y="1476"/>
                    </a:lnTo>
                    <a:lnTo>
                      <a:pt x="331" y="1473"/>
                    </a:lnTo>
                    <a:lnTo>
                      <a:pt x="336" y="1471"/>
                    </a:lnTo>
                    <a:lnTo>
                      <a:pt x="342" y="1473"/>
                    </a:lnTo>
                    <a:lnTo>
                      <a:pt x="350" y="1474"/>
                    </a:lnTo>
                    <a:lnTo>
                      <a:pt x="359" y="1478"/>
                    </a:lnTo>
                    <a:lnTo>
                      <a:pt x="376" y="1487"/>
                    </a:lnTo>
                    <a:lnTo>
                      <a:pt x="394" y="1497"/>
                    </a:lnTo>
                    <a:lnTo>
                      <a:pt x="411" y="1508"/>
                    </a:lnTo>
                    <a:lnTo>
                      <a:pt x="424" y="1517"/>
                    </a:lnTo>
                    <a:lnTo>
                      <a:pt x="431" y="1518"/>
                    </a:lnTo>
                    <a:lnTo>
                      <a:pt x="434" y="1519"/>
                    </a:lnTo>
                    <a:lnTo>
                      <a:pt x="437" y="1519"/>
                    </a:lnTo>
                    <a:lnTo>
                      <a:pt x="438" y="1517"/>
                    </a:lnTo>
                    <a:lnTo>
                      <a:pt x="440" y="1509"/>
                    </a:lnTo>
                    <a:lnTo>
                      <a:pt x="438" y="1500"/>
                    </a:lnTo>
                    <a:lnTo>
                      <a:pt x="438" y="1489"/>
                    </a:lnTo>
                    <a:lnTo>
                      <a:pt x="436" y="1479"/>
                    </a:lnTo>
                    <a:lnTo>
                      <a:pt x="433" y="1469"/>
                    </a:lnTo>
                    <a:lnTo>
                      <a:pt x="429" y="1461"/>
                    </a:lnTo>
                    <a:lnTo>
                      <a:pt x="427" y="1458"/>
                    </a:lnTo>
                    <a:lnTo>
                      <a:pt x="424" y="1456"/>
                    </a:lnTo>
                    <a:lnTo>
                      <a:pt x="421" y="1454"/>
                    </a:lnTo>
                    <a:lnTo>
                      <a:pt x="418" y="1454"/>
                    </a:lnTo>
                    <a:lnTo>
                      <a:pt x="410" y="1453"/>
                    </a:lnTo>
                    <a:lnTo>
                      <a:pt x="403" y="1452"/>
                    </a:lnTo>
                    <a:lnTo>
                      <a:pt x="397" y="1451"/>
                    </a:lnTo>
                    <a:lnTo>
                      <a:pt x="390" y="1448"/>
                    </a:lnTo>
                    <a:lnTo>
                      <a:pt x="379" y="1443"/>
                    </a:lnTo>
                    <a:lnTo>
                      <a:pt x="370" y="1436"/>
                    </a:lnTo>
                    <a:lnTo>
                      <a:pt x="361" y="1430"/>
                    </a:lnTo>
                    <a:lnTo>
                      <a:pt x="352" y="1425"/>
                    </a:lnTo>
                    <a:lnTo>
                      <a:pt x="342" y="1419"/>
                    </a:lnTo>
                    <a:lnTo>
                      <a:pt x="332" y="1417"/>
                    </a:lnTo>
                    <a:lnTo>
                      <a:pt x="326" y="1418"/>
                    </a:lnTo>
                    <a:lnTo>
                      <a:pt x="318" y="1421"/>
                    </a:lnTo>
                    <a:lnTo>
                      <a:pt x="313" y="1425"/>
                    </a:lnTo>
                    <a:lnTo>
                      <a:pt x="306" y="1429"/>
                    </a:lnTo>
                    <a:lnTo>
                      <a:pt x="301" y="1434"/>
                    </a:lnTo>
                    <a:lnTo>
                      <a:pt x="296" y="1436"/>
                    </a:lnTo>
                    <a:lnTo>
                      <a:pt x="292" y="1439"/>
                    </a:lnTo>
                    <a:lnTo>
                      <a:pt x="287" y="1439"/>
                    </a:lnTo>
                    <a:lnTo>
                      <a:pt x="283" y="1436"/>
                    </a:lnTo>
                    <a:lnTo>
                      <a:pt x="278" y="1430"/>
                    </a:lnTo>
                    <a:lnTo>
                      <a:pt x="271" y="1422"/>
                    </a:lnTo>
                    <a:lnTo>
                      <a:pt x="266" y="1413"/>
                    </a:lnTo>
                    <a:lnTo>
                      <a:pt x="257" y="1395"/>
                    </a:lnTo>
                    <a:lnTo>
                      <a:pt x="253" y="1382"/>
                    </a:lnTo>
                    <a:lnTo>
                      <a:pt x="159" y="1273"/>
                    </a:lnTo>
                    <a:lnTo>
                      <a:pt x="138" y="1252"/>
                    </a:lnTo>
                    <a:lnTo>
                      <a:pt x="117" y="1233"/>
                    </a:lnTo>
                    <a:lnTo>
                      <a:pt x="108" y="1221"/>
                    </a:lnTo>
                    <a:lnTo>
                      <a:pt x="101" y="1210"/>
                    </a:lnTo>
                    <a:lnTo>
                      <a:pt x="99" y="1203"/>
                    </a:lnTo>
                    <a:lnTo>
                      <a:pt x="96" y="1197"/>
                    </a:lnTo>
                    <a:lnTo>
                      <a:pt x="95" y="1189"/>
                    </a:lnTo>
                    <a:lnTo>
                      <a:pt x="95" y="1180"/>
                    </a:lnTo>
                    <a:lnTo>
                      <a:pt x="95" y="1171"/>
                    </a:lnTo>
                    <a:lnTo>
                      <a:pt x="92" y="1163"/>
                    </a:lnTo>
                    <a:lnTo>
                      <a:pt x="90" y="1156"/>
                    </a:lnTo>
                    <a:lnTo>
                      <a:pt x="86" y="1151"/>
                    </a:lnTo>
                    <a:lnTo>
                      <a:pt x="74" y="1144"/>
                    </a:lnTo>
                    <a:lnTo>
                      <a:pt x="60" y="1132"/>
                    </a:lnTo>
                    <a:lnTo>
                      <a:pt x="47" y="1122"/>
                    </a:lnTo>
                    <a:lnTo>
                      <a:pt x="30" y="1111"/>
                    </a:lnTo>
                    <a:lnTo>
                      <a:pt x="21" y="1106"/>
                    </a:lnTo>
                    <a:lnTo>
                      <a:pt x="13" y="1100"/>
                    </a:lnTo>
                    <a:lnTo>
                      <a:pt x="6" y="1094"/>
                    </a:lnTo>
                    <a:lnTo>
                      <a:pt x="0" y="1087"/>
                    </a:lnTo>
                    <a:lnTo>
                      <a:pt x="0" y="1087"/>
                    </a:lnTo>
                    <a:lnTo>
                      <a:pt x="60" y="1084"/>
                    </a:lnTo>
                    <a:lnTo>
                      <a:pt x="74" y="1089"/>
                    </a:lnTo>
                    <a:lnTo>
                      <a:pt x="89" y="1094"/>
                    </a:lnTo>
                    <a:lnTo>
                      <a:pt x="96" y="1097"/>
                    </a:lnTo>
                    <a:lnTo>
                      <a:pt x="104" y="1100"/>
                    </a:lnTo>
                    <a:lnTo>
                      <a:pt x="112" y="1101"/>
                    </a:lnTo>
                    <a:lnTo>
                      <a:pt x="120" y="1101"/>
                    </a:lnTo>
                    <a:lnTo>
                      <a:pt x="126" y="1100"/>
                    </a:lnTo>
                    <a:lnTo>
                      <a:pt x="131" y="1097"/>
                    </a:lnTo>
                    <a:lnTo>
                      <a:pt x="135" y="1094"/>
                    </a:lnTo>
                    <a:lnTo>
                      <a:pt x="136" y="1089"/>
                    </a:lnTo>
                    <a:lnTo>
                      <a:pt x="140" y="1079"/>
                    </a:lnTo>
                    <a:lnTo>
                      <a:pt x="143" y="1067"/>
                    </a:lnTo>
                    <a:lnTo>
                      <a:pt x="148" y="1059"/>
                    </a:lnTo>
                    <a:lnTo>
                      <a:pt x="155" y="1052"/>
                    </a:lnTo>
                    <a:lnTo>
                      <a:pt x="159" y="1049"/>
                    </a:lnTo>
                    <a:lnTo>
                      <a:pt x="162" y="1045"/>
                    </a:lnTo>
                    <a:lnTo>
                      <a:pt x="164" y="1041"/>
                    </a:lnTo>
                    <a:lnTo>
                      <a:pt x="165" y="1036"/>
                    </a:lnTo>
                    <a:lnTo>
                      <a:pt x="164" y="1027"/>
                    </a:lnTo>
                    <a:lnTo>
                      <a:pt x="160" y="1017"/>
                    </a:lnTo>
                    <a:lnTo>
                      <a:pt x="155" y="1005"/>
                    </a:lnTo>
                    <a:lnTo>
                      <a:pt x="149" y="993"/>
                    </a:lnTo>
                    <a:lnTo>
                      <a:pt x="146" y="980"/>
                    </a:lnTo>
                    <a:lnTo>
                      <a:pt x="144" y="970"/>
                    </a:lnTo>
                    <a:lnTo>
                      <a:pt x="144" y="965"/>
                    </a:lnTo>
                    <a:lnTo>
                      <a:pt x="146" y="960"/>
                    </a:lnTo>
                    <a:lnTo>
                      <a:pt x="147" y="956"/>
                    </a:lnTo>
                    <a:lnTo>
                      <a:pt x="151" y="952"/>
                    </a:lnTo>
                    <a:lnTo>
                      <a:pt x="156" y="948"/>
                    </a:lnTo>
                    <a:lnTo>
                      <a:pt x="165" y="945"/>
                    </a:lnTo>
                    <a:lnTo>
                      <a:pt x="174" y="944"/>
                    </a:lnTo>
                    <a:lnTo>
                      <a:pt x="186" y="941"/>
                    </a:lnTo>
                    <a:lnTo>
                      <a:pt x="208" y="938"/>
                    </a:lnTo>
                    <a:lnTo>
                      <a:pt x="225" y="934"/>
                    </a:lnTo>
                    <a:lnTo>
                      <a:pt x="234" y="931"/>
                    </a:lnTo>
                    <a:lnTo>
                      <a:pt x="243" y="926"/>
                    </a:lnTo>
                    <a:lnTo>
                      <a:pt x="249" y="922"/>
                    </a:lnTo>
                    <a:lnTo>
                      <a:pt x="256" y="917"/>
                    </a:lnTo>
                    <a:lnTo>
                      <a:pt x="266" y="905"/>
                    </a:lnTo>
                    <a:lnTo>
                      <a:pt x="275" y="892"/>
                    </a:lnTo>
                    <a:lnTo>
                      <a:pt x="284" y="878"/>
                    </a:lnTo>
                    <a:lnTo>
                      <a:pt x="292" y="864"/>
                    </a:lnTo>
                    <a:lnTo>
                      <a:pt x="302" y="849"/>
                    </a:lnTo>
                    <a:lnTo>
                      <a:pt x="314" y="837"/>
                    </a:lnTo>
                    <a:lnTo>
                      <a:pt x="326" y="826"/>
                    </a:lnTo>
                    <a:lnTo>
                      <a:pt x="339" y="818"/>
                    </a:lnTo>
                    <a:lnTo>
                      <a:pt x="350" y="811"/>
                    </a:lnTo>
                    <a:lnTo>
                      <a:pt x="363" y="802"/>
                    </a:lnTo>
                    <a:lnTo>
                      <a:pt x="370" y="795"/>
                    </a:lnTo>
                    <a:lnTo>
                      <a:pt x="375" y="789"/>
                    </a:lnTo>
                    <a:lnTo>
                      <a:pt x="380" y="781"/>
                    </a:lnTo>
                    <a:lnTo>
                      <a:pt x="383" y="773"/>
                    </a:lnTo>
                    <a:lnTo>
                      <a:pt x="388" y="756"/>
                    </a:lnTo>
                    <a:lnTo>
                      <a:pt x="392" y="738"/>
                    </a:lnTo>
                    <a:lnTo>
                      <a:pt x="398" y="720"/>
                    </a:lnTo>
                    <a:lnTo>
                      <a:pt x="402" y="701"/>
                    </a:lnTo>
                    <a:lnTo>
                      <a:pt x="399" y="688"/>
                    </a:lnTo>
                    <a:lnTo>
                      <a:pt x="396" y="677"/>
                    </a:lnTo>
                    <a:lnTo>
                      <a:pt x="392" y="666"/>
                    </a:lnTo>
                    <a:lnTo>
                      <a:pt x="388" y="654"/>
                    </a:lnTo>
                    <a:lnTo>
                      <a:pt x="387" y="640"/>
                    </a:lnTo>
                    <a:lnTo>
                      <a:pt x="388" y="624"/>
                    </a:lnTo>
                    <a:lnTo>
                      <a:pt x="389" y="610"/>
                    </a:lnTo>
                    <a:lnTo>
                      <a:pt x="390" y="594"/>
                    </a:lnTo>
                    <a:lnTo>
                      <a:pt x="390" y="59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8" name="Freeform 112">
                <a:extLst>
                  <a:ext uri="{FF2B5EF4-FFF2-40B4-BE49-F238E27FC236}">
                    <a16:creationId xmlns:a16="http://schemas.microsoft.com/office/drawing/2014/main" id="{1A6AA592-1355-894A-9FBD-072DFF3685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99451" y="5661090"/>
                <a:ext cx="482749" cy="455189"/>
              </a:xfrm>
              <a:custGeom>
                <a:avLst/>
                <a:gdLst/>
                <a:ahLst/>
                <a:cxnLst>
                  <a:cxn ang="0">
                    <a:pos x="232" y="114"/>
                  </a:cxn>
                  <a:cxn ang="0">
                    <a:pos x="276" y="36"/>
                  </a:cxn>
                  <a:cxn ang="0">
                    <a:pos x="302" y="9"/>
                  </a:cxn>
                  <a:cxn ang="0">
                    <a:pos x="344" y="3"/>
                  </a:cxn>
                  <a:cxn ang="0">
                    <a:pos x="418" y="70"/>
                  </a:cxn>
                  <a:cxn ang="0">
                    <a:pos x="469" y="118"/>
                  </a:cxn>
                  <a:cxn ang="0">
                    <a:pos x="528" y="120"/>
                  </a:cxn>
                  <a:cxn ang="0">
                    <a:pos x="644" y="40"/>
                  </a:cxn>
                  <a:cxn ang="0">
                    <a:pos x="686" y="89"/>
                  </a:cxn>
                  <a:cxn ang="0">
                    <a:pos x="696" y="117"/>
                  </a:cxn>
                  <a:cxn ang="0">
                    <a:pos x="669" y="130"/>
                  </a:cxn>
                  <a:cxn ang="0">
                    <a:pos x="675" y="189"/>
                  </a:cxn>
                  <a:cxn ang="0">
                    <a:pos x="713" y="241"/>
                  </a:cxn>
                  <a:cxn ang="0">
                    <a:pos x="761" y="263"/>
                  </a:cxn>
                  <a:cxn ang="0">
                    <a:pos x="832" y="295"/>
                  </a:cxn>
                  <a:cxn ang="0">
                    <a:pos x="900" y="312"/>
                  </a:cxn>
                  <a:cxn ang="0">
                    <a:pos x="990" y="307"/>
                  </a:cxn>
                  <a:cxn ang="0">
                    <a:pos x="1049" y="289"/>
                  </a:cxn>
                  <a:cxn ang="0">
                    <a:pos x="1056" y="328"/>
                  </a:cxn>
                  <a:cxn ang="0">
                    <a:pos x="1045" y="400"/>
                  </a:cxn>
                  <a:cxn ang="0">
                    <a:pos x="1045" y="474"/>
                  </a:cxn>
                  <a:cxn ang="0">
                    <a:pos x="1021" y="490"/>
                  </a:cxn>
                  <a:cxn ang="0">
                    <a:pos x="946" y="487"/>
                  </a:cxn>
                  <a:cxn ang="0">
                    <a:pos x="819" y="452"/>
                  </a:cxn>
                  <a:cxn ang="0">
                    <a:pos x="764" y="453"/>
                  </a:cxn>
                  <a:cxn ang="0">
                    <a:pos x="677" y="495"/>
                  </a:cxn>
                  <a:cxn ang="0">
                    <a:pos x="596" y="513"/>
                  </a:cxn>
                  <a:cxn ang="0">
                    <a:pos x="537" y="509"/>
                  </a:cxn>
                  <a:cxn ang="0">
                    <a:pos x="501" y="543"/>
                  </a:cxn>
                  <a:cxn ang="0">
                    <a:pos x="466" y="637"/>
                  </a:cxn>
                  <a:cxn ang="0">
                    <a:pos x="407" y="718"/>
                  </a:cxn>
                  <a:cxn ang="0">
                    <a:pos x="339" y="758"/>
                  </a:cxn>
                  <a:cxn ang="0">
                    <a:pos x="271" y="820"/>
                  </a:cxn>
                  <a:cxn ang="0">
                    <a:pos x="203" y="889"/>
                  </a:cxn>
                  <a:cxn ang="0">
                    <a:pos x="151" y="946"/>
                  </a:cxn>
                  <a:cxn ang="0">
                    <a:pos x="100" y="991"/>
                  </a:cxn>
                  <a:cxn ang="0">
                    <a:pos x="80" y="1003"/>
                  </a:cxn>
                  <a:cxn ang="0">
                    <a:pos x="76" y="975"/>
                  </a:cxn>
                  <a:cxn ang="0">
                    <a:pos x="98" y="922"/>
                  </a:cxn>
                  <a:cxn ang="0">
                    <a:pos x="77" y="859"/>
                  </a:cxn>
                  <a:cxn ang="0">
                    <a:pos x="108" y="836"/>
                  </a:cxn>
                  <a:cxn ang="0">
                    <a:pos x="161" y="823"/>
                  </a:cxn>
                  <a:cxn ang="0">
                    <a:pos x="223" y="769"/>
                  </a:cxn>
                  <a:cxn ang="0">
                    <a:pos x="261" y="728"/>
                  </a:cxn>
                  <a:cxn ang="0">
                    <a:pos x="241" y="715"/>
                  </a:cxn>
                  <a:cxn ang="0">
                    <a:pos x="139" y="727"/>
                  </a:cxn>
                  <a:cxn ang="0">
                    <a:pos x="46" y="736"/>
                  </a:cxn>
                  <a:cxn ang="0">
                    <a:pos x="21" y="712"/>
                  </a:cxn>
                  <a:cxn ang="0">
                    <a:pos x="8" y="654"/>
                  </a:cxn>
                  <a:cxn ang="0">
                    <a:pos x="61" y="582"/>
                  </a:cxn>
                  <a:cxn ang="0">
                    <a:pos x="103" y="540"/>
                  </a:cxn>
                  <a:cxn ang="0">
                    <a:pos x="107" y="512"/>
                  </a:cxn>
                  <a:cxn ang="0">
                    <a:pos x="81" y="466"/>
                  </a:cxn>
                  <a:cxn ang="0">
                    <a:pos x="72" y="434"/>
                  </a:cxn>
                  <a:cxn ang="0">
                    <a:pos x="96" y="409"/>
                  </a:cxn>
                  <a:cxn ang="0">
                    <a:pos x="139" y="399"/>
                  </a:cxn>
                  <a:cxn ang="0">
                    <a:pos x="166" y="378"/>
                  </a:cxn>
                  <a:cxn ang="0">
                    <a:pos x="204" y="363"/>
                  </a:cxn>
                  <a:cxn ang="0">
                    <a:pos x="205" y="339"/>
                  </a:cxn>
                  <a:cxn ang="0">
                    <a:pos x="182" y="299"/>
                  </a:cxn>
                  <a:cxn ang="0">
                    <a:pos x="177" y="251"/>
                  </a:cxn>
                  <a:cxn ang="0">
                    <a:pos x="131" y="216"/>
                  </a:cxn>
                  <a:cxn ang="0">
                    <a:pos x="81" y="179"/>
                  </a:cxn>
                </a:cxnLst>
                <a:rect l="0" t="0" r="r" b="b"/>
                <a:pathLst>
                  <a:path w="1060" h="1005">
                    <a:moveTo>
                      <a:pt x="76" y="172"/>
                    </a:moveTo>
                    <a:lnTo>
                      <a:pt x="191" y="128"/>
                    </a:lnTo>
                    <a:lnTo>
                      <a:pt x="208" y="123"/>
                    </a:lnTo>
                    <a:lnTo>
                      <a:pt x="225" y="118"/>
                    </a:lnTo>
                    <a:lnTo>
                      <a:pt x="232" y="114"/>
                    </a:lnTo>
                    <a:lnTo>
                      <a:pt x="240" y="109"/>
                    </a:lnTo>
                    <a:lnTo>
                      <a:pt x="245" y="102"/>
                    </a:lnTo>
                    <a:lnTo>
                      <a:pt x="251" y="95"/>
                    </a:lnTo>
                    <a:lnTo>
                      <a:pt x="263" y="65"/>
                    </a:lnTo>
                    <a:lnTo>
                      <a:pt x="276" y="36"/>
                    </a:lnTo>
                    <a:lnTo>
                      <a:pt x="280" y="30"/>
                    </a:lnTo>
                    <a:lnTo>
                      <a:pt x="284" y="23"/>
                    </a:lnTo>
                    <a:lnTo>
                      <a:pt x="289" y="18"/>
                    </a:lnTo>
                    <a:lnTo>
                      <a:pt x="296" y="13"/>
                    </a:lnTo>
                    <a:lnTo>
                      <a:pt x="302" y="9"/>
                    </a:lnTo>
                    <a:lnTo>
                      <a:pt x="310" y="5"/>
                    </a:lnTo>
                    <a:lnTo>
                      <a:pt x="319" y="3"/>
                    </a:lnTo>
                    <a:lnTo>
                      <a:pt x="328" y="0"/>
                    </a:lnTo>
                    <a:lnTo>
                      <a:pt x="336" y="0"/>
                    </a:lnTo>
                    <a:lnTo>
                      <a:pt x="344" y="3"/>
                    </a:lnTo>
                    <a:lnTo>
                      <a:pt x="353" y="6"/>
                    </a:lnTo>
                    <a:lnTo>
                      <a:pt x="362" y="13"/>
                    </a:lnTo>
                    <a:lnTo>
                      <a:pt x="380" y="30"/>
                    </a:lnTo>
                    <a:lnTo>
                      <a:pt x="399" y="49"/>
                    </a:lnTo>
                    <a:lnTo>
                      <a:pt x="418" y="70"/>
                    </a:lnTo>
                    <a:lnTo>
                      <a:pt x="437" y="89"/>
                    </a:lnTo>
                    <a:lnTo>
                      <a:pt x="445" y="98"/>
                    </a:lnTo>
                    <a:lnTo>
                      <a:pt x="454" y="106"/>
                    </a:lnTo>
                    <a:lnTo>
                      <a:pt x="462" y="113"/>
                    </a:lnTo>
                    <a:lnTo>
                      <a:pt x="469" y="118"/>
                    </a:lnTo>
                    <a:lnTo>
                      <a:pt x="481" y="123"/>
                    </a:lnTo>
                    <a:lnTo>
                      <a:pt x="493" y="126"/>
                    </a:lnTo>
                    <a:lnTo>
                      <a:pt x="504" y="126"/>
                    </a:lnTo>
                    <a:lnTo>
                      <a:pt x="516" y="123"/>
                    </a:lnTo>
                    <a:lnTo>
                      <a:pt x="528" y="120"/>
                    </a:lnTo>
                    <a:lnTo>
                      <a:pt x="539" y="115"/>
                    </a:lnTo>
                    <a:lnTo>
                      <a:pt x="550" y="109"/>
                    </a:lnTo>
                    <a:lnTo>
                      <a:pt x="561" y="102"/>
                    </a:lnTo>
                    <a:lnTo>
                      <a:pt x="604" y="69"/>
                    </a:lnTo>
                    <a:lnTo>
                      <a:pt x="644" y="40"/>
                    </a:lnTo>
                    <a:lnTo>
                      <a:pt x="644" y="40"/>
                    </a:lnTo>
                    <a:lnTo>
                      <a:pt x="657" y="57"/>
                    </a:lnTo>
                    <a:lnTo>
                      <a:pt x="673" y="74"/>
                    </a:lnTo>
                    <a:lnTo>
                      <a:pt x="679" y="82"/>
                    </a:lnTo>
                    <a:lnTo>
                      <a:pt x="686" y="89"/>
                    </a:lnTo>
                    <a:lnTo>
                      <a:pt x="691" y="97"/>
                    </a:lnTo>
                    <a:lnTo>
                      <a:pt x="695" y="106"/>
                    </a:lnTo>
                    <a:lnTo>
                      <a:pt x="696" y="110"/>
                    </a:lnTo>
                    <a:lnTo>
                      <a:pt x="696" y="113"/>
                    </a:lnTo>
                    <a:lnTo>
                      <a:pt x="696" y="117"/>
                    </a:lnTo>
                    <a:lnTo>
                      <a:pt x="695" y="118"/>
                    </a:lnTo>
                    <a:lnTo>
                      <a:pt x="690" y="122"/>
                    </a:lnTo>
                    <a:lnTo>
                      <a:pt x="683" y="124"/>
                    </a:lnTo>
                    <a:lnTo>
                      <a:pt x="675" y="127"/>
                    </a:lnTo>
                    <a:lnTo>
                      <a:pt x="669" y="130"/>
                    </a:lnTo>
                    <a:lnTo>
                      <a:pt x="661" y="132"/>
                    </a:lnTo>
                    <a:lnTo>
                      <a:pt x="656" y="135"/>
                    </a:lnTo>
                    <a:lnTo>
                      <a:pt x="660" y="152"/>
                    </a:lnTo>
                    <a:lnTo>
                      <a:pt x="666" y="170"/>
                    </a:lnTo>
                    <a:lnTo>
                      <a:pt x="675" y="189"/>
                    </a:lnTo>
                    <a:lnTo>
                      <a:pt x="686" y="209"/>
                    </a:lnTo>
                    <a:lnTo>
                      <a:pt x="692" y="218"/>
                    </a:lnTo>
                    <a:lnTo>
                      <a:pt x="699" y="227"/>
                    </a:lnTo>
                    <a:lnTo>
                      <a:pt x="705" y="234"/>
                    </a:lnTo>
                    <a:lnTo>
                      <a:pt x="713" y="241"/>
                    </a:lnTo>
                    <a:lnTo>
                      <a:pt x="719" y="247"/>
                    </a:lnTo>
                    <a:lnTo>
                      <a:pt x="727" y="253"/>
                    </a:lnTo>
                    <a:lnTo>
                      <a:pt x="736" y="256"/>
                    </a:lnTo>
                    <a:lnTo>
                      <a:pt x="744" y="259"/>
                    </a:lnTo>
                    <a:lnTo>
                      <a:pt x="761" y="263"/>
                    </a:lnTo>
                    <a:lnTo>
                      <a:pt x="776" y="268"/>
                    </a:lnTo>
                    <a:lnTo>
                      <a:pt x="791" y="275"/>
                    </a:lnTo>
                    <a:lnTo>
                      <a:pt x="805" y="282"/>
                    </a:lnTo>
                    <a:lnTo>
                      <a:pt x="818" y="289"/>
                    </a:lnTo>
                    <a:lnTo>
                      <a:pt x="832" y="295"/>
                    </a:lnTo>
                    <a:lnTo>
                      <a:pt x="846" y="301"/>
                    </a:lnTo>
                    <a:lnTo>
                      <a:pt x="862" y="306"/>
                    </a:lnTo>
                    <a:lnTo>
                      <a:pt x="874" y="308"/>
                    </a:lnTo>
                    <a:lnTo>
                      <a:pt x="887" y="311"/>
                    </a:lnTo>
                    <a:lnTo>
                      <a:pt x="900" y="312"/>
                    </a:lnTo>
                    <a:lnTo>
                      <a:pt x="913" y="312"/>
                    </a:lnTo>
                    <a:lnTo>
                      <a:pt x="940" y="312"/>
                    </a:lnTo>
                    <a:lnTo>
                      <a:pt x="966" y="311"/>
                    </a:lnTo>
                    <a:lnTo>
                      <a:pt x="977" y="310"/>
                    </a:lnTo>
                    <a:lnTo>
                      <a:pt x="990" y="307"/>
                    </a:lnTo>
                    <a:lnTo>
                      <a:pt x="1002" y="303"/>
                    </a:lnTo>
                    <a:lnTo>
                      <a:pt x="1015" y="299"/>
                    </a:lnTo>
                    <a:lnTo>
                      <a:pt x="1027" y="295"/>
                    </a:lnTo>
                    <a:lnTo>
                      <a:pt x="1038" y="291"/>
                    </a:lnTo>
                    <a:lnTo>
                      <a:pt x="1049" y="289"/>
                    </a:lnTo>
                    <a:lnTo>
                      <a:pt x="1058" y="288"/>
                    </a:lnTo>
                    <a:lnTo>
                      <a:pt x="1060" y="299"/>
                    </a:lnTo>
                    <a:lnTo>
                      <a:pt x="1060" y="308"/>
                    </a:lnTo>
                    <a:lnTo>
                      <a:pt x="1059" y="319"/>
                    </a:lnTo>
                    <a:lnTo>
                      <a:pt x="1056" y="328"/>
                    </a:lnTo>
                    <a:lnTo>
                      <a:pt x="1051" y="346"/>
                    </a:lnTo>
                    <a:lnTo>
                      <a:pt x="1046" y="365"/>
                    </a:lnTo>
                    <a:lnTo>
                      <a:pt x="1045" y="377"/>
                    </a:lnTo>
                    <a:lnTo>
                      <a:pt x="1045" y="389"/>
                    </a:lnTo>
                    <a:lnTo>
                      <a:pt x="1045" y="400"/>
                    </a:lnTo>
                    <a:lnTo>
                      <a:pt x="1045" y="413"/>
                    </a:lnTo>
                    <a:lnTo>
                      <a:pt x="1047" y="438"/>
                    </a:lnTo>
                    <a:lnTo>
                      <a:pt x="1047" y="462"/>
                    </a:lnTo>
                    <a:lnTo>
                      <a:pt x="1046" y="469"/>
                    </a:lnTo>
                    <a:lnTo>
                      <a:pt x="1045" y="474"/>
                    </a:lnTo>
                    <a:lnTo>
                      <a:pt x="1041" y="478"/>
                    </a:lnTo>
                    <a:lnTo>
                      <a:pt x="1038" y="482"/>
                    </a:lnTo>
                    <a:lnTo>
                      <a:pt x="1033" y="486"/>
                    </a:lnTo>
                    <a:lnTo>
                      <a:pt x="1028" y="488"/>
                    </a:lnTo>
                    <a:lnTo>
                      <a:pt x="1021" y="490"/>
                    </a:lnTo>
                    <a:lnTo>
                      <a:pt x="1015" y="491"/>
                    </a:lnTo>
                    <a:lnTo>
                      <a:pt x="1001" y="492"/>
                    </a:lnTo>
                    <a:lnTo>
                      <a:pt x="984" y="492"/>
                    </a:lnTo>
                    <a:lnTo>
                      <a:pt x="966" y="490"/>
                    </a:lnTo>
                    <a:lnTo>
                      <a:pt x="946" y="487"/>
                    </a:lnTo>
                    <a:lnTo>
                      <a:pt x="909" y="478"/>
                    </a:lnTo>
                    <a:lnTo>
                      <a:pt x="874" y="469"/>
                    </a:lnTo>
                    <a:lnTo>
                      <a:pt x="845" y="460"/>
                    </a:lnTo>
                    <a:lnTo>
                      <a:pt x="827" y="453"/>
                    </a:lnTo>
                    <a:lnTo>
                      <a:pt x="819" y="452"/>
                    </a:lnTo>
                    <a:lnTo>
                      <a:pt x="810" y="450"/>
                    </a:lnTo>
                    <a:lnTo>
                      <a:pt x="802" y="450"/>
                    </a:lnTo>
                    <a:lnTo>
                      <a:pt x="795" y="450"/>
                    </a:lnTo>
                    <a:lnTo>
                      <a:pt x="779" y="451"/>
                    </a:lnTo>
                    <a:lnTo>
                      <a:pt x="764" y="453"/>
                    </a:lnTo>
                    <a:lnTo>
                      <a:pt x="749" y="459"/>
                    </a:lnTo>
                    <a:lnTo>
                      <a:pt x="734" y="465"/>
                    </a:lnTo>
                    <a:lnTo>
                      <a:pt x="719" y="473"/>
                    </a:lnTo>
                    <a:lnTo>
                      <a:pt x="705" y="479"/>
                    </a:lnTo>
                    <a:lnTo>
                      <a:pt x="677" y="495"/>
                    </a:lnTo>
                    <a:lnTo>
                      <a:pt x="650" y="508"/>
                    </a:lnTo>
                    <a:lnTo>
                      <a:pt x="637" y="512"/>
                    </a:lnTo>
                    <a:lnTo>
                      <a:pt x="622" y="514"/>
                    </a:lnTo>
                    <a:lnTo>
                      <a:pt x="609" y="516"/>
                    </a:lnTo>
                    <a:lnTo>
                      <a:pt x="596" y="513"/>
                    </a:lnTo>
                    <a:lnTo>
                      <a:pt x="580" y="509"/>
                    </a:lnTo>
                    <a:lnTo>
                      <a:pt x="565" y="507"/>
                    </a:lnTo>
                    <a:lnTo>
                      <a:pt x="552" y="505"/>
                    </a:lnTo>
                    <a:lnTo>
                      <a:pt x="542" y="508"/>
                    </a:lnTo>
                    <a:lnTo>
                      <a:pt x="537" y="509"/>
                    </a:lnTo>
                    <a:lnTo>
                      <a:pt x="532" y="512"/>
                    </a:lnTo>
                    <a:lnTo>
                      <a:pt x="526" y="514"/>
                    </a:lnTo>
                    <a:lnTo>
                      <a:pt x="523" y="518"/>
                    </a:lnTo>
                    <a:lnTo>
                      <a:pt x="512" y="529"/>
                    </a:lnTo>
                    <a:lnTo>
                      <a:pt x="501" y="543"/>
                    </a:lnTo>
                    <a:lnTo>
                      <a:pt x="493" y="557"/>
                    </a:lnTo>
                    <a:lnTo>
                      <a:pt x="485" y="571"/>
                    </a:lnTo>
                    <a:lnTo>
                      <a:pt x="479" y="588"/>
                    </a:lnTo>
                    <a:lnTo>
                      <a:pt x="475" y="604"/>
                    </a:lnTo>
                    <a:lnTo>
                      <a:pt x="466" y="637"/>
                    </a:lnTo>
                    <a:lnTo>
                      <a:pt x="459" y="670"/>
                    </a:lnTo>
                    <a:lnTo>
                      <a:pt x="442" y="687"/>
                    </a:lnTo>
                    <a:lnTo>
                      <a:pt x="425" y="703"/>
                    </a:lnTo>
                    <a:lnTo>
                      <a:pt x="416" y="711"/>
                    </a:lnTo>
                    <a:lnTo>
                      <a:pt x="407" y="718"/>
                    </a:lnTo>
                    <a:lnTo>
                      <a:pt x="397" y="724"/>
                    </a:lnTo>
                    <a:lnTo>
                      <a:pt x="387" y="729"/>
                    </a:lnTo>
                    <a:lnTo>
                      <a:pt x="371" y="736"/>
                    </a:lnTo>
                    <a:lnTo>
                      <a:pt x="354" y="746"/>
                    </a:lnTo>
                    <a:lnTo>
                      <a:pt x="339" y="758"/>
                    </a:lnTo>
                    <a:lnTo>
                      <a:pt x="326" y="771"/>
                    </a:lnTo>
                    <a:lnTo>
                      <a:pt x="314" y="784"/>
                    </a:lnTo>
                    <a:lnTo>
                      <a:pt x="300" y="797"/>
                    </a:lnTo>
                    <a:lnTo>
                      <a:pt x="285" y="808"/>
                    </a:lnTo>
                    <a:lnTo>
                      <a:pt x="271" y="820"/>
                    </a:lnTo>
                    <a:lnTo>
                      <a:pt x="257" y="832"/>
                    </a:lnTo>
                    <a:lnTo>
                      <a:pt x="243" y="845"/>
                    </a:lnTo>
                    <a:lnTo>
                      <a:pt x="230" y="858"/>
                    </a:lnTo>
                    <a:lnTo>
                      <a:pt x="217" y="871"/>
                    </a:lnTo>
                    <a:lnTo>
                      <a:pt x="203" y="889"/>
                    </a:lnTo>
                    <a:lnTo>
                      <a:pt x="186" y="911"/>
                    </a:lnTo>
                    <a:lnTo>
                      <a:pt x="177" y="921"/>
                    </a:lnTo>
                    <a:lnTo>
                      <a:pt x="168" y="930"/>
                    </a:lnTo>
                    <a:lnTo>
                      <a:pt x="159" y="939"/>
                    </a:lnTo>
                    <a:lnTo>
                      <a:pt x="151" y="946"/>
                    </a:lnTo>
                    <a:lnTo>
                      <a:pt x="138" y="955"/>
                    </a:lnTo>
                    <a:lnTo>
                      <a:pt x="126" y="964"/>
                    </a:lnTo>
                    <a:lnTo>
                      <a:pt x="114" y="973"/>
                    </a:lnTo>
                    <a:lnTo>
                      <a:pt x="104" y="985"/>
                    </a:lnTo>
                    <a:lnTo>
                      <a:pt x="100" y="991"/>
                    </a:lnTo>
                    <a:lnTo>
                      <a:pt x="94" y="999"/>
                    </a:lnTo>
                    <a:lnTo>
                      <a:pt x="90" y="1003"/>
                    </a:lnTo>
                    <a:lnTo>
                      <a:pt x="87" y="1004"/>
                    </a:lnTo>
                    <a:lnTo>
                      <a:pt x="83" y="1005"/>
                    </a:lnTo>
                    <a:lnTo>
                      <a:pt x="80" y="1003"/>
                    </a:lnTo>
                    <a:lnTo>
                      <a:pt x="76" y="1000"/>
                    </a:lnTo>
                    <a:lnTo>
                      <a:pt x="74" y="995"/>
                    </a:lnTo>
                    <a:lnTo>
                      <a:pt x="73" y="991"/>
                    </a:lnTo>
                    <a:lnTo>
                      <a:pt x="73" y="986"/>
                    </a:lnTo>
                    <a:lnTo>
                      <a:pt x="76" y="975"/>
                    </a:lnTo>
                    <a:lnTo>
                      <a:pt x="80" y="964"/>
                    </a:lnTo>
                    <a:lnTo>
                      <a:pt x="86" y="952"/>
                    </a:lnTo>
                    <a:lnTo>
                      <a:pt x="91" y="942"/>
                    </a:lnTo>
                    <a:lnTo>
                      <a:pt x="96" y="931"/>
                    </a:lnTo>
                    <a:lnTo>
                      <a:pt x="98" y="922"/>
                    </a:lnTo>
                    <a:lnTo>
                      <a:pt x="94" y="913"/>
                    </a:lnTo>
                    <a:lnTo>
                      <a:pt x="86" y="898"/>
                    </a:lnTo>
                    <a:lnTo>
                      <a:pt x="78" y="882"/>
                    </a:lnTo>
                    <a:lnTo>
                      <a:pt x="72" y="869"/>
                    </a:lnTo>
                    <a:lnTo>
                      <a:pt x="77" y="859"/>
                    </a:lnTo>
                    <a:lnTo>
                      <a:pt x="82" y="851"/>
                    </a:lnTo>
                    <a:lnTo>
                      <a:pt x="89" y="846"/>
                    </a:lnTo>
                    <a:lnTo>
                      <a:pt x="95" y="841"/>
                    </a:lnTo>
                    <a:lnTo>
                      <a:pt x="102" y="838"/>
                    </a:lnTo>
                    <a:lnTo>
                      <a:pt x="108" y="836"/>
                    </a:lnTo>
                    <a:lnTo>
                      <a:pt x="116" y="833"/>
                    </a:lnTo>
                    <a:lnTo>
                      <a:pt x="124" y="832"/>
                    </a:lnTo>
                    <a:lnTo>
                      <a:pt x="138" y="830"/>
                    </a:lnTo>
                    <a:lnTo>
                      <a:pt x="153" y="826"/>
                    </a:lnTo>
                    <a:lnTo>
                      <a:pt x="161" y="823"/>
                    </a:lnTo>
                    <a:lnTo>
                      <a:pt x="168" y="819"/>
                    </a:lnTo>
                    <a:lnTo>
                      <a:pt x="175" y="814"/>
                    </a:lnTo>
                    <a:lnTo>
                      <a:pt x="182" y="807"/>
                    </a:lnTo>
                    <a:lnTo>
                      <a:pt x="201" y="788"/>
                    </a:lnTo>
                    <a:lnTo>
                      <a:pt x="223" y="769"/>
                    </a:lnTo>
                    <a:lnTo>
                      <a:pt x="234" y="759"/>
                    </a:lnTo>
                    <a:lnTo>
                      <a:pt x="244" y="750"/>
                    </a:lnTo>
                    <a:lnTo>
                      <a:pt x="252" y="741"/>
                    </a:lnTo>
                    <a:lnTo>
                      <a:pt x="260" y="732"/>
                    </a:lnTo>
                    <a:lnTo>
                      <a:pt x="261" y="728"/>
                    </a:lnTo>
                    <a:lnTo>
                      <a:pt x="261" y="724"/>
                    </a:lnTo>
                    <a:lnTo>
                      <a:pt x="261" y="722"/>
                    </a:lnTo>
                    <a:lnTo>
                      <a:pt x="258" y="719"/>
                    </a:lnTo>
                    <a:lnTo>
                      <a:pt x="252" y="716"/>
                    </a:lnTo>
                    <a:lnTo>
                      <a:pt x="241" y="715"/>
                    </a:lnTo>
                    <a:lnTo>
                      <a:pt x="228" y="715"/>
                    </a:lnTo>
                    <a:lnTo>
                      <a:pt x="213" y="716"/>
                    </a:lnTo>
                    <a:lnTo>
                      <a:pt x="196" y="718"/>
                    </a:lnTo>
                    <a:lnTo>
                      <a:pt x="177" y="720"/>
                    </a:lnTo>
                    <a:lnTo>
                      <a:pt x="139" y="727"/>
                    </a:lnTo>
                    <a:lnTo>
                      <a:pt x="105" y="733"/>
                    </a:lnTo>
                    <a:lnTo>
                      <a:pt x="78" y="738"/>
                    </a:lnTo>
                    <a:lnTo>
                      <a:pt x="63" y="740"/>
                    </a:lnTo>
                    <a:lnTo>
                      <a:pt x="54" y="738"/>
                    </a:lnTo>
                    <a:lnTo>
                      <a:pt x="46" y="736"/>
                    </a:lnTo>
                    <a:lnTo>
                      <a:pt x="39" y="732"/>
                    </a:lnTo>
                    <a:lnTo>
                      <a:pt x="33" y="728"/>
                    </a:lnTo>
                    <a:lnTo>
                      <a:pt x="28" y="723"/>
                    </a:lnTo>
                    <a:lnTo>
                      <a:pt x="24" y="719"/>
                    </a:lnTo>
                    <a:lnTo>
                      <a:pt x="21" y="712"/>
                    </a:lnTo>
                    <a:lnTo>
                      <a:pt x="17" y="707"/>
                    </a:lnTo>
                    <a:lnTo>
                      <a:pt x="10" y="683"/>
                    </a:lnTo>
                    <a:lnTo>
                      <a:pt x="0" y="663"/>
                    </a:lnTo>
                    <a:lnTo>
                      <a:pt x="0" y="663"/>
                    </a:lnTo>
                    <a:lnTo>
                      <a:pt x="8" y="654"/>
                    </a:lnTo>
                    <a:lnTo>
                      <a:pt x="17" y="641"/>
                    </a:lnTo>
                    <a:lnTo>
                      <a:pt x="25" y="628"/>
                    </a:lnTo>
                    <a:lnTo>
                      <a:pt x="33" y="619"/>
                    </a:lnTo>
                    <a:lnTo>
                      <a:pt x="46" y="600"/>
                    </a:lnTo>
                    <a:lnTo>
                      <a:pt x="61" y="582"/>
                    </a:lnTo>
                    <a:lnTo>
                      <a:pt x="76" y="570"/>
                    </a:lnTo>
                    <a:lnTo>
                      <a:pt x="90" y="558"/>
                    </a:lnTo>
                    <a:lnTo>
                      <a:pt x="96" y="552"/>
                    </a:lnTo>
                    <a:lnTo>
                      <a:pt x="102" y="544"/>
                    </a:lnTo>
                    <a:lnTo>
                      <a:pt x="103" y="540"/>
                    </a:lnTo>
                    <a:lnTo>
                      <a:pt x="104" y="536"/>
                    </a:lnTo>
                    <a:lnTo>
                      <a:pt x="104" y="531"/>
                    </a:lnTo>
                    <a:lnTo>
                      <a:pt x="104" y="526"/>
                    </a:lnTo>
                    <a:lnTo>
                      <a:pt x="105" y="518"/>
                    </a:lnTo>
                    <a:lnTo>
                      <a:pt x="107" y="512"/>
                    </a:lnTo>
                    <a:lnTo>
                      <a:pt x="105" y="505"/>
                    </a:lnTo>
                    <a:lnTo>
                      <a:pt x="103" y="500"/>
                    </a:lnTo>
                    <a:lnTo>
                      <a:pt x="98" y="487"/>
                    </a:lnTo>
                    <a:lnTo>
                      <a:pt x="89" y="477"/>
                    </a:lnTo>
                    <a:lnTo>
                      <a:pt x="81" y="466"/>
                    </a:lnTo>
                    <a:lnTo>
                      <a:pt x="74" y="456"/>
                    </a:lnTo>
                    <a:lnTo>
                      <a:pt x="72" y="451"/>
                    </a:lnTo>
                    <a:lnTo>
                      <a:pt x="70" y="446"/>
                    </a:lnTo>
                    <a:lnTo>
                      <a:pt x="70" y="440"/>
                    </a:lnTo>
                    <a:lnTo>
                      <a:pt x="72" y="434"/>
                    </a:lnTo>
                    <a:lnTo>
                      <a:pt x="74" y="427"/>
                    </a:lnTo>
                    <a:lnTo>
                      <a:pt x="77" y="421"/>
                    </a:lnTo>
                    <a:lnTo>
                      <a:pt x="82" y="417"/>
                    </a:lnTo>
                    <a:lnTo>
                      <a:pt x="86" y="413"/>
                    </a:lnTo>
                    <a:lnTo>
                      <a:pt x="96" y="409"/>
                    </a:lnTo>
                    <a:lnTo>
                      <a:pt x="107" y="408"/>
                    </a:lnTo>
                    <a:lnTo>
                      <a:pt x="118" y="407"/>
                    </a:lnTo>
                    <a:lnTo>
                      <a:pt x="129" y="404"/>
                    </a:lnTo>
                    <a:lnTo>
                      <a:pt x="134" y="402"/>
                    </a:lnTo>
                    <a:lnTo>
                      <a:pt x="139" y="399"/>
                    </a:lnTo>
                    <a:lnTo>
                      <a:pt x="144" y="395"/>
                    </a:lnTo>
                    <a:lnTo>
                      <a:pt x="148" y="391"/>
                    </a:lnTo>
                    <a:lnTo>
                      <a:pt x="153" y="386"/>
                    </a:lnTo>
                    <a:lnTo>
                      <a:pt x="160" y="382"/>
                    </a:lnTo>
                    <a:lnTo>
                      <a:pt x="166" y="378"/>
                    </a:lnTo>
                    <a:lnTo>
                      <a:pt x="174" y="377"/>
                    </a:lnTo>
                    <a:lnTo>
                      <a:pt x="183" y="374"/>
                    </a:lnTo>
                    <a:lnTo>
                      <a:pt x="191" y="370"/>
                    </a:lnTo>
                    <a:lnTo>
                      <a:pt x="199" y="368"/>
                    </a:lnTo>
                    <a:lnTo>
                      <a:pt x="204" y="363"/>
                    </a:lnTo>
                    <a:lnTo>
                      <a:pt x="208" y="359"/>
                    </a:lnTo>
                    <a:lnTo>
                      <a:pt x="209" y="355"/>
                    </a:lnTo>
                    <a:lnTo>
                      <a:pt x="209" y="351"/>
                    </a:lnTo>
                    <a:lnTo>
                      <a:pt x="209" y="347"/>
                    </a:lnTo>
                    <a:lnTo>
                      <a:pt x="205" y="339"/>
                    </a:lnTo>
                    <a:lnTo>
                      <a:pt x="200" y="330"/>
                    </a:lnTo>
                    <a:lnTo>
                      <a:pt x="195" y="321"/>
                    </a:lnTo>
                    <a:lnTo>
                      <a:pt x="188" y="313"/>
                    </a:lnTo>
                    <a:lnTo>
                      <a:pt x="184" y="306"/>
                    </a:lnTo>
                    <a:lnTo>
                      <a:pt x="182" y="299"/>
                    </a:lnTo>
                    <a:lnTo>
                      <a:pt x="182" y="289"/>
                    </a:lnTo>
                    <a:lnTo>
                      <a:pt x="183" y="279"/>
                    </a:lnTo>
                    <a:lnTo>
                      <a:pt x="183" y="267"/>
                    </a:lnTo>
                    <a:lnTo>
                      <a:pt x="181" y="258"/>
                    </a:lnTo>
                    <a:lnTo>
                      <a:pt x="177" y="251"/>
                    </a:lnTo>
                    <a:lnTo>
                      <a:pt x="171" y="245"/>
                    </a:lnTo>
                    <a:lnTo>
                      <a:pt x="166" y="240"/>
                    </a:lnTo>
                    <a:lnTo>
                      <a:pt x="160" y="234"/>
                    </a:lnTo>
                    <a:lnTo>
                      <a:pt x="146" y="225"/>
                    </a:lnTo>
                    <a:lnTo>
                      <a:pt x="131" y="216"/>
                    </a:lnTo>
                    <a:lnTo>
                      <a:pt x="116" y="207"/>
                    </a:lnTo>
                    <a:lnTo>
                      <a:pt x="100" y="198"/>
                    </a:lnTo>
                    <a:lnTo>
                      <a:pt x="94" y="192"/>
                    </a:lnTo>
                    <a:lnTo>
                      <a:pt x="87" y="187"/>
                    </a:lnTo>
                    <a:lnTo>
                      <a:pt x="81" y="179"/>
                    </a:lnTo>
                    <a:lnTo>
                      <a:pt x="76" y="172"/>
                    </a:lnTo>
                    <a:lnTo>
                      <a:pt x="76" y="172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99" name="Freeform 113">
                <a:extLst>
                  <a:ext uri="{FF2B5EF4-FFF2-40B4-BE49-F238E27FC236}">
                    <a16:creationId xmlns:a16="http://schemas.microsoft.com/office/drawing/2014/main" id="{08E38D91-B2FB-A147-A819-854CDD43CC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455731" y="6080153"/>
                <a:ext cx="43721" cy="27095"/>
              </a:xfrm>
              <a:custGeom>
                <a:avLst/>
                <a:gdLst/>
                <a:ahLst/>
                <a:cxnLst>
                  <a:cxn ang="0">
                    <a:pos x="80" y="0"/>
                  </a:cxn>
                  <a:cxn ang="0">
                    <a:pos x="66" y="5"/>
                  </a:cxn>
                  <a:cxn ang="0">
                    <a:pos x="51" y="9"/>
                  </a:cxn>
                  <a:cxn ang="0">
                    <a:pos x="37" y="11"/>
                  </a:cxn>
                  <a:cxn ang="0">
                    <a:pos x="22" y="12"/>
                  </a:cxn>
                  <a:cxn ang="0">
                    <a:pos x="11" y="14"/>
                  </a:cxn>
                  <a:cxn ang="0">
                    <a:pos x="3" y="16"/>
                  </a:cxn>
                  <a:cxn ang="0">
                    <a:pos x="1" y="19"/>
                  </a:cxn>
                  <a:cxn ang="0">
                    <a:pos x="0" y="22"/>
                  </a:cxn>
                  <a:cxn ang="0">
                    <a:pos x="0" y="27"/>
                  </a:cxn>
                  <a:cxn ang="0">
                    <a:pos x="3" y="33"/>
                  </a:cxn>
                  <a:cxn ang="0">
                    <a:pos x="6" y="40"/>
                  </a:cxn>
                  <a:cxn ang="0">
                    <a:pos x="7" y="47"/>
                  </a:cxn>
                  <a:cxn ang="0">
                    <a:pos x="9" y="51"/>
                  </a:cxn>
                  <a:cxn ang="0">
                    <a:pos x="10" y="54"/>
                  </a:cxn>
                  <a:cxn ang="0">
                    <a:pos x="13" y="57"/>
                  </a:cxn>
                  <a:cxn ang="0">
                    <a:pos x="16" y="58"/>
                  </a:cxn>
                  <a:cxn ang="0">
                    <a:pos x="24" y="58"/>
                  </a:cxn>
                  <a:cxn ang="0">
                    <a:pos x="31" y="57"/>
                  </a:cxn>
                  <a:cxn ang="0">
                    <a:pos x="36" y="54"/>
                  </a:cxn>
                  <a:cxn ang="0">
                    <a:pos x="42" y="51"/>
                  </a:cxn>
                  <a:cxn ang="0">
                    <a:pos x="54" y="47"/>
                  </a:cxn>
                  <a:cxn ang="0">
                    <a:pos x="66" y="45"/>
                  </a:cxn>
                  <a:cxn ang="0">
                    <a:pos x="80" y="45"/>
                  </a:cxn>
                  <a:cxn ang="0">
                    <a:pos x="94" y="45"/>
                  </a:cxn>
                  <a:cxn ang="0">
                    <a:pos x="97" y="42"/>
                  </a:cxn>
                  <a:cxn ang="0">
                    <a:pos x="97" y="40"/>
                  </a:cxn>
                  <a:cxn ang="0">
                    <a:pos x="97" y="36"/>
                  </a:cxn>
                  <a:cxn ang="0">
                    <a:pos x="95" y="31"/>
                  </a:cxn>
                  <a:cxn ang="0">
                    <a:pos x="93" y="23"/>
                  </a:cxn>
                  <a:cxn ang="0">
                    <a:pos x="92" y="15"/>
                  </a:cxn>
                  <a:cxn ang="0">
                    <a:pos x="80" y="0"/>
                  </a:cxn>
                </a:cxnLst>
                <a:rect l="0" t="0" r="r" b="b"/>
                <a:pathLst>
                  <a:path w="97" h="58">
                    <a:moveTo>
                      <a:pt x="80" y="0"/>
                    </a:moveTo>
                    <a:lnTo>
                      <a:pt x="66" y="5"/>
                    </a:lnTo>
                    <a:lnTo>
                      <a:pt x="51" y="9"/>
                    </a:lnTo>
                    <a:lnTo>
                      <a:pt x="37" y="11"/>
                    </a:lnTo>
                    <a:lnTo>
                      <a:pt x="22" y="12"/>
                    </a:lnTo>
                    <a:lnTo>
                      <a:pt x="11" y="14"/>
                    </a:lnTo>
                    <a:lnTo>
                      <a:pt x="3" y="16"/>
                    </a:lnTo>
                    <a:lnTo>
                      <a:pt x="1" y="19"/>
                    </a:lnTo>
                    <a:lnTo>
                      <a:pt x="0" y="22"/>
                    </a:lnTo>
                    <a:lnTo>
                      <a:pt x="0" y="27"/>
                    </a:lnTo>
                    <a:lnTo>
                      <a:pt x="3" y="33"/>
                    </a:lnTo>
                    <a:lnTo>
                      <a:pt x="6" y="40"/>
                    </a:lnTo>
                    <a:lnTo>
                      <a:pt x="7" y="47"/>
                    </a:lnTo>
                    <a:lnTo>
                      <a:pt x="9" y="51"/>
                    </a:lnTo>
                    <a:lnTo>
                      <a:pt x="10" y="54"/>
                    </a:lnTo>
                    <a:lnTo>
                      <a:pt x="13" y="57"/>
                    </a:lnTo>
                    <a:lnTo>
                      <a:pt x="16" y="58"/>
                    </a:lnTo>
                    <a:lnTo>
                      <a:pt x="24" y="58"/>
                    </a:lnTo>
                    <a:lnTo>
                      <a:pt x="31" y="57"/>
                    </a:lnTo>
                    <a:lnTo>
                      <a:pt x="36" y="54"/>
                    </a:lnTo>
                    <a:lnTo>
                      <a:pt x="42" y="51"/>
                    </a:lnTo>
                    <a:lnTo>
                      <a:pt x="54" y="47"/>
                    </a:lnTo>
                    <a:lnTo>
                      <a:pt x="66" y="45"/>
                    </a:lnTo>
                    <a:lnTo>
                      <a:pt x="80" y="45"/>
                    </a:lnTo>
                    <a:lnTo>
                      <a:pt x="94" y="45"/>
                    </a:lnTo>
                    <a:lnTo>
                      <a:pt x="97" y="42"/>
                    </a:lnTo>
                    <a:lnTo>
                      <a:pt x="97" y="40"/>
                    </a:lnTo>
                    <a:lnTo>
                      <a:pt x="97" y="36"/>
                    </a:lnTo>
                    <a:lnTo>
                      <a:pt x="95" y="31"/>
                    </a:lnTo>
                    <a:lnTo>
                      <a:pt x="93" y="23"/>
                    </a:lnTo>
                    <a:lnTo>
                      <a:pt x="92" y="15"/>
                    </a:lnTo>
                    <a:lnTo>
                      <a:pt x="80" y="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0" name="Freeform 115">
                <a:extLst>
                  <a:ext uri="{FF2B5EF4-FFF2-40B4-BE49-F238E27FC236}">
                    <a16:creationId xmlns:a16="http://schemas.microsoft.com/office/drawing/2014/main" id="{F5E3732F-187B-464D-A1DE-314E8C9307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355430" y="4866316"/>
                <a:ext cx="633948" cy="832707"/>
              </a:xfrm>
              <a:custGeom>
                <a:avLst/>
                <a:gdLst/>
                <a:ahLst/>
                <a:cxnLst>
                  <a:cxn ang="0">
                    <a:pos x="601" y="219"/>
                  </a:cxn>
                  <a:cxn ang="0">
                    <a:pos x="675" y="391"/>
                  </a:cxn>
                  <a:cxn ang="0">
                    <a:pos x="780" y="487"/>
                  </a:cxn>
                  <a:cxn ang="0">
                    <a:pos x="818" y="600"/>
                  </a:cxn>
                  <a:cxn ang="0">
                    <a:pos x="873" y="681"/>
                  </a:cxn>
                  <a:cxn ang="0">
                    <a:pos x="981" y="719"/>
                  </a:cxn>
                  <a:cxn ang="0">
                    <a:pos x="1079" y="784"/>
                  </a:cxn>
                  <a:cxn ang="0">
                    <a:pos x="1119" y="784"/>
                  </a:cxn>
                  <a:cxn ang="0">
                    <a:pos x="1141" y="703"/>
                  </a:cxn>
                  <a:cxn ang="0">
                    <a:pos x="1204" y="692"/>
                  </a:cxn>
                  <a:cxn ang="0">
                    <a:pos x="1303" y="741"/>
                  </a:cxn>
                  <a:cxn ang="0">
                    <a:pos x="1267" y="782"/>
                  </a:cxn>
                  <a:cxn ang="0">
                    <a:pos x="1226" y="869"/>
                  </a:cxn>
                  <a:cxn ang="0">
                    <a:pos x="1227" y="1041"/>
                  </a:cxn>
                  <a:cxn ang="0">
                    <a:pos x="1217" y="1176"/>
                  </a:cxn>
                  <a:cxn ang="0">
                    <a:pos x="1287" y="1301"/>
                  </a:cxn>
                  <a:cxn ang="0">
                    <a:pos x="1388" y="1389"/>
                  </a:cxn>
                  <a:cxn ang="0">
                    <a:pos x="1373" y="1448"/>
                  </a:cxn>
                  <a:cxn ang="0">
                    <a:pos x="1241" y="1508"/>
                  </a:cxn>
                  <a:cxn ang="0">
                    <a:pos x="1209" y="1615"/>
                  </a:cxn>
                  <a:cxn ang="0">
                    <a:pos x="1215" y="1754"/>
                  </a:cxn>
                  <a:cxn ang="0">
                    <a:pos x="1173" y="1797"/>
                  </a:cxn>
                  <a:cxn ang="0">
                    <a:pos x="1116" y="1821"/>
                  </a:cxn>
                  <a:cxn ang="0">
                    <a:pos x="1070" y="1803"/>
                  </a:cxn>
                  <a:cxn ang="0">
                    <a:pos x="1022" y="1832"/>
                  </a:cxn>
                  <a:cxn ang="0">
                    <a:pos x="926" y="1825"/>
                  </a:cxn>
                  <a:cxn ang="0">
                    <a:pos x="985" y="1649"/>
                  </a:cxn>
                  <a:cxn ang="0">
                    <a:pos x="933" y="1639"/>
                  </a:cxn>
                  <a:cxn ang="0">
                    <a:pos x="880" y="1595"/>
                  </a:cxn>
                  <a:cxn ang="0">
                    <a:pos x="860" y="1553"/>
                  </a:cxn>
                  <a:cxn ang="0">
                    <a:pos x="797" y="1487"/>
                  </a:cxn>
                  <a:cxn ang="0">
                    <a:pos x="737" y="1440"/>
                  </a:cxn>
                  <a:cxn ang="0">
                    <a:pos x="684" y="1407"/>
                  </a:cxn>
                  <a:cxn ang="0">
                    <a:pos x="660" y="1373"/>
                  </a:cxn>
                  <a:cxn ang="0">
                    <a:pos x="604" y="1416"/>
                  </a:cxn>
                  <a:cxn ang="0">
                    <a:pos x="615" y="1474"/>
                  </a:cxn>
                  <a:cxn ang="0">
                    <a:pos x="560" y="1539"/>
                  </a:cxn>
                  <a:cxn ang="0">
                    <a:pos x="527" y="1574"/>
                  </a:cxn>
                  <a:cxn ang="0">
                    <a:pos x="472" y="1518"/>
                  </a:cxn>
                  <a:cxn ang="0">
                    <a:pos x="382" y="1462"/>
                  </a:cxn>
                  <a:cxn ang="0">
                    <a:pos x="333" y="1442"/>
                  </a:cxn>
                  <a:cxn ang="0">
                    <a:pos x="293" y="1413"/>
                  </a:cxn>
                  <a:cxn ang="0">
                    <a:pos x="231" y="1361"/>
                  </a:cxn>
                  <a:cxn ang="0">
                    <a:pos x="167" y="1303"/>
                  </a:cxn>
                  <a:cxn ang="0">
                    <a:pos x="201" y="1229"/>
                  </a:cxn>
                  <a:cxn ang="0">
                    <a:pos x="206" y="1171"/>
                  </a:cxn>
                  <a:cxn ang="0">
                    <a:pos x="152" y="1079"/>
                  </a:cxn>
                  <a:cxn ang="0">
                    <a:pos x="227" y="1058"/>
                  </a:cxn>
                  <a:cxn ang="0">
                    <a:pos x="210" y="1012"/>
                  </a:cxn>
                  <a:cxn ang="0">
                    <a:pos x="112" y="905"/>
                  </a:cxn>
                  <a:cxn ang="0">
                    <a:pos x="108" y="813"/>
                  </a:cxn>
                  <a:cxn ang="0">
                    <a:pos x="163" y="554"/>
                  </a:cxn>
                  <a:cxn ang="0">
                    <a:pos x="150" y="488"/>
                  </a:cxn>
                  <a:cxn ang="0">
                    <a:pos x="130" y="448"/>
                  </a:cxn>
                  <a:cxn ang="0">
                    <a:pos x="86" y="372"/>
                  </a:cxn>
                  <a:cxn ang="0">
                    <a:pos x="23" y="291"/>
                  </a:cxn>
                  <a:cxn ang="0">
                    <a:pos x="1" y="176"/>
                  </a:cxn>
                  <a:cxn ang="0">
                    <a:pos x="110" y="115"/>
                  </a:cxn>
                  <a:cxn ang="0">
                    <a:pos x="191" y="60"/>
                  </a:cxn>
                  <a:cxn ang="0">
                    <a:pos x="271" y="1"/>
                  </a:cxn>
                  <a:cxn ang="0">
                    <a:pos x="377" y="18"/>
                  </a:cxn>
                </a:cxnLst>
                <a:rect l="0" t="0" r="r" b="b"/>
                <a:pathLst>
                  <a:path w="1393" h="1845">
                    <a:moveTo>
                      <a:pt x="520" y="40"/>
                    </a:moveTo>
                    <a:lnTo>
                      <a:pt x="542" y="72"/>
                    </a:lnTo>
                    <a:lnTo>
                      <a:pt x="562" y="105"/>
                    </a:lnTo>
                    <a:lnTo>
                      <a:pt x="571" y="122"/>
                    </a:lnTo>
                    <a:lnTo>
                      <a:pt x="579" y="140"/>
                    </a:lnTo>
                    <a:lnTo>
                      <a:pt x="586" y="158"/>
                    </a:lnTo>
                    <a:lnTo>
                      <a:pt x="591" y="176"/>
                    </a:lnTo>
                    <a:lnTo>
                      <a:pt x="601" y="219"/>
                    </a:lnTo>
                    <a:lnTo>
                      <a:pt x="610" y="260"/>
                    </a:lnTo>
                    <a:lnTo>
                      <a:pt x="617" y="280"/>
                    </a:lnTo>
                    <a:lnTo>
                      <a:pt x="623" y="300"/>
                    </a:lnTo>
                    <a:lnTo>
                      <a:pt x="634" y="319"/>
                    </a:lnTo>
                    <a:lnTo>
                      <a:pt x="645" y="338"/>
                    </a:lnTo>
                    <a:lnTo>
                      <a:pt x="657" y="355"/>
                    </a:lnTo>
                    <a:lnTo>
                      <a:pt x="666" y="373"/>
                    </a:lnTo>
                    <a:lnTo>
                      <a:pt x="675" y="391"/>
                    </a:lnTo>
                    <a:lnTo>
                      <a:pt x="688" y="409"/>
                    </a:lnTo>
                    <a:lnTo>
                      <a:pt x="698" y="422"/>
                    </a:lnTo>
                    <a:lnTo>
                      <a:pt x="711" y="434"/>
                    </a:lnTo>
                    <a:lnTo>
                      <a:pt x="726" y="444"/>
                    </a:lnTo>
                    <a:lnTo>
                      <a:pt x="741" y="455"/>
                    </a:lnTo>
                    <a:lnTo>
                      <a:pt x="755" y="465"/>
                    </a:lnTo>
                    <a:lnTo>
                      <a:pt x="768" y="475"/>
                    </a:lnTo>
                    <a:lnTo>
                      <a:pt x="780" y="487"/>
                    </a:lnTo>
                    <a:lnTo>
                      <a:pt x="789" y="500"/>
                    </a:lnTo>
                    <a:lnTo>
                      <a:pt x="797" y="514"/>
                    </a:lnTo>
                    <a:lnTo>
                      <a:pt x="803" y="527"/>
                    </a:lnTo>
                    <a:lnTo>
                      <a:pt x="808" y="541"/>
                    </a:lnTo>
                    <a:lnTo>
                      <a:pt x="812" y="556"/>
                    </a:lnTo>
                    <a:lnTo>
                      <a:pt x="815" y="570"/>
                    </a:lnTo>
                    <a:lnTo>
                      <a:pt x="816" y="584"/>
                    </a:lnTo>
                    <a:lnTo>
                      <a:pt x="818" y="600"/>
                    </a:lnTo>
                    <a:lnTo>
                      <a:pt x="819" y="615"/>
                    </a:lnTo>
                    <a:lnTo>
                      <a:pt x="823" y="667"/>
                    </a:lnTo>
                    <a:lnTo>
                      <a:pt x="829" y="667"/>
                    </a:lnTo>
                    <a:lnTo>
                      <a:pt x="836" y="667"/>
                    </a:lnTo>
                    <a:lnTo>
                      <a:pt x="842" y="668"/>
                    </a:lnTo>
                    <a:lnTo>
                      <a:pt x="849" y="670"/>
                    </a:lnTo>
                    <a:lnTo>
                      <a:pt x="862" y="675"/>
                    </a:lnTo>
                    <a:lnTo>
                      <a:pt x="873" y="681"/>
                    </a:lnTo>
                    <a:lnTo>
                      <a:pt x="895" y="697"/>
                    </a:lnTo>
                    <a:lnTo>
                      <a:pt x="917" y="711"/>
                    </a:lnTo>
                    <a:lnTo>
                      <a:pt x="928" y="715"/>
                    </a:lnTo>
                    <a:lnTo>
                      <a:pt x="938" y="718"/>
                    </a:lnTo>
                    <a:lnTo>
                      <a:pt x="950" y="719"/>
                    </a:lnTo>
                    <a:lnTo>
                      <a:pt x="960" y="719"/>
                    </a:lnTo>
                    <a:lnTo>
                      <a:pt x="970" y="719"/>
                    </a:lnTo>
                    <a:lnTo>
                      <a:pt x="981" y="719"/>
                    </a:lnTo>
                    <a:lnTo>
                      <a:pt x="991" y="720"/>
                    </a:lnTo>
                    <a:lnTo>
                      <a:pt x="1002" y="723"/>
                    </a:lnTo>
                    <a:lnTo>
                      <a:pt x="1016" y="729"/>
                    </a:lnTo>
                    <a:lnTo>
                      <a:pt x="1029" y="738"/>
                    </a:lnTo>
                    <a:lnTo>
                      <a:pt x="1043" y="750"/>
                    </a:lnTo>
                    <a:lnTo>
                      <a:pt x="1056" y="762"/>
                    </a:lnTo>
                    <a:lnTo>
                      <a:pt x="1068" y="773"/>
                    </a:lnTo>
                    <a:lnTo>
                      <a:pt x="1079" y="784"/>
                    </a:lnTo>
                    <a:lnTo>
                      <a:pt x="1086" y="788"/>
                    </a:lnTo>
                    <a:lnTo>
                      <a:pt x="1091" y="790"/>
                    </a:lnTo>
                    <a:lnTo>
                      <a:pt x="1096" y="793"/>
                    </a:lnTo>
                    <a:lnTo>
                      <a:pt x="1100" y="794"/>
                    </a:lnTo>
                    <a:lnTo>
                      <a:pt x="1106" y="793"/>
                    </a:lnTo>
                    <a:lnTo>
                      <a:pt x="1112" y="791"/>
                    </a:lnTo>
                    <a:lnTo>
                      <a:pt x="1116" y="788"/>
                    </a:lnTo>
                    <a:lnTo>
                      <a:pt x="1119" y="784"/>
                    </a:lnTo>
                    <a:lnTo>
                      <a:pt x="1123" y="772"/>
                    </a:lnTo>
                    <a:lnTo>
                      <a:pt x="1126" y="758"/>
                    </a:lnTo>
                    <a:lnTo>
                      <a:pt x="1128" y="742"/>
                    </a:lnTo>
                    <a:lnTo>
                      <a:pt x="1131" y="727"/>
                    </a:lnTo>
                    <a:lnTo>
                      <a:pt x="1134" y="720"/>
                    </a:lnTo>
                    <a:lnTo>
                      <a:pt x="1135" y="714"/>
                    </a:lnTo>
                    <a:lnTo>
                      <a:pt x="1139" y="709"/>
                    </a:lnTo>
                    <a:lnTo>
                      <a:pt x="1141" y="703"/>
                    </a:lnTo>
                    <a:lnTo>
                      <a:pt x="1149" y="698"/>
                    </a:lnTo>
                    <a:lnTo>
                      <a:pt x="1156" y="694"/>
                    </a:lnTo>
                    <a:lnTo>
                      <a:pt x="1163" y="692"/>
                    </a:lnTo>
                    <a:lnTo>
                      <a:pt x="1171" y="690"/>
                    </a:lnTo>
                    <a:lnTo>
                      <a:pt x="1179" y="689"/>
                    </a:lnTo>
                    <a:lnTo>
                      <a:pt x="1187" y="689"/>
                    </a:lnTo>
                    <a:lnTo>
                      <a:pt x="1195" y="690"/>
                    </a:lnTo>
                    <a:lnTo>
                      <a:pt x="1204" y="692"/>
                    </a:lnTo>
                    <a:lnTo>
                      <a:pt x="1220" y="697"/>
                    </a:lnTo>
                    <a:lnTo>
                      <a:pt x="1237" y="702"/>
                    </a:lnTo>
                    <a:lnTo>
                      <a:pt x="1254" y="710"/>
                    </a:lnTo>
                    <a:lnTo>
                      <a:pt x="1270" y="716"/>
                    </a:lnTo>
                    <a:lnTo>
                      <a:pt x="1279" y="720"/>
                    </a:lnTo>
                    <a:lnTo>
                      <a:pt x="1288" y="727"/>
                    </a:lnTo>
                    <a:lnTo>
                      <a:pt x="1297" y="733"/>
                    </a:lnTo>
                    <a:lnTo>
                      <a:pt x="1303" y="741"/>
                    </a:lnTo>
                    <a:lnTo>
                      <a:pt x="1305" y="744"/>
                    </a:lnTo>
                    <a:lnTo>
                      <a:pt x="1305" y="746"/>
                    </a:lnTo>
                    <a:lnTo>
                      <a:pt x="1303" y="749"/>
                    </a:lnTo>
                    <a:lnTo>
                      <a:pt x="1302" y="751"/>
                    </a:lnTo>
                    <a:lnTo>
                      <a:pt x="1298" y="758"/>
                    </a:lnTo>
                    <a:lnTo>
                      <a:pt x="1293" y="763"/>
                    </a:lnTo>
                    <a:lnTo>
                      <a:pt x="1279" y="773"/>
                    </a:lnTo>
                    <a:lnTo>
                      <a:pt x="1267" y="782"/>
                    </a:lnTo>
                    <a:lnTo>
                      <a:pt x="1252" y="799"/>
                    </a:lnTo>
                    <a:lnTo>
                      <a:pt x="1233" y="823"/>
                    </a:lnTo>
                    <a:lnTo>
                      <a:pt x="1226" y="835"/>
                    </a:lnTo>
                    <a:lnTo>
                      <a:pt x="1222" y="847"/>
                    </a:lnTo>
                    <a:lnTo>
                      <a:pt x="1220" y="854"/>
                    </a:lnTo>
                    <a:lnTo>
                      <a:pt x="1222" y="859"/>
                    </a:lnTo>
                    <a:lnTo>
                      <a:pt x="1223" y="864"/>
                    </a:lnTo>
                    <a:lnTo>
                      <a:pt x="1226" y="869"/>
                    </a:lnTo>
                    <a:lnTo>
                      <a:pt x="1236" y="877"/>
                    </a:lnTo>
                    <a:lnTo>
                      <a:pt x="1250" y="886"/>
                    </a:lnTo>
                    <a:lnTo>
                      <a:pt x="1266" y="892"/>
                    </a:lnTo>
                    <a:lnTo>
                      <a:pt x="1279" y="899"/>
                    </a:lnTo>
                    <a:lnTo>
                      <a:pt x="1292" y="904"/>
                    </a:lnTo>
                    <a:lnTo>
                      <a:pt x="1306" y="911"/>
                    </a:lnTo>
                    <a:lnTo>
                      <a:pt x="1239" y="1023"/>
                    </a:lnTo>
                    <a:lnTo>
                      <a:pt x="1227" y="1041"/>
                    </a:lnTo>
                    <a:lnTo>
                      <a:pt x="1218" y="1056"/>
                    </a:lnTo>
                    <a:lnTo>
                      <a:pt x="1210" y="1071"/>
                    </a:lnTo>
                    <a:lnTo>
                      <a:pt x="1206" y="1084"/>
                    </a:lnTo>
                    <a:lnTo>
                      <a:pt x="1205" y="1100"/>
                    </a:lnTo>
                    <a:lnTo>
                      <a:pt x="1205" y="1115"/>
                    </a:lnTo>
                    <a:lnTo>
                      <a:pt x="1208" y="1135"/>
                    </a:lnTo>
                    <a:lnTo>
                      <a:pt x="1213" y="1157"/>
                    </a:lnTo>
                    <a:lnTo>
                      <a:pt x="1217" y="1176"/>
                    </a:lnTo>
                    <a:lnTo>
                      <a:pt x="1222" y="1193"/>
                    </a:lnTo>
                    <a:lnTo>
                      <a:pt x="1227" y="1210"/>
                    </a:lnTo>
                    <a:lnTo>
                      <a:pt x="1233" y="1227"/>
                    </a:lnTo>
                    <a:lnTo>
                      <a:pt x="1241" y="1242"/>
                    </a:lnTo>
                    <a:lnTo>
                      <a:pt x="1250" y="1258"/>
                    </a:lnTo>
                    <a:lnTo>
                      <a:pt x="1259" y="1272"/>
                    </a:lnTo>
                    <a:lnTo>
                      <a:pt x="1272" y="1288"/>
                    </a:lnTo>
                    <a:lnTo>
                      <a:pt x="1287" y="1301"/>
                    </a:lnTo>
                    <a:lnTo>
                      <a:pt x="1305" y="1315"/>
                    </a:lnTo>
                    <a:lnTo>
                      <a:pt x="1325" y="1330"/>
                    </a:lnTo>
                    <a:lnTo>
                      <a:pt x="1347" y="1346"/>
                    </a:lnTo>
                    <a:lnTo>
                      <a:pt x="1356" y="1354"/>
                    </a:lnTo>
                    <a:lnTo>
                      <a:pt x="1367" y="1363"/>
                    </a:lnTo>
                    <a:lnTo>
                      <a:pt x="1375" y="1370"/>
                    </a:lnTo>
                    <a:lnTo>
                      <a:pt x="1381" y="1380"/>
                    </a:lnTo>
                    <a:lnTo>
                      <a:pt x="1388" y="1389"/>
                    </a:lnTo>
                    <a:lnTo>
                      <a:pt x="1391" y="1399"/>
                    </a:lnTo>
                    <a:lnTo>
                      <a:pt x="1393" y="1408"/>
                    </a:lnTo>
                    <a:lnTo>
                      <a:pt x="1391" y="1418"/>
                    </a:lnTo>
                    <a:lnTo>
                      <a:pt x="1390" y="1424"/>
                    </a:lnTo>
                    <a:lnTo>
                      <a:pt x="1388" y="1430"/>
                    </a:lnTo>
                    <a:lnTo>
                      <a:pt x="1385" y="1435"/>
                    </a:lnTo>
                    <a:lnTo>
                      <a:pt x="1382" y="1439"/>
                    </a:lnTo>
                    <a:lnTo>
                      <a:pt x="1373" y="1448"/>
                    </a:lnTo>
                    <a:lnTo>
                      <a:pt x="1363" y="1456"/>
                    </a:lnTo>
                    <a:lnTo>
                      <a:pt x="1351" y="1462"/>
                    </a:lnTo>
                    <a:lnTo>
                      <a:pt x="1338" y="1468"/>
                    </a:lnTo>
                    <a:lnTo>
                      <a:pt x="1325" y="1474"/>
                    </a:lnTo>
                    <a:lnTo>
                      <a:pt x="1311" y="1479"/>
                    </a:lnTo>
                    <a:lnTo>
                      <a:pt x="1281" y="1490"/>
                    </a:lnTo>
                    <a:lnTo>
                      <a:pt x="1254" y="1501"/>
                    </a:lnTo>
                    <a:lnTo>
                      <a:pt x="1241" y="1508"/>
                    </a:lnTo>
                    <a:lnTo>
                      <a:pt x="1230" y="1516"/>
                    </a:lnTo>
                    <a:lnTo>
                      <a:pt x="1220" y="1523"/>
                    </a:lnTo>
                    <a:lnTo>
                      <a:pt x="1213" y="1534"/>
                    </a:lnTo>
                    <a:lnTo>
                      <a:pt x="1211" y="1548"/>
                    </a:lnTo>
                    <a:lnTo>
                      <a:pt x="1210" y="1563"/>
                    </a:lnTo>
                    <a:lnTo>
                      <a:pt x="1208" y="1578"/>
                    </a:lnTo>
                    <a:lnTo>
                      <a:pt x="1208" y="1593"/>
                    </a:lnTo>
                    <a:lnTo>
                      <a:pt x="1209" y="1615"/>
                    </a:lnTo>
                    <a:lnTo>
                      <a:pt x="1213" y="1636"/>
                    </a:lnTo>
                    <a:lnTo>
                      <a:pt x="1217" y="1658"/>
                    </a:lnTo>
                    <a:lnTo>
                      <a:pt x="1219" y="1679"/>
                    </a:lnTo>
                    <a:lnTo>
                      <a:pt x="1218" y="1700"/>
                    </a:lnTo>
                    <a:lnTo>
                      <a:pt x="1217" y="1722"/>
                    </a:lnTo>
                    <a:lnTo>
                      <a:pt x="1215" y="1733"/>
                    </a:lnTo>
                    <a:lnTo>
                      <a:pt x="1215" y="1744"/>
                    </a:lnTo>
                    <a:lnTo>
                      <a:pt x="1215" y="1754"/>
                    </a:lnTo>
                    <a:lnTo>
                      <a:pt x="1217" y="1764"/>
                    </a:lnTo>
                    <a:lnTo>
                      <a:pt x="1201" y="1829"/>
                    </a:lnTo>
                    <a:lnTo>
                      <a:pt x="1200" y="1825"/>
                    </a:lnTo>
                    <a:lnTo>
                      <a:pt x="1196" y="1819"/>
                    </a:lnTo>
                    <a:lnTo>
                      <a:pt x="1191" y="1812"/>
                    </a:lnTo>
                    <a:lnTo>
                      <a:pt x="1185" y="1806"/>
                    </a:lnTo>
                    <a:lnTo>
                      <a:pt x="1179" y="1801"/>
                    </a:lnTo>
                    <a:lnTo>
                      <a:pt x="1173" y="1797"/>
                    </a:lnTo>
                    <a:lnTo>
                      <a:pt x="1166" y="1793"/>
                    </a:lnTo>
                    <a:lnTo>
                      <a:pt x="1161" y="1793"/>
                    </a:lnTo>
                    <a:lnTo>
                      <a:pt x="1153" y="1795"/>
                    </a:lnTo>
                    <a:lnTo>
                      <a:pt x="1145" y="1801"/>
                    </a:lnTo>
                    <a:lnTo>
                      <a:pt x="1138" y="1806"/>
                    </a:lnTo>
                    <a:lnTo>
                      <a:pt x="1130" y="1812"/>
                    </a:lnTo>
                    <a:lnTo>
                      <a:pt x="1123" y="1817"/>
                    </a:lnTo>
                    <a:lnTo>
                      <a:pt x="1116" y="1821"/>
                    </a:lnTo>
                    <a:lnTo>
                      <a:pt x="1112" y="1823"/>
                    </a:lnTo>
                    <a:lnTo>
                      <a:pt x="1108" y="1824"/>
                    </a:lnTo>
                    <a:lnTo>
                      <a:pt x="1103" y="1824"/>
                    </a:lnTo>
                    <a:lnTo>
                      <a:pt x="1099" y="1823"/>
                    </a:lnTo>
                    <a:lnTo>
                      <a:pt x="1090" y="1820"/>
                    </a:lnTo>
                    <a:lnTo>
                      <a:pt x="1083" y="1815"/>
                    </a:lnTo>
                    <a:lnTo>
                      <a:pt x="1077" y="1808"/>
                    </a:lnTo>
                    <a:lnTo>
                      <a:pt x="1070" y="1803"/>
                    </a:lnTo>
                    <a:lnTo>
                      <a:pt x="1068" y="1802"/>
                    </a:lnTo>
                    <a:lnTo>
                      <a:pt x="1064" y="1801"/>
                    </a:lnTo>
                    <a:lnTo>
                      <a:pt x="1061" y="1801"/>
                    </a:lnTo>
                    <a:lnTo>
                      <a:pt x="1057" y="1802"/>
                    </a:lnTo>
                    <a:lnTo>
                      <a:pt x="1051" y="1806"/>
                    </a:lnTo>
                    <a:lnTo>
                      <a:pt x="1043" y="1810"/>
                    </a:lnTo>
                    <a:lnTo>
                      <a:pt x="1031" y="1823"/>
                    </a:lnTo>
                    <a:lnTo>
                      <a:pt x="1022" y="1832"/>
                    </a:lnTo>
                    <a:lnTo>
                      <a:pt x="1018" y="1837"/>
                    </a:lnTo>
                    <a:lnTo>
                      <a:pt x="1013" y="1841"/>
                    </a:lnTo>
                    <a:lnTo>
                      <a:pt x="1008" y="1843"/>
                    </a:lnTo>
                    <a:lnTo>
                      <a:pt x="1003" y="1845"/>
                    </a:lnTo>
                    <a:lnTo>
                      <a:pt x="990" y="1845"/>
                    </a:lnTo>
                    <a:lnTo>
                      <a:pt x="977" y="1842"/>
                    </a:lnTo>
                    <a:lnTo>
                      <a:pt x="950" y="1833"/>
                    </a:lnTo>
                    <a:lnTo>
                      <a:pt x="926" y="1825"/>
                    </a:lnTo>
                    <a:lnTo>
                      <a:pt x="987" y="1679"/>
                    </a:lnTo>
                    <a:lnTo>
                      <a:pt x="991" y="1670"/>
                    </a:lnTo>
                    <a:lnTo>
                      <a:pt x="992" y="1663"/>
                    </a:lnTo>
                    <a:lnTo>
                      <a:pt x="994" y="1658"/>
                    </a:lnTo>
                    <a:lnTo>
                      <a:pt x="992" y="1654"/>
                    </a:lnTo>
                    <a:lnTo>
                      <a:pt x="991" y="1652"/>
                    </a:lnTo>
                    <a:lnTo>
                      <a:pt x="989" y="1650"/>
                    </a:lnTo>
                    <a:lnTo>
                      <a:pt x="985" y="1649"/>
                    </a:lnTo>
                    <a:lnTo>
                      <a:pt x="981" y="1649"/>
                    </a:lnTo>
                    <a:lnTo>
                      <a:pt x="972" y="1649"/>
                    </a:lnTo>
                    <a:lnTo>
                      <a:pt x="961" y="1649"/>
                    </a:lnTo>
                    <a:lnTo>
                      <a:pt x="956" y="1649"/>
                    </a:lnTo>
                    <a:lnTo>
                      <a:pt x="951" y="1649"/>
                    </a:lnTo>
                    <a:lnTo>
                      <a:pt x="946" y="1648"/>
                    </a:lnTo>
                    <a:lnTo>
                      <a:pt x="941" y="1645"/>
                    </a:lnTo>
                    <a:lnTo>
                      <a:pt x="933" y="1639"/>
                    </a:lnTo>
                    <a:lnTo>
                      <a:pt x="924" y="1632"/>
                    </a:lnTo>
                    <a:lnTo>
                      <a:pt x="916" y="1627"/>
                    </a:lnTo>
                    <a:lnTo>
                      <a:pt x="906" y="1622"/>
                    </a:lnTo>
                    <a:lnTo>
                      <a:pt x="897" y="1619"/>
                    </a:lnTo>
                    <a:lnTo>
                      <a:pt x="890" y="1614"/>
                    </a:lnTo>
                    <a:lnTo>
                      <a:pt x="885" y="1610"/>
                    </a:lnTo>
                    <a:lnTo>
                      <a:pt x="882" y="1605"/>
                    </a:lnTo>
                    <a:lnTo>
                      <a:pt x="880" y="1595"/>
                    </a:lnTo>
                    <a:lnTo>
                      <a:pt x="880" y="1583"/>
                    </a:lnTo>
                    <a:lnTo>
                      <a:pt x="880" y="1578"/>
                    </a:lnTo>
                    <a:lnTo>
                      <a:pt x="880" y="1573"/>
                    </a:lnTo>
                    <a:lnTo>
                      <a:pt x="880" y="1567"/>
                    </a:lnTo>
                    <a:lnTo>
                      <a:pt x="877" y="1563"/>
                    </a:lnTo>
                    <a:lnTo>
                      <a:pt x="873" y="1560"/>
                    </a:lnTo>
                    <a:lnTo>
                      <a:pt x="868" y="1556"/>
                    </a:lnTo>
                    <a:lnTo>
                      <a:pt x="860" y="1553"/>
                    </a:lnTo>
                    <a:lnTo>
                      <a:pt x="850" y="1551"/>
                    </a:lnTo>
                    <a:lnTo>
                      <a:pt x="843" y="1549"/>
                    </a:lnTo>
                    <a:lnTo>
                      <a:pt x="837" y="1545"/>
                    </a:lnTo>
                    <a:lnTo>
                      <a:pt x="832" y="1540"/>
                    </a:lnTo>
                    <a:lnTo>
                      <a:pt x="825" y="1535"/>
                    </a:lnTo>
                    <a:lnTo>
                      <a:pt x="815" y="1521"/>
                    </a:lnTo>
                    <a:lnTo>
                      <a:pt x="806" y="1504"/>
                    </a:lnTo>
                    <a:lnTo>
                      <a:pt x="797" y="1487"/>
                    </a:lnTo>
                    <a:lnTo>
                      <a:pt x="789" y="1472"/>
                    </a:lnTo>
                    <a:lnTo>
                      <a:pt x="784" y="1464"/>
                    </a:lnTo>
                    <a:lnTo>
                      <a:pt x="780" y="1459"/>
                    </a:lnTo>
                    <a:lnTo>
                      <a:pt x="775" y="1453"/>
                    </a:lnTo>
                    <a:lnTo>
                      <a:pt x="770" y="1450"/>
                    </a:lnTo>
                    <a:lnTo>
                      <a:pt x="761" y="1446"/>
                    </a:lnTo>
                    <a:lnTo>
                      <a:pt x="749" y="1443"/>
                    </a:lnTo>
                    <a:lnTo>
                      <a:pt x="737" y="1440"/>
                    </a:lnTo>
                    <a:lnTo>
                      <a:pt x="726" y="1438"/>
                    </a:lnTo>
                    <a:lnTo>
                      <a:pt x="715" y="1435"/>
                    </a:lnTo>
                    <a:lnTo>
                      <a:pt x="705" y="1431"/>
                    </a:lnTo>
                    <a:lnTo>
                      <a:pt x="700" y="1429"/>
                    </a:lnTo>
                    <a:lnTo>
                      <a:pt x="696" y="1425"/>
                    </a:lnTo>
                    <a:lnTo>
                      <a:pt x="692" y="1421"/>
                    </a:lnTo>
                    <a:lnTo>
                      <a:pt x="688" y="1417"/>
                    </a:lnTo>
                    <a:lnTo>
                      <a:pt x="684" y="1407"/>
                    </a:lnTo>
                    <a:lnTo>
                      <a:pt x="680" y="1393"/>
                    </a:lnTo>
                    <a:lnTo>
                      <a:pt x="679" y="1386"/>
                    </a:lnTo>
                    <a:lnTo>
                      <a:pt x="676" y="1380"/>
                    </a:lnTo>
                    <a:lnTo>
                      <a:pt x="675" y="1376"/>
                    </a:lnTo>
                    <a:lnTo>
                      <a:pt x="672" y="1373"/>
                    </a:lnTo>
                    <a:lnTo>
                      <a:pt x="669" y="1372"/>
                    </a:lnTo>
                    <a:lnTo>
                      <a:pt x="665" y="1372"/>
                    </a:lnTo>
                    <a:lnTo>
                      <a:pt x="660" y="1373"/>
                    </a:lnTo>
                    <a:lnTo>
                      <a:pt x="653" y="1374"/>
                    </a:lnTo>
                    <a:lnTo>
                      <a:pt x="640" y="1381"/>
                    </a:lnTo>
                    <a:lnTo>
                      <a:pt x="627" y="1389"/>
                    </a:lnTo>
                    <a:lnTo>
                      <a:pt x="621" y="1394"/>
                    </a:lnTo>
                    <a:lnTo>
                      <a:pt x="615" y="1399"/>
                    </a:lnTo>
                    <a:lnTo>
                      <a:pt x="610" y="1404"/>
                    </a:lnTo>
                    <a:lnTo>
                      <a:pt x="606" y="1411"/>
                    </a:lnTo>
                    <a:lnTo>
                      <a:pt x="604" y="1416"/>
                    </a:lnTo>
                    <a:lnTo>
                      <a:pt x="603" y="1422"/>
                    </a:lnTo>
                    <a:lnTo>
                      <a:pt x="603" y="1427"/>
                    </a:lnTo>
                    <a:lnTo>
                      <a:pt x="605" y="1434"/>
                    </a:lnTo>
                    <a:lnTo>
                      <a:pt x="610" y="1444"/>
                    </a:lnTo>
                    <a:lnTo>
                      <a:pt x="613" y="1453"/>
                    </a:lnTo>
                    <a:lnTo>
                      <a:pt x="615" y="1461"/>
                    </a:lnTo>
                    <a:lnTo>
                      <a:pt x="615" y="1468"/>
                    </a:lnTo>
                    <a:lnTo>
                      <a:pt x="615" y="1474"/>
                    </a:lnTo>
                    <a:lnTo>
                      <a:pt x="613" y="1479"/>
                    </a:lnTo>
                    <a:lnTo>
                      <a:pt x="610" y="1484"/>
                    </a:lnTo>
                    <a:lnTo>
                      <a:pt x="606" y="1488"/>
                    </a:lnTo>
                    <a:lnTo>
                      <a:pt x="597" y="1496"/>
                    </a:lnTo>
                    <a:lnTo>
                      <a:pt x="587" y="1505"/>
                    </a:lnTo>
                    <a:lnTo>
                      <a:pt x="575" y="1516"/>
                    </a:lnTo>
                    <a:lnTo>
                      <a:pt x="564" y="1530"/>
                    </a:lnTo>
                    <a:lnTo>
                      <a:pt x="560" y="1539"/>
                    </a:lnTo>
                    <a:lnTo>
                      <a:pt x="558" y="1545"/>
                    </a:lnTo>
                    <a:lnTo>
                      <a:pt x="558" y="1552"/>
                    </a:lnTo>
                    <a:lnTo>
                      <a:pt x="557" y="1557"/>
                    </a:lnTo>
                    <a:lnTo>
                      <a:pt x="556" y="1562"/>
                    </a:lnTo>
                    <a:lnTo>
                      <a:pt x="552" y="1567"/>
                    </a:lnTo>
                    <a:lnTo>
                      <a:pt x="546" y="1573"/>
                    </a:lnTo>
                    <a:lnTo>
                      <a:pt x="533" y="1580"/>
                    </a:lnTo>
                    <a:lnTo>
                      <a:pt x="527" y="1574"/>
                    </a:lnTo>
                    <a:lnTo>
                      <a:pt x="523" y="1566"/>
                    </a:lnTo>
                    <a:lnTo>
                      <a:pt x="521" y="1560"/>
                    </a:lnTo>
                    <a:lnTo>
                      <a:pt x="517" y="1552"/>
                    </a:lnTo>
                    <a:lnTo>
                      <a:pt x="513" y="1545"/>
                    </a:lnTo>
                    <a:lnTo>
                      <a:pt x="509" y="1539"/>
                    </a:lnTo>
                    <a:lnTo>
                      <a:pt x="503" y="1532"/>
                    </a:lnTo>
                    <a:lnTo>
                      <a:pt x="495" y="1527"/>
                    </a:lnTo>
                    <a:lnTo>
                      <a:pt x="472" y="1518"/>
                    </a:lnTo>
                    <a:lnTo>
                      <a:pt x="443" y="1510"/>
                    </a:lnTo>
                    <a:lnTo>
                      <a:pt x="429" y="1507"/>
                    </a:lnTo>
                    <a:lnTo>
                      <a:pt x="416" y="1503"/>
                    </a:lnTo>
                    <a:lnTo>
                      <a:pt x="407" y="1497"/>
                    </a:lnTo>
                    <a:lnTo>
                      <a:pt x="399" y="1491"/>
                    </a:lnTo>
                    <a:lnTo>
                      <a:pt x="393" y="1479"/>
                    </a:lnTo>
                    <a:lnTo>
                      <a:pt x="386" y="1468"/>
                    </a:lnTo>
                    <a:lnTo>
                      <a:pt x="382" y="1462"/>
                    </a:lnTo>
                    <a:lnTo>
                      <a:pt x="377" y="1459"/>
                    </a:lnTo>
                    <a:lnTo>
                      <a:pt x="371" y="1456"/>
                    </a:lnTo>
                    <a:lnTo>
                      <a:pt x="363" y="1455"/>
                    </a:lnTo>
                    <a:lnTo>
                      <a:pt x="355" y="1455"/>
                    </a:lnTo>
                    <a:lnTo>
                      <a:pt x="350" y="1453"/>
                    </a:lnTo>
                    <a:lnTo>
                      <a:pt x="345" y="1451"/>
                    </a:lnTo>
                    <a:lnTo>
                      <a:pt x="340" y="1448"/>
                    </a:lnTo>
                    <a:lnTo>
                      <a:pt x="333" y="1442"/>
                    </a:lnTo>
                    <a:lnTo>
                      <a:pt x="327" y="1435"/>
                    </a:lnTo>
                    <a:lnTo>
                      <a:pt x="323" y="1427"/>
                    </a:lnTo>
                    <a:lnTo>
                      <a:pt x="317" y="1421"/>
                    </a:lnTo>
                    <a:lnTo>
                      <a:pt x="314" y="1418"/>
                    </a:lnTo>
                    <a:lnTo>
                      <a:pt x="310" y="1416"/>
                    </a:lnTo>
                    <a:lnTo>
                      <a:pt x="306" y="1415"/>
                    </a:lnTo>
                    <a:lnTo>
                      <a:pt x="301" y="1413"/>
                    </a:lnTo>
                    <a:lnTo>
                      <a:pt x="293" y="1413"/>
                    </a:lnTo>
                    <a:lnTo>
                      <a:pt x="286" y="1412"/>
                    </a:lnTo>
                    <a:lnTo>
                      <a:pt x="280" y="1409"/>
                    </a:lnTo>
                    <a:lnTo>
                      <a:pt x="275" y="1407"/>
                    </a:lnTo>
                    <a:lnTo>
                      <a:pt x="263" y="1400"/>
                    </a:lnTo>
                    <a:lnTo>
                      <a:pt x="253" y="1393"/>
                    </a:lnTo>
                    <a:lnTo>
                      <a:pt x="245" y="1383"/>
                    </a:lnTo>
                    <a:lnTo>
                      <a:pt x="237" y="1372"/>
                    </a:lnTo>
                    <a:lnTo>
                      <a:pt x="231" y="1361"/>
                    </a:lnTo>
                    <a:lnTo>
                      <a:pt x="227" y="1350"/>
                    </a:lnTo>
                    <a:lnTo>
                      <a:pt x="223" y="1341"/>
                    </a:lnTo>
                    <a:lnTo>
                      <a:pt x="218" y="1334"/>
                    </a:lnTo>
                    <a:lnTo>
                      <a:pt x="211" y="1328"/>
                    </a:lnTo>
                    <a:lnTo>
                      <a:pt x="205" y="1323"/>
                    </a:lnTo>
                    <a:lnTo>
                      <a:pt x="191" y="1313"/>
                    </a:lnTo>
                    <a:lnTo>
                      <a:pt x="175" y="1307"/>
                    </a:lnTo>
                    <a:lnTo>
                      <a:pt x="167" y="1303"/>
                    </a:lnTo>
                    <a:lnTo>
                      <a:pt x="159" y="1299"/>
                    </a:lnTo>
                    <a:lnTo>
                      <a:pt x="153" y="1294"/>
                    </a:lnTo>
                    <a:lnTo>
                      <a:pt x="146" y="1289"/>
                    </a:lnTo>
                    <a:lnTo>
                      <a:pt x="141" y="1282"/>
                    </a:lnTo>
                    <a:lnTo>
                      <a:pt x="137" y="1275"/>
                    </a:lnTo>
                    <a:lnTo>
                      <a:pt x="134" y="1267"/>
                    </a:lnTo>
                    <a:lnTo>
                      <a:pt x="131" y="1256"/>
                    </a:lnTo>
                    <a:lnTo>
                      <a:pt x="201" y="1229"/>
                    </a:lnTo>
                    <a:lnTo>
                      <a:pt x="207" y="1223"/>
                    </a:lnTo>
                    <a:lnTo>
                      <a:pt x="213" y="1215"/>
                    </a:lnTo>
                    <a:lnTo>
                      <a:pt x="215" y="1209"/>
                    </a:lnTo>
                    <a:lnTo>
                      <a:pt x="216" y="1201"/>
                    </a:lnTo>
                    <a:lnTo>
                      <a:pt x="215" y="1193"/>
                    </a:lnTo>
                    <a:lnTo>
                      <a:pt x="213" y="1185"/>
                    </a:lnTo>
                    <a:lnTo>
                      <a:pt x="210" y="1179"/>
                    </a:lnTo>
                    <a:lnTo>
                      <a:pt x="206" y="1171"/>
                    </a:lnTo>
                    <a:lnTo>
                      <a:pt x="184" y="1142"/>
                    </a:lnTo>
                    <a:lnTo>
                      <a:pt x="165" y="1118"/>
                    </a:lnTo>
                    <a:lnTo>
                      <a:pt x="159" y="1109"/>
                    </a:lnTo>
                    <a:lnTo>
                      <a:pt x="156" y="1100"/>
                    </a:lnTo>
                    <a:lnTo>
                      <a:pt x="152" y="1093"/>
                    </a:lnTo>
                    <a:lnTo>
                      <a:pt x="150" y="1087"/>
                    </a:lnTo>
                    <a:lnTo>
                      <a:pt x="150" y="1083"/>
                    </a:lnTo>
                    <a:lnTo>
                      <a:pt x="152" y="1079"/>
                    </a:lnTo>
                    <a:lnTo>
                      <a:pt x="153" y="1076"/>
                    </a:lnTo>
                    <a:lnTo>
                      <a:pt x="157" y="1074"/>
                    </a:lnTo>
                    <a:lnTo>
                      <a:pt x="178" y="1070"/>
                    </a:lnTo>
                    <a:lnTo>
                      <a:pt x="210" y="1066"/>
                    </a:lnTo>
                    <a:lnTo>
                      <a:pt x="215" y="1065"/>
                    </a:lnTo>
                    <a:lnTo>
                      <a:pt x="220" y="1063"/>
                    </a:lnTo>
                    <a:lnTo>
                      <a:pt x="224" y="1061"/>
                    </a:lnTo>
                    <a:lnTo>
                      <a:pt x="227" y="1058"/>
                    </a:lnTo>
                    <a:lnTo>
                      <a:pt x="229" y="1056"/>
                    </a:lnTo>
                    <a:lnTo>
                      <a:pt x="231" y="1052"/>
                    </a:lnTo>
                    <a:lnTo>
                      <a:pt x="231" y="1049"/>
                    </a:lnTo>
                    <a:lnTo>
                      <a:pt x="231" y="1045"/>
                    </a:lnTo>
                    <a:lnTo>
                      <a:pt x="228" y="1038"/>
                    </a:lnTo>
                    <a:lnTo>
                      <a:pt x="224" y="1030"/>
                    </a:lnTo>
                    <a:lnTo>
                      <a:pt x="218" y="1021"/>
                    </a:lnTo>
                    <a:lnTo>
                      <a:pt x="210" y="1012"/>
                    </a:lnTo>
                    <a:lnTo>
                      <a:pt x="191" y="994"/>
                    </a:lnTo>
                    <a:lnTo>
                      <a:pt x="172" y="977"/>
                    </a:lnTo>
                    <a:lnTo>
                      <a:pt x="154" y="962"/>
                    </a:lnTo>
                    <a:lnTo>
                      <a:pt x="144" y="952"/>
                    </a:lnTo>
                    <a:lnTo>
                      <a:pt x="134" y="939"/>
                    </a:lnTo>
                    <a:lnTo>
                      <a:pt x="126" y="927"/>
                    </a:lnTo>
                    <a:lnTo>
                      <a:pt x="118" y="917"/>
                    </a:lnTo>
                    <a:lnTo>
                      <a:pt x="112" y="905"/>
                    </a:lnTo>
                    <a:lnTo>
                      <a:pt x="108" y="894"/>
                    </a:lnTo>
                    <a:lnTo>
                      <a:pt x="104" y="883"/>
                    </a:lnTo>
                    <a:lnTo>
                      <a:pt x="101" y="872"/>
                    </a:lnTo>
                    <a:lnTo>
                      <a:pt x="100" y="860"/>
                    </a:lnTo>
                    <a:lnTo>
                      <a:pt x="100" y="848"/>
                    </a:lnTo>
                    <a:lnTo>
                      <a:pt x="101" y="837"/>
                    </a:lnTo>
                    <a:lnTo>
                      <a:pt x="104" y="825"/>
                    </a:lnTo>
                    <a:lnTo>
                      <a:pt x="108" y="813"/>
                    </a:lnTo>
                    <a:lnTo>
                      <a:pt x="112" y="800"/>
                    </a:lnTo>
                    <a:lnTo>
                      <a:pt x="117" y="788"/>
                    </a:lnTo>
                    <a:lnTo>
                      <a:pt x="123" y="773"/>
                    </a:lnTo>
                    <a:lnTo>
                      <a:pt x="131" y="759"/>
                    </a:lnTo>
                    <a:lnTo>
                      <a:pt x="169" y="676"/>
                    </a:lnTo>
                    <a:lnTo>
                      <a:pt x="170" y="622"/>
                    </a:lnTo>
                    <a:lnTo>
                      <a:pt x="165" y="567"/>
                    </a:lnTo>
                    <a:lnTo>
                      <a:pt x="163" y="554"/>
                    </a:lnTo>
                    <a:lnTo>
                      <a:pt x="159" y="543"/>
                    </a:lnTo>
                    <a:lnTo>
                      <a:pt x="156" y="531"/>
                    </a:lnTo>
                    <a:lnTo>
                      <a:pt x="150" y="519"/>
                    </a:lnTo>
                    <a:lnTo>
                      <a:pt x="148" y="514"/>
                    </a:lnTo>
                    <a:lnTo>
                      <a:pt x="148" y="509"/>
                    </a:lnTo>
                    <a:lnTo>
                      <a:pt x="146" y="504"/>
                    </a:lnTo>
                    <a:lnTo>
                      <a:pt x="148" y="499"/>
                    </a:lnTo>
                    <a:lnTo>
                      <a:pt x="150" y="488"/>
                    </a:lnTo>
                    <a:lnTo>
                      <a:pt x="154" y="478"/>
                    </a:lnTo>
                    <a:lnTo>
                      <a:pt x="157" y="474"/>
                    </a:lnTo>
                    <a:lnTo>
                      <a:pt x="158" y="471"/>
                    </a:lnTo>
                    <a:lnTo>
                      <a:pt x="159" y="469"/>
                    </a:lnTo>
                    <a:lnTo>
                      <a:pt x="161" y="461"/>
                    </a:lnTo>
                    <a:lnTo>
                      <a:pt x="149" y="457"/>
                    </a:lnTo>
                    <a:lnTo>
                      <a:pt x="139" y="453"/>
                    </a:lnTo>
                    <a:lnTo>
                      <a:pt x="130" y="448"/>
                    </a:lnTo>
                    <a:lnTo>
                      <a:pt x="122" y="443"/>
                    </a:lnTo>
                    <a:lnTo>
                      <a:pt x="115" y="438"/>
                    </a:lnTo>
                    <a:lnTo>
                      <a:pt x="110" y="433"/>
                    </a:lnTo>
                    <a:lnTo>
                      <a:pt x="105" y="426"/>
                    </a:lnTo>
                    <a:lnTo>
                      <a:pt x="101" y="420"/>
                    </a:lnTo>
                    <a:lnTo>
                      <a:pt x="95" y="405"/>
                    </a:lnTo>
                    <a:lnTo>
                      <a:pt x="89" y="390"/>
                    </a:lnTo>
                    <a:lnTo>
                      <a:pt x="86" y="372"/>
                    </a:lnTo>
                    <a:lnTo>
                      <a:pt x="82" y="351"/>
                    </a:lnTo>
                    <a:lnTo>
                      <a:pt x="79" y="339"/>
                    </a:lnTo>
                    <a:lnTo>
                      <a:pt x="74" y="332"/>
                    </a:lnTo>
                    <a:lnTo>
                      <a:pt x="69" y="325"/>
                    </a:lnTo>
                    <a:lnTo>
                      <a:pt x="62" y="320"/>
                    </a:lnTo>
                    <a:lnTo>
                      <a:pt x="47" y="312"/>
                    </a:lnTo>
                    <a:lnTo>
                      <a:pt x="30" y="300"/>
                    </a:lnTo>
                    <a:lnTo>
                      <a:pt x="23" y="291"/>
                    </a:lnTo>
                    <a:lnTo>
                      <a:pt x="18" y="280"/>
                    </a:lnTo>
                    <a:lnTo>
                      <a:pt x="13" y="264"/>
                    </a:lnTo>
                    <a:lnTo>
                      <a:pt x="8" y="246"/>
                    </a:lnTo>
                    <a:lnTo>
                      <a:pt x="4" y="229"/>
                    </a:lnTo>
                    <a:lnTo>
                      <a:pt x="1" y="214"/>
                    </a:lnTo>
                    <a:lnTo>
                      <a:pt x="0" y="199"/>
                    </a:lnTo>
                    <a:lnTo>
                      <a:pt x="0" y="189"/>
                    </a:lnTo>
                    <a:lnTo>
                      <a:pt x="1" y="176"/>
                    </a:lnTo>
                    <a:lnTo>
                      <a:pt x="3" y="163"/>
                    </a:lnTo>
                    <a:lnTo>
                      <a:pt x="3" y="151"/>
                    </a:lnTo>
                    <a:lnTo>
                      <a:pt x="3" y="140"/>
                    </a:lnTo>
                    <a:lnTo>
                      <a:pt x="4" y="140"/>
                    </a:lnTo>
                    <a:lnTo>
                      <a:pt x="27" y="132"/>
                    </a:lnTo>
                    <a:lnTo>
                      <a:pt x="55" y="126"/>
                    </a:lnTo>
                    <a:lnTo>
                      <a:pt x="82" y="120"/>
                    </a:lnTo>
                    <a:lnTo>
                      <a:pt x="110" y="115"/>
                    </a:lnTo>
                    <a:lnTo>
                      <a:pt x="123" y="111"/>
                    </a:lnTo>
                    <a:lnTo>
                      <a:pt x="136" y="107"/>
                    </a:lnTo>
                    <a:lnTo>
                      <a:pt x="149" y="102"/>
                    </a:lnTo>
                    <a:lnTo>
                      <a:pt x="159" y="96"/>
                    </a:lnTo>
                    <a:lnTo>
                      <a:pt x="170" y="89"/>
                    </a:lnTo>
                    <a:lnTo>
                      <a:pt x="178" y="82"/>
                    </a:lnTo>
                    <a:lnTo>
                      <a:pt x="185" y="71"/>
                    </a:lnTo>
                    <a:lnTo>
                      <a:pt x="191" y="60"/>
                    </a:lnTo>
                    <a:lnTo>
                      <a:pt x="196" y="47"/>
                    </a:lnTo>
                    <a:lnTo>
                      <a:pt x="203" y="35"/>
                    </a:lnTo>
                    <a:lnTo>
                      <a:pt x="213" y="26"/>
                    </a:lnTo>
                    <a:lnTo>
                      <a:pt x="222" y="18"/>
                    </a:lnTo>
                    <a:lnTo>
                      <a:pt x="233" y="12"/>
                    </a:lnTo>
                    <a:lnTo>
                      <a:pt x="245" y="6"/>
                    </a:lnTo>
                    <a:lnTo>
                      <a:pt x="258" y="3"/>
                    </a:lnTo>
                    <a:lnTo>
                      <a:pt x="271" y="1"/>
                    </a:lnTo>
                    <a:lnTo>
                      <a:pt x="285" y="0"/>
                    </a:lnTo>
                    <a:lnTo>
                      <a:pt x="299" y="0"/>
                    </a:lnTo>
                    <a:lnTo>
                      <a:pt x="312" y="1"/>
                    </a:lnTo>
                    <a:lnTo>
                      <a:pt x="327" y="3"/>
                    </a:lnTo>
                    <a:lnTo>
                      <a:pt x="341" y="5"/>
                    </a:lnTo>
                    <a:lnTo>
                      <a:pt x="354" y="9"/>
                    </a:lnTo>
                    <a:lnTo>
                      <a:pt x="365" y="14"/>
                    </a:lnTo>
                    <a:lnTo>
                      <a:pt x="377" y="18"/>
                    </a:lnTo>
                    <a:lnTo>
                      <a:pt x="466" y="36"/>
                    </a:lnTo>
                    <a:lnTo>
                      <a:pt x="520" y="4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1" name="Freeform 116">
                <a:extLst>
                  <a:ext uri="{FF2B5EF4-FFF2-40B4-BE49-F238E27FC236}">
                    <a16:creationId xmlns:a16="http://schemas.microsoft.com/office/drawing/2014/main" id="{753A124A-E17E-5541-83A7-55D197A93C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355430" y="4866316"/>
                <a:ext cx="633948" cy="832707"/>
              </a:xfrm>
              <a:custGeom>
                <a:avLst/>
                <a:gdLst/>
                <a:ahLst/>
                <a:cxnLst>
                  <a:cxn ang="0">
                    <a:pos x="601" y="219"/>
                  </a:cxn>
                  <a:cxn ang="0">
                    <a:pos x="675" y="391"/>
                  </a:cxn>
                  <a:cxn ang="0">
                    <a:pos x="780" y="487"/>
                  </a:cxn>
                  <a:cxn ang="0">
                    <a:pos x="818" y="600"/>
                  </a:cxn>
                  <a:cxn ang="0">
                    <a:pos x="873" y="681"/>
                  </a:cxn>
                  <a:cxn ang="0">
                    <a:pos x="981" y="719"/>
                  </a:cxn>
                  <a:cxn ang="0">
                    <a:pos x="1079" y="784"/>
                  </a:cxn>
                  <a:cxn ang="0">
                    <a:pos x="1119" y="784"/>
                  </a:cxn>
                  <a:cxn ang="0">
                    <a:pos x="1141" y="703"/>
                  </a:cxn>
                  <a:cxn ang="0">
                    <a:pos x="1204" y="692"/>
                  </a:cxn>
                  <a:cxn ang="0">
                    <a:pos x="1303" y="741"/>
                  </a:cxn>
                  <a:cxn ang="0">
                    <a:pos x="1267" y="782"/>
                  </a:cxn>
                  <a:cxn ang="0">
                    <a:pos x="1226" y="869"/>
                  </a:cxn>
                  <a:cxn ang="0">
                    <a:pos x="1239" y="1023"/>
                  </a:cxn>
                  <a:cxn ang="0">
                    <a:pos x="1213" y="1157"/>
                  </a:cxn>
                  <a:cxn ang="0">
                    <a:pos x="1272" y="1288"/>
                  </a:cxn>
                  <a:cxn ang="0">
                    <a:pos x="1381" y="1380"/>
                  </a:cxn>
                  <a:cxn ang="0">
                    <a:pos x="1382" y="1439"/>
                  </a:cxn>
                  <a:cxn ang="0">
                    <a:pos x="1254" y="1501"/>
                  </a:cxn>
                  <a:cxn ang="0">
                    <a:pos x="1208" y="1593"/>
                  </a:cxn>
                  <a:cxn ang="0">
                    <a:pos x="1215" y="1744"/>
                  </a:cxn>
                  <a:cxn ang="0">
                    <a:pos x="1185" y="1806"/>
                  </a:cxn>
                  <a:cxn ang="0">
                    <a:pos x="1130" y="1812"/>
                  </a:cxn>
                  <a:cxn ang="0">
                    <a:pos x="1083" y="1815"/>
                  </a:cxn>
                  <a:cxn ang="0">
                    <a:pos x="1043" y="1810"/>
                  </a:cxn>
                  <a:cxn ang="0">
                    <a:pos x="977" y="1842"/>
                  </a:cxn>
                  <a:cxn ang="0">
                    <a:pos x="992" y="1654"/>
                  </a:cxn>
                  <a:cxn ang="0">
                    <a:pos x="951" y="1649"/>
                  </a:cxn>
                  <a:cxn ang="0">
                    <a:pos x="890" y="1614"/>
                  </a:cxn>
                  <a:cxn ang="0">
                    <a:pos x="877" y="1563"/>
                  </a:cxn>
                  <a:cxn ang="0">
                    <a:pos x="825" y="1535"/>
                  </a:cxn>
                  <a:cxn ang="0">
                    <a:pos x="770" y="1450"/>
                  </a:cxn>
                  <a:cxn ang="0">
                    <a:pos x="696" y="1425"/>
                  </a:cxn>
                  <a:cxn ang="0">
                    <a:pos x="672" y="1373"/>
                  </a:cxn>
                  <a:cxn ang="0">
                    <a:pos x="615" y="1399"/>
                  </a:cxn>
                  <a:cxn ang="0">
                    <a:pos x="613" y="1453"/>
                  </a:cxn>
                  <a:cxn ang="0">
                    <a:pos x="587" y="1505"/>
                  </a:cxn>
                  <a:cxn ang="0">
                    <a:pos x="552" y="1567"/>
                  </a:cxn>
                  <a:cxn ang="0">
                    <a:pos x="513" y="1545"/>
                  </a:cxn>
                  <a:cxn ang="0">
                    <a:pos x="407" y="1497"/>
                  </a:cxn>
                  <a:cxn ang="0">
                    <a:pos x="355" y="1455"/>
                  </a:cxn>
                  <a:cxn ang="0">
                    <a:pos x="314" y="1418"/>
                  </a:cxn>
                  <a:cxn ang="0">
                    <a:pos x="263" y="1400"/>
                  </a:cxn>
                  <a:cxn ang="0">
                    <a:pos x="211" y="1328"/>
                  </a:cxn>
                  <a:cxn ang="0">
                    <a:pos x="141" y="1282"/>
                  </a:cxn>
                  <a:cxn ang="0">
                    <a:pos x="215" y="1209"/>
                  </a:cxn>
                  <a:cxn ang="0">
                    <a:pos x="159" y="1109"/>
                  </a:cxn>
                  <a:cxn ang="0">
                    <a:pos x="178" y="1070"/>
                  </a:cxn>
                  <a:cxn ang="0">
                    <a:pos x="231" y="1049"/>
                  </a:cxn>
                  <a:cxn ang="0">
                    <a:pos x="154" y="962"/>
                  </a:cxn>
                  <a:cxn ang="0">
                    <a:pos x="101" y="872"/>
                  </a:cxn>
                  <a:cxn ang="0">
                    <a:pos x="123" y="773"/>
                  </a:cxn>
                  <a:cxn ang="0">
                    <a:pos x="156" y="531"/>
                  </a:cxn>
                  <a:cxn ang="0">
                    <a:pos x="157" y="474"/>
                  </a:cxn>
                  <a:cxn ang="0">
                    <a:pos x="115" y="438"/>
                  </a:cxn>
                  <a:cxn ang="0">
                    <a:pos x="79" y="339"/>
                  </a:cxn>
                  <a:cxn ang="0">
                    <a:pos x="13" y="264"/>
                  </a:cxn>
                  <a:cxn ang="0">
                    <a:pos x="3" y="151"/>
                  </a:cxn>
                  <a:cxn ang="0">
                    <a:pos x="136" y="107"/>
                  </a:cxn>
                  <a:cxn ang="0">
                    <a:pos x="203" y="35"/>
                  </a:cxn>
                  <a:cxn ang="0">
                    <a:pos x="299" y="0"/>
                  </a:cxn>
                  <a:cxn ang="0">
                    <a:pos x="520" y="40"/>
                  </a:cxn>
                </a:cxnLst>
                <a:rect l="0" t="0" r="r" b="b"/>
                <a:pathLst>
                  <a:path w="1393" h="1845">
                    <a:moveTo>
                      <a:pt x="520" y="40"/>
                    </a:moveTo>
                    <a:lnTo>
                      <a:pt x="542" y="72"/>
                    </a:lnTo>
                    <a:lnTo>
                      <a:pt x="562" y="105"/>
                    </a:lnTo>
                    <a:lnTo>
                      <a:pt x="571" y="122"/>
                    </a:lnTo>
                    <a:lnTo>
                      <a:pt x="579" y="140"/>
                    </a:lnTo>
                    <a:lnTo>
                      <a:pt x="586" y="158"/>
                    </a:lnTo>
                    <a:lnTo>
                      <a:pt x="591" y="176"/>
                    </a:lnTo>
                    <a:lnTo>
                      <a:pt x="601" y="219"/>
                    </a:lnTo>
                    <a:lnTo>
                      <a:pt x="610" y="260"/>
                    </a:lnTo>
                    <a:lnTo>
                      <a:pt x="617" y="280"/>
                    </a:lnTo>
                    <a:lnTo>
                      <a:pt x="623" y="300"/>
                    </a:lnTo>
                    <a:lnTo>
                      <a:pt x="634" y="319"/>
                    </a:lnTo>
                    <a:lnTo>
                      <a:pt x="645" y="338"/>
                    </a:lnTo>
                    <a:lnTo>
                      <a:pt x="657" y="355"/>
                    </a:lnTo>
                    <a:lnTo>
                      <a:pt x="666" y="373"/>
                    </a:lnTo>
                    <a:lnTo>
                      <a:pt x="675" y="391"/>
                    </a:lnTo>
                    <a:lnTo>
                      <a:pt x="688" y="409"/>
                    </a:lnTo>
                    <a:lnTo>
                      <a:pt x="698" y="422"/>
                    </a:lnTo>
                    <a:lnTo>
                      <a:pt x="711" y="434"/>
                    </a:lnTo>
                    <a:lnTo>
                      <a:pt x="726" y="444"/>
                    </a:lnTo>
                    <a:lnTo>
                      <a:pt x="741" y="455"/>
                    </a:lnTo>
                    <a:lnTo>
                      <a:pt x="755" y="465"/>
                    </a:lnTo>
                    <a:lnTo>
                      <a:pt x="768" y="475"/>
                    </a:lnTo>
                    <a:lnTo>
                      <a:pt x="780" y="487"/>
                    </a:lnTo>
                    <a:lnTo>
                      <a:pt x="789" y="500"/>
                    </a:lnTo>
                    <a:lnTo>
                      <a:pt x="797" y="514"/>
                    </a:lnTo>
                    <a:lnTo>
                      <a:pt x="803" y="527"/>
                    </a:lnTo>
                    <a:lnTo>
                      <a:pt x="808" y="541"/>
                    </a:lnTo>
                    <a:lnTo>
                      <a:pt x="812" y="556"/>
                    </a:lnTo>
                    <a:lnTo>
                      <a:pt x="815" y="570"/>
                    </a:lnTo>
                    <a:lnTo>
                      <a:pt x="816" y="584"/>
                    </a:lnTo>
                    <a:lnTo>
                      <a:pt x="818" y="600"/>
                    </a:lnTo>
                    <a:lnTo>
                      <a:pt x="819" y="615"/>
                    </a:lnTo>
                    <a:lnTo>
                      <a:pt x="823" y="667"/>
                    </a:lnTo>
                    <a:lnTo>
                      <a:pt x="829" y="667"/>
                    </a:lnTo>
                    <a:lnTo>
                      <a:pt x="836" y="667"/>
                    </a:lnTo>
                    <a:lnTo>
                      <a:pt x="842" y="668"/>
                    </a:lnTo>
                    <a:lnTo>
                      <a:pt x="849" y="670"/>
                    </a:lnTo>
                    <a:lnTo>
                      <a:pt x="862" y="675"/>
                    </a:lnTo>
                    <a:lnTo>
                      <a:pt x="873" y="681"/>
                    </a:lnTo>
                    <a:lnTo>
                      <a:pt x="895" y="697"/>
                    </a:lnTo>
                    <a:lnTo>
                      <a:pt x="917" y="711"/>
                    </a:lnTo>
                    <a:lnTo>
                      <a:pt x="928" y="715"/>
                    </a:lnTo>
                    <a:lnTo>
                      <a:pt x="938" y="718"/>
                    </a:lnTo>
                    <a:lnTo>
                      <a:pt x="950" y="719"/>
                    </a:lnTo>
                    <a:lnTo>
                      <a:pt x="960" y="719"/>
                    </a:lnTo>
                    <a:lnTo>
                      <a:pt x="970" y="719"/>
                    </a:lnTo>
                    <a:lnTo>
                      <a:pt x="981" y="719"/>
                    </a:lnTo>
                    <a:lnTo>
                      <a:pt x="991" y="720"/>
                    </a:lnTo>
                    <a:lnTo>
                      <a:pt x="1002" y="723"/>
                    </a:lnTo>
                    <a:lnTo>
                      <a:pt x="1016" y="729"/>
                    </a:lnTo>
                    <a:lnTo>
                      <a:pt x="1029" y="738"/>
                    </a:lnTo>
                    <a:lnTo>
                      <a:pt x="1043" y="750"/>
                    </a:lnTo>
                    <a:lnTo>
                      <a:pt x="1056" y="762"/>
                    </a:lnTo>
                    <a:lnTo>
                      <a:pt x="1068" y="773"/>
                    </a:lnTo>
                    <a:lnTo>
                      <a:pt x="1079" y="784"/>
                    </a:lnTo>
                    <a:lnTo>
                      <a:pt x="1086" y="788"/>
                    </a:lnTo>
                    <a:lnTo>
                      <a:pt x="1091" y="790"/>
                    </a:lnTo>
                    <a:lnTo>
                      <a:pt x="1096" y="793"/>
                    </a:lnTo>
                    <a:lnTo>
                      <a:pt x="1100" y="794"/>
                    </a:lnTo>
                    <a:lnTo>
                      <a:pt x="1106" y="793"/>
                    </a:lnTo>
                    <a:lnTo>
                      <a:pt x="1112" y="791"/>
                    </a:lnTo>
                    <a:lnTo>
                      <a:pt x="1116" y="788"/>
                    </a:lnTo>
                    <a:lnTo>
                      <a:pt x="1119" y="784"/>
                    </a:lnTo>
                    <a:lnTo>
                      <a:pt x="1123" y="772"/>
                    </a:lnTo>
                    <a:lnTo>
                      <a:pt x="1126" y="758"/>
                    </a:lnTo>
                    <a:lnTo>
                      <a:pt x="1128" y="742"/>
                    </a:lnTo>
                    <a:lnTo>
                      <a:pt x="1131" y="727"/>
                    </a:lnTo>
                    <a:lnTo>
                      <a:pt x="1134" y="720"/>
                    </a:lnTo>
                    <a:lnTo>
                      <a:pt x="1135" y="714"/>
                    </a:lnTo>
                    <a:lnTo>
                      <a:pt x="1139" y="709"/>
                    </a:lnTo>
                    <a:lnTo>
                      <a:pt x="1141" y="703"/>
                    </a:lnTo>
                    <a:lnTo>
                      <a:pt x="1149" y="698"/>
                    </a:lnTo>
                    <a:lnTo>
                      <a:pt x="1156" y="694"/>
                    </a:lnTo>
                    <a:lnTo>
                      <a:pt x="1163" y="692"/>
                    </a:lnTo>
                    <a:lnTo>
                      <a:pt x="1171" y="690"/>
                    </a:lnTo>
                    <a:lnTo>
                      <a:pt x="1179" y="689"/>
                    </a:lnTo>
                    <a:lnTo>
                      <a:pt x="1187" y="689"/>
                    </a:lnTo>
                    <a:lnTo>
                      <a:pt x="1195" y="690"/>
                    </a:lnTo>
                    <a:lnTo>
                      <a:pt x="1204" y="692"/>
                    </a:lnTo>
                    <a:lnTo>
                      <a:pt x="1220" y="697"/>
                    </a:lnTo>
                    <a:lnTo>
                      <a:pt x="1237" y="702"/>
                    </a:lnTo>
                    <a:lnTo>
                      <a:pt x="1254" y="710"/>
                    </a:lnTo>
                    <a:lnTo>
                      <a:pt x="1270" y="716"/>
                    </a:lnTo>
                    <a:lnTo>
                      <a:pt x="1279" y="720"/>
                    </a:lnTo>
                    <a:lnTo>
                      <a:pt x="1288" y="727"/>
                    </a:lnTo>
                    <a:lnTo>
                      <a:pt x="1297" y="733"/>
                    </a:lnTo>
                    <a:lnTo>
                      <a:pt x="1303" y="741"/>
                    </a:lnTo>
                    <a:lnTo>
                      <a:pt x="1305" y="744"/>
                    </a:lnTo>
                    <a:lnTo>
                      <a:pt x="1305" y="746"/>
                    </a:lnTo>
                    <a:lnTo>
                      <a:pt x="1303" y="749"/>
                    </a:lnTo>
                    <a:lnTo>
                      <a:pt x="1302" y="751"/>
                    </a:lnTo>
                    <a:lnTo>
                      <a:pt x="1298" y="758"/>
                    </a:lnTo>
                    <a:lnTo>
                      <a:pt x="1293" y="763"/>
                    </a:lnTo>
                    <a:lnTo>
                      <a:pt x="1279" y="773"/>
                    </a:lnTo>
                    <a:lnTo>
                      <a:pt x="1267" y="782"/>
                    </a:lnTo>
                    <a:lnTo>
                      <a:pt x="1252" y="799"/>
                    </a:lnTo>
                    <a:lnTo>
                      <a:pt x="1233" y="823"/>
                    </a:lnTo>
                    <a:lnTo>
                      <a:pt x="1226" y="835"/>
                    </a:lnTo>
                    <a:lnTo>
                      <a:pt x="1222" y="847"/>
                    </a:lnTo>
                    <a:lnTo>
                      <a:pt x="1220" y="854"/>
                    </a:lnTo>
                    <a:lnTo>
                      <a:pt x="1222" y="859"/>
                    </a:lnTo>
                    <a:lnTo>
                      <a:pt x="1223" y="864"/>
                    </a:lnTo>
                    <a:lnTo>
                      <a:pt x="1226" y="869"/>
                    </a:lnTo>
                    <a:lnTo>
                      <a:pt x="1236" y="877"/>
                    </a:lnTo>
                    <a:lnTo>
                      <a:pt x="1250" y="886"/>
                    </a:lnTo>
                    <a:lnTo>
                      <a:pt x="1266" y="892"/>
                    </a:lnTo>
                    <a:lnTo>
                      <a:pt x="1279" y="899"/>
                    </a:lnTo>
                    <a:lnTo>
                      <a:pt x="1292" y="904"/>
                    </a:lnTo>
                    <a:lnTo>
                      <a:pt x="1306" y="911"/>
                    </a:lnTo>
                    <a:lnTo>
                      <a:pt x="1306" y="911"/>
                    </a:lnTo>
                    <a:lnTo>
                      <a:pt x="1239" y="1023"/>
                    </a:lnTo>
                    <a:lnTo>
                      <a:pt x="1227" y="1041"/>
                    </a:lnTo>
                    <a:lnTo>
                      <a:pt x="1218" y="1056"/>
                    </a:lnTo>
                    <a:lnTo>
                      <a:pt x="1210" y="1071"/>
                    </a:lnTo>
                    <a:lnTo>
                      <a:pt x="1206" y="1084"/>
                    </a:lnTo>
                    <a:lnTo>
                      <a:pt x="1205" y="1100"/>
                    </a:lnTo>
                    <a:lnTo>
                      <a:pt x="1205" y="1115"/>
                    </a:lnTo>
                    <a:lnTo>
                      <a:pt x="1208" y="1135"/>
                    </a:lnTo>
                    <a:lnTo>
                      <a:pt x="1213" y="1157"/>
                    </a:lnTo>
                    <a:lnTo>
                      <a:pt x="1217" y="1176"/>
                    </a:lnTo>
                    <a:lnTo>
                      <a:pt x="1222" y="1193"/>
                    </a:lnTo>
                    <a:lnTo>
                      <a:pt x="1227" y="1210"/>
                    </a:lnTo>
                    <a:lnTo>
                      <a:pt x="1233" y="1227"/>
                    </a:lnTo>
                    <a:lnTo>
                      <a:pt x="1241" y="1242"/>
                    </a:lnTo>
                    <a:lnTo>
                      <a:pt x="1250" y="1258"/>
                    </a:lnTo>
                    <a:lnTo>
                      <a:pt x="1259" y="1272"/>
                    </a:lnTo>
                    <a:lnTo>
                      <a:pt x="1272" y="1288"/>
                    </a:lnTo>
                    <a:lnTo>
                      <a:pt x="1287" y="1301"/>
                    </a:lnTo>
                    <a:lnTo>
                      <a:pt x="1305" y="1315"/>
                    </a:lnTo>
                    <a:lnTo>
                      <a:pt x="1325" y="1330"/>
                    </a:lnTo>
                    <a:lnTo>
                      <a:pt x="1347" y="1346"/>
                    </a:lnTo>
                    <a:lnTo>
                      <a:pt x="1356" y="1354"/>
                    </a:lnTo>
                    <a:lnTo>
                      <a:pt x="1367" y="1363"/>
                    </a:lnTo>
                    <a:lnTo>
                      <a:pt x="1375" y="1370"/>
                    </a:lnTo>
                    <a:lnTo>
                      <a:pt x="1381" y="1380"/>
                    </a:lnTo>
                    <a:lnTo>
                      <a:pt x="1388" y="1389"/>
                    </a:lnTo>
                    <a:lnTo>
                      <a:pt x="1391" y="1399"/>
                    </a:lnTo>
                    <a:lnTo>
                      <a:pt x="1393" y="1408"/>
                    </a:lnTo>
                    <a:lnTo>
                      <a:pt x="1391" y="1418"/>
                    </a:lnTo>
                    <a:lnTo>
                      <a:pt x="1390" y="1424"/>
                    </a:lnTo>
                    <a:lnTo>
                      <a:pt x="1388" y="1430"/>
                    </a:lnTo>
                    <a:lnTo>
                      <a:pt x="1385" y="1435"/>
                    </a:lnTo>
                    <a:lnTo>
                      <a:pt x="1382" y="1439"/>
                    </a:lnTo>
                    <a:lnTo>
                      <a:pt x="1373" y="1448"/>
                    </a:lnTo>
                    <a:lnTo>
                      <a:pt x="1363" y="1456"/>
                    </a:lnTo>
                    <a:lnTo>
                      <a:pt x="1351" y="1462"/>
                    </a:lnTo>
                    <a:lnTo>
                      <a:pt x="1338" y="1468"/>
                    </a:lnTo>
                    <a:lnTo>
                      <a:pt x="1325" y="1474"/>
                    </a:lnTo>
                    <a:lnTo>
                      <a:pt x="1311" y="1479"/>
                    </a:lnTo>
                    <a:lnTo>
                      <a:pt x="1281" y="1490"/>
                    </a:lnTo>
                    <a:lnTo>
                      <a:pt x="1254" y="1501"/>
                    </a:lnTo>
                    <a:lnTo>
                      <a:pt x="1241" y="1508"/>
                    </a:lnTo>
                    <a:lnTo>
                      <a:pt x="1230" y="1516"/>
                    </a:lnTo>
                    <a:lnTo>
                      <a:pt x="1220" y="1523"/>
                    </a:lnTo>
                    <a:lnTo>
                      <a:pt x="1213" y="1534"/>
                    </a:lnTo>
                    <a:lnTo>
                      <a:pt x="1211" y="1548"/>
                    </a:lnTo>
                    <a:lnTo>
                      <a:pt x="1210" y="1563"/>
                    </a:lnTo>
                    <a:lnTo>
                      <a:pt x="1208" y="1578"/>
                    </a:lnTo>
                    <a:lnTo>
                      <a:pt x="1208" y="1593"/>
                    </a:lnTo>
                    <a:lnTo>
                      <a:pt x="1209" y="1615"/>
                    </a:lnTo>
                    <a:lnTo>
                      <a:pt x="1213" y="1636"/>
                    </a:lnTo>
                    <a:lnTo>
                      <a:pt x="1217" y="1658"/>
                    </a:lnTo>
                    <a:lnTo>
                      <a:pt x="1219" y="1679"/>
                    </a:lnTo>
                    <a:lnTo>
                      <a:pt x="1218" y="1700"/>
                    </a:lnTo>
                    <a:lnTo>
                      <a:pt x="1217" y="1722"/>
                    </a:lnTo>
                    <a:lnTo>
                      <a:pt x="1215" y="1733"/>
                    </a:lnTo>
                    <a:lnTo>
                      <a:pt x="1215" y="1744"/>
                    </a:lnTo>
                    <a:lnTo>
                      <a:pt x="1215" y="1754"/>
                    </a:lnTo>
                    <a:lnTo>
                      <a:pt x="1217" y="1764"/>
                    </a:lnTo>
                    <a:lnTo>
                      <a:pt x="1201" y="1829"/>
                    </a:lnTo>
                    <a:lnTo>
                      <a:pt x="1201" y="1829"/>
                    </a:lnTo>
                    <a:lnTo>
                      <a:pt x="1200" y="1825"/>
                    </a:lnTo>
                    <a:lnTo>
                      <a:pt x="1196" y="1819"/>
                    </a:lnTo>
                    <a:lnTo>
                      <a:pt x="1191" y="1812"/>
                    </a:lnTo>
                    <a:lnTo>
                      <a:pt x="1185" y="1806"/>
                    </a:lnTo>
                    <a:lnTo>
                      <a:pt x="1179" y="1801"/>
                    </a:lnTo>
                    <a:lnTo>
                      <a:pt x="1173" y="1797"/>
                    </a:lnTo>
                    <a:lnTo>
                      <a:pt x="1166" y="1793"/>
                    </a:lnTo>
                    <a:lnTo>
                      <a:pt x="1161" y="1793"/>
                    </a:lnTo>
                    <a:lnTo>
                      <a:pt x="1153" y="1795"/>
                    </a:lnTo>
                    <a:lnTo>
                      <a:pt x="1145" y="1801"/>
                    </a:lnTo>
                    <a:lnTo>
                      <a:pt x="1138" y="1806"/>
                    </a:lnTo>
                    <a:lnTo>
                      <a:pt x="1130" y="1812"/>
                    </a:lnTo>
                    <a:lnTo>
                      <a:pt x="1123" y="1817"/>
                    </a:lnTo>
                    <a:lnTo>
                      <a:pt x="1116" y="1821"/>
                    </a:lnTo>
                    <a:lnTo>
                      <a:pt x="1112" y="1823"/>
                    </a:lnTo>
                    <a:lnTo>
                      <a:pt x="1108" y="1824"/>
                    </a:lnTo>
                    <a:lnTo>
                      <a:pt x="1103" y="1824"/>
                    </a:lnTo>
                    <a:lnTo>
                      <a:pt x="1099" y="1823"/>
                    </a:lnTo>
                    <a:lnTo>
                      <a:pt x="1090" y="1820"/>
                    </a:lnTo>
                    <a:lnTo>
                      <a:pt x="1083" y="1815"/>
                    </a:lnTo>
                    <a:lnTo>
                      <a:pt x="1077" y="1808"/>
                    </a:lnTo>
                    <a:lnTo>
                      <a:pt x="1070" y="1803"/>
                    </a:lnTo>
                    <a:lnTo>
                      <a:pt x="1068" y="1802"/>
                    </a:lnTo>
                    <a:lnTo>
                      <a:pt x="1064" y="1801"/>
                    </a:lnTo>
                    <a:lnTo>
                      <a:pt x="1061" y="1801"/>
                    </a:lnTo>
                    <a:lnTo>
                      <a:pt x="1057" y="1802"/>
                    </a:lnTo>
                    <a:lnTo>
                      <a:pt x="1051" y="1806"/>
                    </a:lnTo>
                    <a:lnTo>
                      <a:pt x="1043" y="1810"/>
                    </a:lnTo>
                    <a:lnTo>
                      <a:pt x="1031" y="1823"/>
                    </a:lnTo>
                    <a:lnTo>
                      <a:pt x="1022" y="1832"/>
                    </a:lnTo>
                    <a:lnTo>
                      <a:pt x="1018" y="1837"/>
                    </a:lnTo>
                    <a:lnTo>
                      <a:pt x="1013" y="1841"/>
                    </a:lnTo>
                    <a:lnTo>
                      <a:pt x="1008" y="1843"/>
                    </a:lnTo>
                    <a:lnTo>
                      <a:pt x="1003" y="1845"/>
                    </a:lnTo>
                    <a:lnTo>
                      <a:pt x="990" y="1845"/>
                    </a:lnTo>
                    <a:lnTo>
                      <a:pt x="977" y="1842"/>
                    </a:lnTo>
                    <a:lnTo>
                      <a:pt x="950" y="1833"/>
                    </a:lnTo>
                    <a:lnTo>
                      <a:pt x="926" y="1825"/>
                    </a:lnTo>
                    <a:lnTo>
                      <a:pt x="926" y="1825"/>
                    </a:lnTo>
                    <a:lnTo>
                      <a:pt x="987" y="1679"/>
                    </a:lnTo>
                    <a:lnTo>
                      <a:pt x="991" y="1670"/>
                    </a:lnTo>
                    <a:lnTo>
                      <a:pt x="992" y="1663"/>
                    </a:lnTo>
                    <a:lnTo>
                      <a:pt x="994" y="1658"/>
                    </a:lnTo>
                    <a:lnTo>
                      <a:pt x="992" y="1654"/>
                    </a:lnTo>
                    <a:lnTo>
                      <a:pt x="991" y="1652"/>
                    </a:lnTo>
                    <a:lnTo>
                      <a:pt x="989" y="1650"/>
                    </a:lnTo>
                    <a:lnTo>
                      <a:pt x="985" y="1649"/>
                    </a:lnTo>
                    <a:lnTo>
                      <a:pt x="981" y="1649"/>
                    </a:lnTo>
                    <a:lnTo>
                      <a:pt x="972" y="1649"/>
                    </a:lnTo>
                    <a:lnTo>
                      <a:pt x="961" y="1649"/>
                    </a:lnTo>
                    <a:lnTo>
                      <a:pt x="956" y="1649"/>
                    </a:lnTo>
                    <a:lnTo>
                      <a:pt x="951" y="1649"/>
                    </a:lnTo>
                    <a:lnTo>
                      <a:pt x="946" y="1648"/>
                    </a:lnTo>
                    <a:lnTo>
                      <a:pt x="941" y="1645"/>
                    </a:lnTo>
                    <a:lnTo>
                      <a:pt x="933" y="1639"/>
                    </a:lnTo>
                    <a:lnTo>
                      <a:pt x="924" y="1632"/>
                    </a:lnTo>
                    <a:lnTo>
                      <a:pt x="916" y="1627"/>
                    </a:lnTo>
                    <a:lnTo>
                      <a:pt x="906" y="1622"/>
                    </a:lnTo>
                    <a:lnTo>
                      <a:pt x="897" y="1619"/>
                    </a:lnTo>
                    <a:lnTo>
                      <a:pt x="890" y="1614"/>
                    </a:lnTo>
                    <a:lnTo>
                      <a:pt x="885" y="1610"/>
                    </a:lnTo>
                    <a:lnTo>
                      <a:pt x="882" y="1605"/>
                    </a:lnTo>
                    <a:lnTo>
                      <a:pt x="880" y="1595"/>
                    </a:lnTo>
                    <a:lnTo>
                      <a:pt x="880" y="1583"/>
                    </a:lnTo>
                    <a:lnTo>
                      <a:pt x="880" y="1578"/>
                    </a:lnTo>
                    <a:lnTo>
                      <a:pt x="880" y="1573"/>
                    </a:lnTo>
                    <a:lnTo>
                      <a:pt x="880" y="1567"/>
                    </a:lnTo>
                    <a:lnTo>
                      <a:pt x="877" y="1563"/>
                    </a:lnTo>
                    <a:lnTo>
                      <a:pt x="873" y="1560"/>
                    </a:lnTo>
                    <a:lnTo>
                      <a:pt x="868" y="1556"/>
                    </a:lnTo>
                    <a:lnTo>
                      <a:pt x="860" y="1553"/>
                    </a:lnTo>
                    <a:lnTo>
                      <a:pt x="850" y="1551"/>
                    </a:lnTo>
                    <a:lnTo>
                      <a:pt x="843" y="1549"/>
                    </a:lnTo>
                    <a:lnTo>
                      <a:pt x="837" y="1545"/>
                    </a:lnTo>
                    <a:lnTo>
                      <a:pt x="832" y="1540"/>
                    </a:lnTo>
                    <a:lnTo>
                      <a:pt x="825" y="1535"/>
                    </a:lnTo>
                    <a:lnTo>
                      <a:pt x="815" y="1521"/>
                    </a:lnTo>
                    <a:lnTo>
                      <a:pt x="806" y="1504"/>
                    </a:lnTo>
                    <a:lnTo>
                      <a:pt x="797" y="1487"/>
                    </a:lnTo>
                    <a:lnTo>
                      <a:pt x="789" y="1472"/>
                    </a:lnTo>
                    <a:lnTo>
                      <a:pt x="784" y="1464"/>
                    </a:lnTo>
                    <a:lnTo>
                      <a:pt x="780" y="1459"/>
                    </a:lnTo>
                    <a:lnTo>
                      <a:pt x="775" y="1453"/>
                    </a:lnTo>
                    <a:lnTo>
                      <a:pt x="770" y="1450"/>
                    </a:lnTo>
                    <a:lnTo>
                      <a:pt x="761" y="1446"/>
                    </a:lnTo>
                    <a:lnTo>
                      <a:pt x="749" y="1443"/>
                    </a:lnTo>
                    <a:lnTo>
                      <a:pt x="737" y="1440"/>
                    </a:lnTo>
                    <a:lnTo>
                      <a:pt x="726" y="1438"/>
                    </a:lnTo>
                    <a:lnTo>
                      <a:pt x="715" y="1435"/>
                    </a:lnTo>
                    <a:lnTo>
                      <a:pt x="705" y="1431"/>
                    </a:lnTo>
                    <a:lnTo>
                      <a:pt x="700" y="1429"/>
                    </a:lnTo>
                    <a:lnTo>
                      <a:pt x="696" y="1425"/>
                    </a:lnTo>
                    <a:lnTo>
                      <a:pt x="692" y="1421"/>
                    </a:lnTo>
                    <a:lnTo>
                      <a:pt x="688" y="1417"/>
                    </a:lnTo>
                    <a:lnTo>
                      <a:pt x="684" y="1407"/>
                    </a:lnTo>
                    <a:lnTo>
                      <a:pt x="680" y="1393"/>
                    </a:lnTo>
                    <a:lnTo>
                      <a:pt x="679" y="1386"/>
                    </a:lnTo>
                    <a:lnTo>
                      <a:pt x="676" y="1380"/>
                    </a:lnTo>
                    <a:lnTo>
                      <a:pt x="675" y="1376"/>
                    </a:lnTo>
                    <a:lnTo>
                      <a:pt x="672" y="1373"/>
                    </a:lnTo>
                    <a:lnTo>
                      <a:pt x="669" y="1372"/>
                    </a:lnTo>
                    <a:lnTo>
                      <a:pt x="665" y="1372"/>
                    </a:lnTo>
                    <a:lnTo>
                      <a:pt x="660" y="1373"/>
                    </a:lnTo>
                    <a:lnTo>
                      <a:pt x="653" y="1374"/>
                    </a:lnTo>
                    <a:lnTo>
                      <a:pt x="640" y="1381"/>
                    </a:lnTo>
                    <a:lnTo>
                      <a:pt x="627" y="1389"/>
                    </a:lnTo>
                    <a:lnTo>
                      <a:pt x="621" y="1394"/>
                    </a:lnTo>
                    <a:lnTo>
                      <a:pt x="615" y="1399"/>
                    </a:lnTo>
                    <a:lnTo>
                      <a:pt x="610" y="1404"/>
                    </a:lnTo>
                    <a:lnTo>
                      <a:pt x="606" y="1411"/>
                    </a:lnTo>
                    <a:lnTo>
                      <a:pt x="604" y="1416"/>
                    </a:lnTo>
                    <a:lnTo>
                      <a:pt x="603" y="1422"/>
                    </a:lnTo>
                    <a:lnTo>
                      <a:pt x="603" y="1427"/>
                    </a:lnTo>
                    <a:lnTo>
                      <a:pt x="605" y="1434"/>
                    </a:lnTo>
                    <a:lnTo>
                      <a:pt x="610" y="1444"/>
                    </a:lnTo>
                    <a:lnTo>
                      <a:pt x="613" y="1453"/>
                    </a:lnTo>
                    <a:lnTo>
                      <a:pt x="615" y="1461"/>
                    </a:lnTo>
                    <a:lnTo>
                      <a:pt x="615" y="1468"/>
                    </a:lnTo>
                    <a:lnTo>
                      <a:pt x="615" y="1474"/>
                    </a:lnTo>
                    <a:lnTo>
                      <a:pt x="613" y="1479"/>
                    </a:lnTo>
                    <a:lnTo>
                      <a:pt x="610" y="1484"/>
                    </a:lnTo>
                    <a:lnTo>
                      <a:pt x="606" y="1488"/>
                    </a:lnTo>
                    <a:lnTo>
                      <a:pt x="597" y="1496"/>
                    </a:lnTo>
                    <a:lnTo>
                      <a:pt x="587" y="1505"/>
                    </a:lnTo>
                    <a:lnTo>
                      <a:pt x="575" y="1516"/>
                    </a:lnTo>
                    <a:lnTo>
                      <a:pt x="564" y="1530"/>
                    </a:lnTo>
                    <a:lnTo>
                      <a:pt x="560" y="1539"/>
                    </a:lnTo>
                    <a:lnTo>
                      <a:pt x="558" y="1545"/>
                    </a:lnTo>
                    <a:lnTo>
                      <a:pt x="558" y="1552"/>
                    </a:lnTo>
                    <a:lnTo>
                      <a:pt x="557" y="1557"/>
                    </a:lnTo>
                    <a:lnTo>
                      <a:pt x="556" y="1562"/>
                    </a:lnTo>
                    <a:lnTo>
                      <a:pt x="552" y="1567"/>
                    </a:lnTo>
                    <a:lnTo>
                      <a:pt x="546" y="1573"/>
                    </a:lnTo>
                    <a:lnTo>
                      <a:pt x="533" y="1580"/>
                    </a:lnTo>
                    <a:lnTo>
                      <a:pt x="533" y="1580"/>
                    </a:lnTo>
                    <a:lnTo>
                      <a:pt x="527" y="1574"/>
                    </a:lnTo>
                    <a:lnTo>
                      <a:pt x="523" y="1566"/>
                    </a:lnTo>
                    <a:lnTo>
                      <a:pt x="521" y="1560"/>
                    </a:lnTo>
                    <a:lnTo>
                      <a:pt x="517" y="1552"/>
                    </a:lnTo>
                    <a:lnTo>
                      <a:pt x="513" y="1545"/>
                    </a:lnTo>
                    <a:lnTo>
                      <a:pt x="509" y="1539"/>
                    </a:lnTo>
                    <a:lnTo>
                      <a:pt x="503" y="1532"/>
                    </a:lnTo>
                    <a:lnTo>
                      <a:pt x="495" y="1527"/>
                    </a:lnTo>
                    <a:lnTo>
                      <a:pt x="472" y="1518"/>
                    </a:lnTo>
                    <a:lnTo>
                      <a:pt x="443" y="1510"/>
                    </a:lnTo>
                    <a:lnTo>
                      <a:pt x="429" y="1507"/>
                    </a:lnTo>
                    <a:lnTo>
                      <a:pt x="416" y="1503"/>
                    </a:lnTo>
                    <a:lnTo>
                      <a:pt x="407" y="1497"/>
                    </a:lnTo>
                    <a:lnTo>
                      <a:pt x="399" y="1491"/>
                    </a:lnTo>
                    <a:lnTo>
                      <a:pt x="393" y="1479"/>
                    </a:lnTo>
                    <a:lnTo>
                      <a:pt x="386" y="1468"/>
                    </a:lnTo>
                    <a:lnTo>
                      <a:pt x="382" y="1462"/>
                    </a:lnTo>
                    <a:lnTo>
                      <a:pt x="377" y="1459"/>
                    </a:lnTo>
                    <a:lnTo>
                      <a:pt x="371" y="1456"/>
                    </a:lnTo>
                    <a:lnTo>
                      <a:pt x="363" y="1455"/>
                    </a:lnTo>
                    <a:lnTo>
                      <a:pt x="355" y="1455"/>
                    </a:lnTo>
                    <a:lnTo>
                      <a:pt x="350" y="1453"/>
                    </a:lnTo>
                    <a:lnTo>
                      <a:pt x="345" y="1451"/>
                    </a:lnTo>
                    <a:lnTo>
                      <a:pt x="340" y="1448"/>
                    </a:lnTo>
                    <a:lnTo>
                      <a:pt x="333" y="1442"/>
                    </a:lnTo>
                    <a:lnTo>
                      <a:pt x="327" y="1435"/>
                    </a:lnTo>
                    <a:lnTo>
                      <a:pt x="323" y="1427"/>
                    </a:lnTo>
                    <a:lnTo>
                      <a:pt x="317" y="1421"/>
                    </a:lnTo>
                    <a:lnTo>
                      <a:pt x="314" y="1418"/>
                    </a:lnTo>
                    <a:lnTo>
                      <a:pt x="310" y="1416"/>
                    </a:lnTo>
                    <a:lnTo>
                      <a:pt x="306" y="1415"/>
                    </a:lnTo>
                    <a:lnTo>
                      <a:pt x="301" y="1413"/>
                    </a:lnTo>
                    <a:lnTo>
                      <a:pt x="293" y="1413"/>
                    </a:lnTo>
                    <a:lnTo>
                      <a:pt x="286" y="1412"/>
                    </a:lnTo>
                    <a:lnTo>
                      <a:pt x="280" y="1409"/>
                    </a:lnTo>
                    <a:lnTo>
                      <a:pt x="275" y="1407"/>
                    </a:lnTo>
                    <a:lnTo>
                      <a:pt x="263" y="1400"/>
                    </a:lnTo>
                    <a:lnTo>
                      <a:pt x="253" y="1393"/>
                    </a:lnTo>
                    <a:lnTo>
                      <a:pt x="245" y="1383"/>
                    </a:lnTo>
                    <a:lnTo>
                      <a:pt x="237" y="1372"/>
                    </a:lnTo>
                    <a:lnTo>
                      <a:pt x="231" y="1361"/>
                    </a:lnTo>
                    <a:lnTo>
                      <a:pt x="227" y="1350"/>
                    </a:lnTo>
                    <a:lnTo>
                      <a:pt x="223" y="1341"/>
                    </a:lnTo>
                    <a:lnTo>
                      <a:pt x="218" y="1334"/>
                    </a:lnTo>
                    <a:lnTo>
                      <a:pt x="211" y="1328"/>
                    </a:lnTo>
                    <a:lnTo>
                      <a:pt x="205" y="1323"/>
                    </a:lnTo>
                    <a:lnTo>
                      <a:pt x="191" y="1313"/>
                    </a:lnTo>
                    <a:lnTo>
                      <a:pt x="175" y="1307"/>
                    </a:lnTo>
                    <a:lnTo>
                      <a:pt x="167" y="1303"/>
                    </a:lnTo>
                    <a:lnTo>
                      <a:pt x="159" y="1299"/>
                    </a:lnTo>
                    <a:lnTo>
                      <a:pt x="153" y="1294"/>
                    </a:lnTo>
                    <a:lnTo>
                      <a:pt x="146" y="1289"/>
                    </a:lnTo>
                    <a:lnTo>
                      <a:pt x="141" y="1282"/>
                    </a:lnTo>
                    <a:lnTo>
                      <a:pt x="137" y="1275"/>
                    </a:lnTo>
                    <a:lnTo>
                      <a:pt x="134" y="1267"/>
                    </a:lnTo>
                    <a:lnTo>
                      <a:pt x="131" y="1256"/>
                    </a:lnTo>
                    <a:lnTo>
                      <a:pt x="131" y="1256"/>
                    </a:lnTo>
                    <a:lnTo>
                      <a:pt x="201" y="1229"/>
                    </a:lnTo>
                    <a:lnTo>
                      <a:pt x="207" y="1223"/>
                    </a:lnTo>
                    <a:lnTo>
                      <a:pt x="213" y="1215"/>
                    </a:lnTo>
                    <a:lnTo>
                      <a:pt x="215" y="1209"/>
                    </a:lnTo>
                    <a:lnTo>
                      <a:pt x="216" y="1201"/>
                    </a:lnTo>
                    <a:lnTo>
                      <a:pt x="215" y="1193"/>
                    </a:lnTo>
                    <a:lnTo>
                      <a:pt x="213" y="1185"/>
                    </a:lnTo>
                    <a:lnTo>
                      <a:pt x="210" y="1179"/>
                    </a:lnTo>
                    <a:lnTo>
                      <a:pt x="206" y="1171"/>
                    </a:lnTo>
                    <a:lnTo>
                      <a:pt x="184" y="1142"/>
                    </a:lnTo>
                    <a:lnTo>
                      <a:pt x="165" y="1118"/>
                    </a:lnTo>
                    <a:lnTo>
                      <a:pt x="159" y="1109"/>
                    </a:lnTo>
                    <a:lnTo>
                      <a:pt x="156" y="1100"/>
                    </a:lnTo>
                    <a:lnTo>
                      <a:pt x="152" y="1093"/>
                    </a:lnTo>
                    <a:lnTo>
                      <a:pt x="150" y="1087"/>
                    </a:lnTo>
                    <a:lnTo>
                      <a:pt x="150" y="1083"/>
                    </a:lnTo>
                    <a:lnTo>
                      <a:pt x="152" y="1079"/>
                    </a:lnTo>
                    <a:lnTo>
                      <a:pt x="153" y="1076"/>
                    </a:lnTo>
                    <a:lnTo>
                      <a:pt x="157" y="1074"/>
                    </a:lnTo>
                    <a:lnTo>
                      <a:pt x="178" y="1070"/>
                    </a:lnTo>
                    <a:lnTo>
                      <a:pt x="210" y="1066"/>
                    </a:lnTo>
                    <a:lnTo>
                      <a:pt x="215" y="1065"/>
                    </a:lnTo>
                    <a:lnTo>
                      <a:pt x="220" y="1063"/>
                    </a:lnTo>
                    <a:lnTo>
                      <a:pt x="224" y="1061"/>
                    </a:lnTo>
                    <a:lnTo>
                      <a:pt x="227" y="1058"/>
                    </a:lnTo>
                    <a:lnTo>
                      <a:pt x="229" y="1056"/>
                    </a:lnTo>
                    <a:lnTo>
                      <a:pt x="231" y="1052"/>
                    </a:lnTo>
                    <a:lnTo>
                      <a:pt x="231" y="1049"/>
                    </a:lnTo>
                    <a:lnTo>
                      <a:pt x="231" y="1045"/>
                    </a:lnTo>
                    <a:lnTo>
                      <a:pt x="228" y="1038"/>
                    </a:lnTo>
                    <a:lnTo>
                      <a:pt x="224" y="1030"/>
                    </a:lnTo>
                    <a:lnTo>
                      <a:pt x="218" y="1021"/>
                    </a:lnTo>
                    <a:lnTo>
                      <a:pt x="210" y="1012"/>
                    </a:lnTo>
                    <a:lnTo>
                      <a:pt x="191" y="994"/>
                    </a:lnTo>
                    <a:lnTo>
                      <a:pt x="172" y="977"/>
                    </a:lnTo>
                    <a:lnTo>
                      <a:pt x="154" y="962"/>
                    </a:lnTo>
                    <a:lnTo>
                      <a:pt x="144" y="952"/>
                    </a:lnTo>
                    <a:lnTo>
                      <a:pt x="134" y="939"/>
                    </a:lnTo>
                    <a:lnTo>
                      <a:pt x="126" y="927"/>
                    </a:lnTo>
                    <a:lnTo>
                      <a:pt x="118" y="917"/>
                    </a:lnTo>
                    <a:lnTo>
                      <a:pt x="112" y="905"/>
                    </a:lnTo>
                    <a:lnTo>
                      <a:pt x="108" y="894"/>
                    </a:lnTo>
                    <a:lnTo>
                      <a:pt x="104" y="883"/>
                    </a:lnTo>
                    <a:lnTo>
                      <a:pt x="101" y="872"/>
                    </a:lnTo>
                    <a:lnTo>
                      <a:pt x="100" y="860"/>
                    </a:lnTo>
                    <a:lnTo>
                      <a:pt x="100" y="848"/>
                    </a:lnTo>
                    <a:lnTo>
                      <a:pt x="101" y="837"/>
                    </a:lnTo>
                    <a:lnTo>
                      <a:pt x="104" y="825"/>
                    </a:lnTo>
                    <a:lnTo>
                      <a:pt x="108" y="813"/>
                    </a:lnTo>
                    <a:lnTo>
                      <a:pt x="112" y="800"/>
                    </a:lnTo>
                    <a:lnTo>
                      <a:pt x="117" y="788"/>
                    </a:lnTo>
                    <a:lnTo>
                      <a:pt x="123" y="773"/>
                    </a:lnTo>
                    <a:lnTo>
                      <a:pt x="131" y="759"/>
                    </a:lnTo>
                    <a:lnTo>
                      <a:pt x="169" y="676"/>
                    </a:lnTo>
                    <a:lnTo>
                      <a:pt x="170" y="622"/>
                    </a:lnTo>
                    <a:lnTo>
                      <a:pt x="170" y="622"/>
                    </a:lnTo>
                    <a:lnTo>
                      <a:pt x="165" y="567"/>
                    </a:lnTo>
                    <a:lnTo>
                      <a:pt x="163" y="554"/>
                    </a:lnTo>
                    <a:lnTo>
                      <a:pt x="159" y="543"/>
                    </a:lnTo>
                    <a:lnTo>
                      <a:pt x="156" y="531"/>
                    </a:lnTo>
                    <a:lnTo>
                      <a:pt x="150" y="519"/>
                    </a:lnTo>
                    <a:lnTo>
                      <a:pt x="148" y="514"/>
                    </a:lnTo>
                    <a:lnTo>
                      <a:pt x="148" y="509"/>
                    </a:lnTo>
                    <a:lnTo>
                      <a:pt x="146" y="504"/>
                    </a:lnTo>
                    <a:lnTo>
                      <a:pt x="148" y="499"/>
                    </a:lnTo>
                    <a:lnTo>
                      <a:pt x="150" y="488"/>
                    </a:lnTo>
                    <a:lnTo>
                      <a:pt x="154" y="478"/>
                    </a:lnTo>
                    <a:lnTo>
                      <a:pt x="157" y="474"/>
                    </a:lnTo>
                    <a:lnTo>
                      <a:pt x="158" y="471"/>
                    </a:lnTo>
                    <a:lnTo>
                      <a:pt x="159" y="469"/>
                    </a:lnTo>
                    <a:lnTo>
                      <a:pt x="161" y="461"/>
                    </a:lnTo>
                    <a:lnTo>
                      <a:pt x="149" y="457"/>
                    </a:lnTo>
                    <a:lnTo>
                      <a:pt x="139" y="453"/>
                    </a:lnTo>
                    <a:lnTo>
                      <a:pt x="130" y="448"/>
                    </a:lnTo>
                    <a:lnTo>
                      <a:pt x="122" y="443"/>
                    </a:lnTo>
                    <a:lnTo>
                      <a:pt x="115" y="438"/>
                    </a:lnTo>
                    <a:lnTo>
                      <a:pt x="110" y="433"/>
                    </a:lnTo>
                    <a:lnTo>
                      <a:pt x="105" y="426"/>
                    </a:lnTo>
                    <a:lnTo>
                      <a:pt x="101" y="420"/>
                    </a:lnTo>
                    <a:lnTo>
                      <a:pt x="95" y="405"/>
                    </a:lnTo>
                    <a:lnTo>
                      <a:pt x="89" y="390"/>
                    </a:lnTo>
                    <a:lnTo>
                      <a:pt x="86" y="372"/>
                    </a:lnTo>
                    <a:lnTo>
                      <a:pt x="82" y="351"/>
                    </a:lnTo>
                    <a:lnTo>
                      <a:pt x="79" y="339"/>
                    </a:lnTo>
                    <a:lnTo>
                      <a:pt x="74" y="332"/>
                    </a:lnTo>
                    <a:lnTo>
                      <a:pt x="69" y="325"/>
                    </a:lnTo>
                    <a:lnTo>
                      <a:pt x="62" y="320"/>
                    </a:lnTo>
                    <a:lnTo>
                      <a:pt x="47" y="312"/>
                    </a:lnTo>
                    <a:lnTo>
                      <a:pt x="30" y="300"/>
                    </a:lnTo>
                    <a:lnTo>
                      <a:pt x="23" y="291"/>
                    </a:lnTo>
                    <a:lnTo>
                      <a:pt x="18" y="280"/>
                    </a:lnTo>
                    <a:lnTo>
                      <a:pt x="13" y="264"/>
                    </a:lnTo>
                    <a:lnTo>
                      <a:pt x="8" y="246"/>
                    </a:lnTo>
                    <a:lnTo>
                      <a:pt x="4" y="229"/>
                    </a:lnTo>
                    <a:lnTo>
                      <a:pt x="1" y="214"/>
                    </a:lnTo>
                    <a:lnTo>
                      <a:pt x="0" y="199"/>
                    </a:lnTo>
                    <a:lnTo>
                      <a:pt x="0" y="189"/>
                    </a:lnTo>
                    <a:lnTo>
                      <a:pt x="1" y="176"/>
                    </a:lnTo>
                    <a:lnTo>
                      <a:pt x="3" y="163"/>
                    </a:lnTo>
                    <a:lnTo>
                      <a:pt x="3" y="151"/>
                    </a:lnTo>
                    <a:lnTo>
                      <a:pt x="3" y="140"/>
                    </a:lnTo>
                    <a:lnTo>
                      <a:pt x="4" y="140"/>
                    </a:lnTo>
                    <a:lnTo>
                      <a:pt x="27" y="132"/>
                    </a:lnTo>
                    <a:lnTo>
                      <a:pt x="55" y="126"/>
                    </a:lnTo>
                    <a:lnTo>
                      <a:pt x="82" y="120"/>
                    </a:lnTo>
                    <a:lnTo>
                      <a:pt x="110" y="115"/>
                    </a:lnTo>
                    <a:lnTo>
                      <a:pt x="123" y="111"/>
                    </a:lnTo>
                    <a:lnTo>
                      <a:pt x="136" y="107"/>
                    </a:lnTo>
                    <a:lnTo>
                      <a:pt x="149" y="102"/>
                    </a:lnTo>
                    <a:lnTo>
                      <a:pt x="159" y="96"/>
                    </a:lnTo>
                    <a:lnTo>
                      <a:pt x="170" y="89"/>
                    </a:lnTo>
                    <a:lnTo>
                      <a:pt x="178" y="82"/>
                    </a:lnTo>
                    <a:lnTo>
                      <a:pt x="185" y="71"/>
                    </a:lnTo>
                    <a:lnTo>
                      <a:pt x="191" y="60"/>
                    </a:lnTo>
                    <a:lnTo>
                      <a:pt x="196" y="47"/>
                    </a:lnTo>
                    <a:lnTo>
                      <a:pt x="203" y="35"/>
                    </a:lnTo>
                    <a:lnTo>
                      <a:pt x="213" y="26"/>
                    </a:lnTo>
                    <a:lnTo>
                      <a:pt x="222" y="18"/>
                    </a:lnTo>
                    <a:lnTo>
                      <a:pt x="233" y="12"/>
                    </a:lnTo>
                    <a:lnTo>
                      <a:pt x="245" y="6"/>
                    </a:lnTo>
                    <a:lnTo>
                      <a:pt x="258" y="3"/>
                    </a:lnTo>
                    <a:lnTo>
                      <a:pt x="271" y="1"/>
                    </a:lnTo>
                    <a:lnTo>
                      <a:pt x="285" y="0"/>
                    </a:lnTo>
                    <a:lnTo>
                      <a:pt x="299" y="0"/>
                    </a:lnTo>
                    <a:lnTo>
                      <a:pt x="312" y="1"/>
                    </a:lnTo>
                    <a:lnTo>
                      <a:pt x="327" y="3"/>
                    </a:lnTo>
                    <a:lnTo>
                      <a:pt x="341" y="5"/>
                    </a:lnTo>
                    <a:lnTo>
                      <a:pt x="354" y="9"/>
                    </a:lnTo>
                    <a:lnTo>
                      <a:pt x="365" y="14"/>
                    </a:lnTo>
                    <a:lnTo>
                      <a:pt x="377" y="18"/>
                    </a:lnTo>
                    <a:lnTo>
                      <a:pt x="466" y="36"/>
                    </a:lnTo>
                    <a:lnTo>
                      <a:pt x="520" y="40"/>
                    </a:lnTo>
                    <a:lnTo>
                      <a:pt x="520" y="40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2" name="Freeform 117">
                <a:extLst>
                  <a:ext uri="{FF2B5EF4-FFF2-40B4-BE49-F238E27FC236}">
                    <a16:creationId xmlns:a16="http://schemas.microsoft.com/office/drawing/2014/main" id="{A518C320-C9E8-B44E-97B8-8123A25949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30312" y="5485878"/>
                <a:ext cx="278719" cy="298041"/>
              </a:xfrm>
              <a:custGeom>
                <a:avLst/>
                <a:gdLst/>
                <a:ahLst/>
                <a:cxnLst>
                  <a:cxn ang="0">
                    <a:pos x="174" y="190"/>
                  </a:cxn>
                  <a:cxn ang="0">
                    <a:pos x="178" y="167"/>
                  </a:cxn>
                  <a:cxn ang="0">
                    <a:pos x="215" y="124"/>
                  </a:cxn>
                  <a:cxn ang="0">
                    <a:pos x="233" y="102"/>
                  </a:cxn>
                  <a:cxn ang="0">
                    <a:pos x="228" y="72"/>
                  </a:cxn>
                  <a:cxn ang="0">
                    <a:pos x="222" y="44"/>
                  </a:cxn>
                  <a:cxn ang="0">
                    <a:pos x="239" y="22"/>
                  </a:cxn>
                  <a:cxn ang="0">
                    <a:pos x="278" y="1"/>
                  </a:cxn>
                  <a:cxn ang="0">
                    <a:pos x="293" y="4"/>
                  </a:cxn>
                  <a:cxn ang="0">
                    <a:pos x="302" y="35"/>
                  </a:cxn>
                  <a:cxn ang="0">
                    <a:pos x="318" y="57"/>
                  </a:cxn>
                  <a:cxn ang="0">
                    <a:pos x="355" y="68"/>
                  </a:cxn>
                  <a:cxn ang="0">
                    <a:pos x="393" y="81"/>
                  </a:cxn>
                  <a:cxn ang="0">
                    <a:pos x="415" y="115"/>
                  </a:cxn>
                  <a:cxn ang="0">
                    <a:pos x="450" y="168"/>
                  </a:cxn>
                  <a:cxn ang="0">
                    <a:pos x="478" y="181"/>
                  </a:cxn>
                  <a:cxn ang="0">
                    <a:pos x="498" y="195"/>
                  </a:cxn>
                  <a:cxn ang="0">
                    <a:pos x="498" y="223"/>
                  </a:cxn>
                  <a:cxn ang="0">
                    <a:pos x="515" y="247"/>
                  </a:cxn>
                  <a:cxn ang="0">
                    <a:pos x="551" y="267"/>
                  </a:cxn>
                  <a:cxn ang="0">
                    <a:pos x="574" y="277"/>
                  </a:cxn>
                  <a:cxn ang="0">
                    <a:pos x="603" y="277"/>
                  </a:cxn>
                  <a:cxn ang="0">
                    <a:pos x="612" y="286"/>
                  </a:cxn>
                  <a:cxn ang="0">
                    <a:pos x="544" y="453"/>
                  </a:cxn>
                  <a:cxn ang="0">
                    <a:pos x="494" y="476"/>
                  </a:cxn>
                  <a:cxn ang="0">
                    <a:pos x="452" y="517"/>
                  </a:cxn>
                  <a:cxn ang="0">
                    <a:pos x="420" y="545"/>
                  </a:cxn>
                  <a:cxn ang="0">
                    <a:pos x="376" y="513"/>
                  </a:cxn>
                  <a:cxn ang="0">
                    <a:pos x="359" y="509"/>
                  </a:cxn>
                  <a:cxn ang="0">
                    <a:pos x="322" y="523"/>
                  </a:cxn>
                  <a:cxn ang="0">
                    <a:pos x="289" y="554"/>
                  </a:cxn>
                  <a:cxn ang="0">
                    <a:pos x="268" y="570"/>
                  </a:cxn>
                  <a:cxn ang="0">
                    <a:pos x="252" y="588"/>
                  </a:cxn>
                  <a:cxn ang="0">
                    <a:pos x="252" y="633"/>
                  </a:cxn>
                  <a:cxn ang="0">
                    <a:pos x="239" y="655"/>
                  </a:cxn>
                  <a:cxn ang="0">
                    <a:pos x="211" y="641"/>
                  </a:cxn>
                  <a:cxn ang="0">
                    <a:pos x="209" y="570"/>
                  </a:cxn>
                  <a:cxn ang="0">
                    <a:pos x="195" y="522"/>
                  </a:cxn>
                  <a:cxn ang="0">
                    <a:pos x="161" y="461"/>
                  </a:cxn>
                  <a:cxn ang="0">
                    <a:pos x="138" y="439"/>
                  </a:cxn>
                  <a:cxn ang="0">
                    <a:pos x="105" y="427"/>
                  </a:cxn>
                  <a:cxn ang="0">
                    <a:pos x="88" y="405"/>
                  </a:cxn>
                  <a:cxn ang="0">
                    <a:pos x="81" y="379"/>
                  </a:cxn>
                  <a:cxn ang="0">
                    <a:pos x="39" y="334"/>
                  </a:cxn>
                  <a:cxn ang="0">
                    <a:pos x="18" y="272"/>
                  </a:cxn>
                  <a:cxn ang="0">
                    <a:pos x="2" y="247"/>
                  </a:cxn>
                  <a:cxn ang="0">
                    <a:pos x="18" y="239"/>
                  </a:cxn>
                  <a:cxn ang="0">
                    <a:pos x="82" y="242"/>
                  </a:cxn>
                  <a:cxn ang="0">
                    <a:pos x="100" y="221"/>
                  </a:cxn>
                  <a:cxn ang="0">
                    <a:pos x="138" y="211"/>
                  </a:cxn>
                </a:cxnLst>
                <a:rect l="0" t="0" r="r" b="b"/>
                <a:pathLst>
                  <a:path w="612" h="659">
                    <a:moveTo>
                      <a:pt x="151" y="208"/>
                    </a:moveTo>
                    <a:lnTo>
                      <a:pt x="164" y="201"/>
                    </a:lnTo>
                    <a:lnTo>
                      <a:pt x="170" y="195"/>
                    </a:lnTo>
                    <a:lnTo>
                      <a:pt x="174" y="190"/>
                    </a:lnTo>
                    <a:lnTo>
                      <a:pt x="175" y="185"/>
                    </a:lnTo>
                    <a:lnTo>
                      <a:pt x="176" y="180"/>
                    </a:lnTo>
                    <a:lnTo>
                      <a:pt x="176" y="173"/>
                    </a:lnTo>
                    <a:lnTo>
                      <a:pt x="178" y="167"/>
                    </a:lnTo>
                    <a:lnTo>
                      <a:pt x="182" y="158"/>
                    </a:lnTo>
                    <a:lnTo>
                      <a:pt x="193" y="144"/>
                    </a:lnTo>
                    <a:lnTo>
                      <a:pt x="205" y="133"/>
                    </a:lnTo>
                    <a:lnTo>
                      <a:pt x="215" y="124"/>
                    </a:lnTo>
                    <a:lnTo>
                      <a:pt x="224" y="116"/>
                    </a:lnTo>
                    <a:lnTo>
                      <a:pt x="228" y="112"/>
                    </a:lnTo>
                    <a:lnTo>
                      <a:pt x="231" y="107"/>
                    </a:lnTo>
                    <a:lnTo>
                      <a:pt x="233" y="102"/>
                    </a:lnTo>
                    <a:lnTo>
                      <a:pt x="233" y="96"/>
                    </a:lnTo>
                    <a:lnTo>
                      <a:pt x="233" y="89"/>
                    </a:lnTo>
                    <a:lnTo>
                      <a:pt x="231" y="81"/>
                    </a:lnTo>
                    <a:lnTo>
                      <a:pt x="228" y="72"/>
                    </a:lnTo>
                    <a:lnTo>
                      <a:pt x="223" y="62"/>
                    </a:lnTo>
                    <a:lnTo>
                      <a:pt x="221" y="55"/>
                    </a:lnTo>
                    <a:lnTo>
                      <a:pt x="221" y="50"/>
                    </a:lnTo>
                    <a:lnTo>
                      <a:pt x="222" y="44"/>
                    </a:lnTo>
                    <a:lnTo>
                      <a:pt x="224" y="39"/>
                    </a:lnTo>
                    <a:lnTo>
                      <a:pt x="228" y="32"/>
                    </a:lnTo>
                    <a:lnTo>
                      <a:pt x="233" y="27"/>
                    </a:lnTo>
                    <a:lnTo>
                      <a:pt x="239" y="22"/>
                    </a:lnTo>
                    <a:lnTo>
                      <a:pt x="245" y="17"/>
                    </a:lnTo>
                    <a:lnTo>
                      <a:pt x="258" y="9"/>
                    </a:lnTo>
                    <a:lnTo>
                      <a:pt x="271" y="2"/>
                    </a:lnTo>
                    <a:lnTo>
                      <a:pt x="278" y="1"/>
                    </a:lnTo>
                    <a:lnTo>
                      <a:pt x="283" y="0"/>
                    </a:lnTo>
                    <a:lnTo>
                      <a:pt x="287" y="0"/>
                    </a:lnTo>
                    <a:lnTo>
                      <a:pt x="290" y="1"/>
                    </a:lnTo>
                    <a:lnTo>
                      <a:pt x="293" y="4"/>
                    </a:lnTo>
                    <a:lnTo>
                      <a:pt x="294" y="8"/>
                    </a:lnTo>
                    <a:lnTo>
                      <a:pt x="297" y="14"/>
                    </a:lnTo>
                    <a:lnTo>
                      <a:pt x="298" y="21"/>
                    </a:lnTo>
                    <a:lnTo>
                      <a:pt x="302" y="35"/>
                    </a:lnTo>
                    <a:lnTo>
                      <a:pt x="306" y="45"/>
                    </a:lnTo>
                    <a:lnTo>
                      <a:pt x="310" y="49"/>
                    </a:lnTo>
                    <a:lnTo>
                      <a:pt x="314" y="53"/>
                    </a:lnTo>
                    <a:lnTo>
                      <a:pt x="318" y="57"/>
                    </a:lnTo>
                    <a:lnTo>
                      <a:pt x="323" y="59"/>
                    </a:lnTo>
                    <a:lnTo>
                      <a:pt x="333" y="63"/>
                    </a:lnTo>
                    <a:lnTo>
                      <a:pt x="344" y="66"/>
                    </a:lnTo>
                    <a:lnTo>
                      <a:pt x="355" y="68"/>
                    </a:lnTo>
                    <a:lnTo>
                      <a:pt x="367" y="71"/>
                    </a:lnTo>
                    <a:lnTo>
                      <a:pt x="379" y="74"/>
                    </a:lnTo>
                    <a:lnTo>
                      <a:pt x="388" y="78"/>
                    </a:lnTo>
                    <a:lnTo>
                      <a:pt x="393" y="81"/>
                    </a:lnTo>
                    <a:lnTo>
                      <a:pt x="398" y="87"/>
                    </a:lnTo>
                    <a:lnTo>
                      <a:pt x="402" y="92"/>
                    </a:lnTo>
                    <a:lnTo>
                      <a:pt x="407" y="100"/>
                    </a:lnTo>
                    <a:lnTo>
                      <a:pt x="415" y="115"/>
                    </a:lnTo>
                    <a:lnTo>
                      <a:pt x="424" y="132"/>
                    </a:lnTo>
                    <a:lnTo>
                      <a:pt x="433" y="149"/>
                    </a:lnTo>
                    <a:lnTo>
                      <a:pt x="443" y="163"/>
                    </a:lnTo>
                    <a:lnTo>
                      <a:pt x="450" y="168"/>
                    </a:lnTo>
                    <a:lnTo>
                      <a:pt x="455" y="173"/>
                    </a:lnTo>
                    <a:lnTo>
                      <a:pt x="461" y="177"/>
                    </a:lnTo>
                    <a:lnTo>
                      <a:pt x="468" y="179"/>
                    </a:lnTo>
                    <a:lnTo>
                      <a:pt x="478" y="181"/>
                    </a:lnTo>
                    <a:lnTo>
                      <a:pt x="486" y="184"/>
                    </a:lnTo>
                    <a:lnTo>
                      <a:pt x="491" y="188"/>
                    </a:lnTo>
                    <a:lnTo>
                      <a:pt x="495" y="191"/>
                    </a:lnTo>
                    <a:lnTo>
                      <a:pt x="498" y="195"/>
                    </a:lnTo>
                    <a:lnTo>
                      <a:pt x="498" y="201"/>
                    </a:lnTo>
                    <a:lnTo>
                      <a:pt x="498" y="206"/>
                    </a:lnTo>
                    <a:lnTo>
                      <a:pt x="498" y="211"/>
                    </a:lnTo>
                    <a:lnTo>
                      <a:pt x="498" y="223"/>
                    </a:lnTo>
                    <a:lnTo>
                      <a:pt x="500" y="233"/>
                    </a:lnTo>
                    <a:lnTo>
                      <a:pt x="503" y="238"/>
                    </a:lnTo>
                    <a:lnTo>
                      <a:pt x="508" y="242"/>
                    </a:lnTo>
                    <a:lnTo>
                      <a:pt x="515" y="247"/>
                    </a:lnTo>
                    <a:lnTo>
                      <a:pt x="524" y="250"/>
                    </a:lnTo>
                    <a:lnTo>
                      <a:pt x="534" y="255"/>
                    </a:lnTo>
                    <a:lnTo>
                      <a:pt x="542" y="260"/>
                    </a:lnTo>
                    <a:lnTo>
                      <a:pt x="551" y="267"/>
                    </a:lnTo>
                    <a:lnTo>
                      <a:pt x="559" y="273"/>
                    </a:lnTo>
                    <a:lnTo>
                      <a:pt x="564" y="276"/>
                    </a:lnTo>
                    <a:lnTo>
                      <a:pt x="569" y="277"/>
                    </a:lnTo>
                    <a:lnTo>
                      <a:pt x="574" y="277"/>
                    </a:lnTo>
                    <a:lnTo>
                      <a:pt x="579" y="277"/>
                    </a:lnTo>
                    <a:lnTo>
                      <a:pt x="590" y="277"/>
                    </a:lnTo>
                    <a:lnTo>
                      <a:pt x="599" y="277"/>
                    </a:lnTo>
                    <a:lnTo>
                      <a:pt x="603" y="277"/>
                    </a:lnTo>
                    <a:lnTo>
                      <a:pt x="607" y="278"/>
                    </a:lnTo>
                    <a:lnTo>
                      <a:pt x="609" y="280"/>
                    </a:lnTo>
                    <a:lnTo>
                      <a:pt x="610" y="282"/>
                    </a:lnTo>
                    <a:lnTo>
                      <a:pt x="612" y="286"/>
                    </a:lnTo>
                    <a:lnTo>
                      <a:pt x="610" y="291"/>
                    </a:lnTo>
                    <a:lnTo>
                      <a:pt x="609" y="298"/>
                    </a:lnTo>
                    <a:lnTo>
                      <a:pt x="605" y="307"/>
                    </a:lnTo>
                    <a:lnTo>
                      <a:pt x="544" y="453"/>
                    </a:lnTo>
                    <a:lnTo>
                      <a:pt x="531" y="456"/>
                    </a:lnTo>
                    <a:lnTo>
                      <a:pt x="517" y="461"/>
                    </a:lnTo>
                    <a:lnTo>
                      <a:pt x="506" y="469"/>
                    </a:lnTo>
                    <a:lnTo>
                      <a:pt x="494" y="476"/>
                    </a:lnTo>
                    <a:lnTo>
                      <a:pt x="482" y="487"/>
                    </a:lnTo>
                    <a:lnTo>
                      <a:pt x="472" y="496"/>
                    </a:lnTo>
                    <a:lnTo>
                      <a:pt x="461" y="506"/>
                    </a:lnTo>
                    <a:lnTo>
                      <a:pt x="452" y="517"/>
                    </a:lnTo>
                    <a:lnTo>
                      <a:pt x="438" y="532"/>
                    </a:lnTo>
                    <a:lnTo>
                      <a:pt x="428" y="543"/>
                    </a:lnTo>
                    <a:lnTo>
                      <a:pt x="423" y="544"/>
                    </a:lnTo>
                    <a:lnTo>
                      <a:pt x="420" y="545"/>
                    </a:lnTo>
                    <a:lnTo>
                      <a:pt x="416" y="545"/>
                    </a:lnTo>
                    <a:lnTo>
                      <a:pt x="414" y="544"/>
                    </a:lnTo>
                    <a:lnTo>
                      <a:pt x="401" y="532"/>
                    </a:lnTo>
                    <a:lnTo>
                      <a:pt x="376" y="513"/>
                    </a:lnTo>
                    <a:lnTo>
                      <a:pt x="372" y="510"/>
                    </a:lnTo>
                    <a:lnTo>
                      <a:pt x="368" y="509"/>
                    </a:lnTo>
                    <a:lnTo>
                      <a:pt x="364" y="509"/>
                    </a:lnTo>
                    <a:lnTo>
                      <a:pt x="359" y="509"/>
                    </a:lnTo>
                    <a:lnTo>
                      <a:pt x="350" y="510"/>
                    </a:lnTo>
                    <a:lnTo>
                      <a:pt x="340" y="514"/>
                    </a:lnTo>
                    <a:lnTo>
                      <a:pt x="331" y="518"/>
                    </a:lnTo>
                    <a:lnTo>
                      <a:pt x="322" y="523"/>
                    </a:lnTo>
                    <a:lnTo>
                      <a:pt x="314" y="528"/>
                    </a:lnTo>
                    <a:lnTo>
                      <a:pt x="307" y="533"/>
                    </a:lnTo>
                    <a:lnTo>
                      <a:pt x="300" y="543"/>
                    </a:lnTo>
                    <a:lnTo>
                      <a:pt x="289" y="554"/>
                    </a:lnTo>
                    <a:lnTo>
                      <a:pt x="284" y="559"/>
                    </a:lnTo>
                    <a:lnTo>
                      <a:pt x="279" y="563"/>
                    </a:lnTo>
                    <a:lnTo>
                      <a:pt x="274" y="567"/>
                    </a:lnTo>
                    <a:lnTo>
                      <a:pt x="268" y="570"/>
                    </a:lnTo>
                    <a:lnTo>
                      <a:pt x="262" y="572"/>
                    </a:lnTo>
                    <a:lnTo>
                      <a:pt x="257" y="576"/>
                    </a:lnTo>
                    <a:lnTo>
                      <a:pt x="253" y="581"/>
                    </a:lnTo>
                    <a:lnTo>
                      <a:pt x="252" y="588"/>
                    </a:lnTo>
                    <a:lnTo>
                      <a:pt x="250" y="602"/>
                    </a:lnTo>
                    <a:lnTo>
                      <a:pt x="252" y="618"/>
                    </a:lnTo>
                    <a:lnTo>
                      <a:pt x="253" y="625"/>
                    </a:lnTo>
                    <a:lnTo>
                      <a:pt x="252" y="633"/>
                    </a:lnTo>
                    <a:lnTo>
                      <a:pt x="252" y="640"/>
                    </a:lnTo>
                    <a:lnTo>
                      <a:pt x="249" y="646"/>
                    </a:lnTo>
                    <a:lnTo>
                      <a:pt x="245" y="651"/>
                    </a:lnTo>
                    <a:lnTo>
                      <a:pt x="239" y="655"/>
                    </a:lnTo>
                    <a:lnTo>
                      <a:pt x="230" y="658"/>
                    </a:lnTo>
                    <a:lnTo>
                      <a:pt x="219" y="659"/>
                    </a:lnTo>
                    <a:lnTo>
                      <a:pt x="214" y="651"/>
                    </a:lnTo>
                    <a:lnTo>
                      <a:pt x="211" y="641"/>
                    </a:lnTo>
                    <a:lnTo>
                      <a:pt x="209" y="629"/>
                    </a:lnTo>
                    <a:lnTo>
                      <a:pt x="209" y="616"/>
                    </a:lnTo>
                    <a:lnTo>
                      <a:pt x="208" y="592"/>
                    </a:lnTo>
                    <a:lnTo>
                      <a:pt x="209" y="570"/>
                    </a:lnTo>
                    <a:lnTo>
                      <a:pt x="208" y="557"/>
                    </a:lnTo>
                    <a:lnTo>
                      <a:pt x="205" y="545"/>
                    </a:lnTo>
                    <a:lnTo>
                      <a:pt x="200" y="533"/>
                    </a:lnTo>
                    <a:lnTo>
                      <a:pt x="195" y="522"/>
                    </a:lnTo>
                    <a:lnTo>
                      <a:pt x="182" y="501"/>
                    </a:lnTo>
                    <a:lnTo>
                      <a:pt x="170" y="478"/>
                    </a:lnTo>
                    <a:lnTo>
                      <a:pt x="166" y="469"/>
                    </a:lnTo>
                    <a:lnTo>
                      <a:pt x="161" y="461"/>
                    </a:lnTo>
                    <a:lnTo>
                      <a:pt x="157" y="454"/>
                    </a:lnTo>
                    <a:lnTo>
                      <a:pt x="152" y="449"/>
                    </a:lnTo>
                    <a:lnTo>
                      <a:pt x="145" y="444"/>
                    </a:lnTo>
                    <a:lnTo>
                      <a:pt x="138" y="439"/>
                    </a:lnTo>
                    <a:lnTo>
                      <a:pt x="130" y="436"/>
                    </a:lnTo>
                    <a:lnTo>
                      <a:pt x="119" y="432"/>
                    </a:lnTo>
                    <a:lnTo>
                      <a:pt x="112" y="430"/>
                    </a:lnTo>
                    <a:lnTo>
                      <a:pt x="105" y="427"/>
                    </a:lnTo>
                    <a:lnTo>
                      <a:pt x="101" y="425"/>
                    </a:lnTo>
                    <a:lnTo>
                      <a:pt x="96" y="421"/>
                    </a:lnTo>
                    <a:lnTo>
                      <a:pt x="91" y="413"/>
                    </a:lnTo>
                    <a:lnTo>
                      <a:pt x="88" y="405"/>
                    </a:lnTo>
                    <a:lnTo>
                      <a:pt x="87" y="397"/>
                    </a:lnTo>
                    <a:lnTo>
                      <a:pt x="84" y="388"/>
                    </a:lnTo>
                    <a:lnTo>
                      <a:pt x="83" y="385"/>
                    </a:lnTo>
                    <a:lnTo>
                      <a:pt x="81" y="379"/>
                    </a:lnTo>
                    <a:lnTo>
                      <a:pt x="78" y="375"/>
                    </a:lnTo>
                    <a:lnTo>
                      <a:pt x="74" y="370"/>
                    </a:lnTo>
                    <a:lnTo>
                      <a:pt x="57" y="352"/>
                    </a:lnTo>
                    <a:lnTo>
                      <a:pt x="39" y="334"/>
                    </a:lnTo>
                    <a:lnTo>
                      <a:pt x="44" y="313"/>
                    </a:lnTo>
                    <a:lnTo>
                      <a:pt x="39" y="298"/>
                    </a:lnTo>
                    <a:lnTo>
                      <a:pt x="34" y="282"/>
                    </a:lnTo>
                    <a:lnTo>
                      <a:pt x="18" y="272"/>
                    </a:lnTo>
                    <a:lnTo>
                      <a:pt x="3" y="260"/>
                    </a:lnTo>
                    <a:lnTo>
                      <a:pt x="0" y="255"/>
                    </a:lnTo>
                    <a:lnTo>
                      <a:pt x="0" y="251"/>
                    </a:lnTo>
                    <a:lnTo>
                      <a:pt x="2" y="247"/>
                    </a:lnTo>
                    <a:lnTo>
                      <a:pt x="4" y="245"/>
                    </a:lnTo>
                    <a:lnTo>
                      <a:pt x="8" y="242"/>
                    </a:lnTo>
                    <a:lnTo>
                      <a:pt x="13" y="241"/>
                    </a:lnTo>
                    <a:lnTo>
                      <a:pt x="18" y="239"/>
                    </a:lnTo>
                    <a:lnTo>
                      <a:pt x="25" y="239"/>
                    </a:lnTo>
                    <a:lnTo>
                      <a:pt x="52" y="241"/>
                    </a:lnTo>
                    <a:lnTo>
                      <a:pt x="70" y="242"/>
                    </a:lnTo>
                    <a:lnTo>
                      <a:pt x="82" y="242"/>
                    </a:lnTo>
                    <a:lnTo>
                      <a:pt x="88" y="239"/>
                    </a:lnTo>
                    <a:lnTo>
                      <a:pt x="91" y="234"/>
                    </a:lnTo>
                    <a:lnTo>
                      <a:pt x="96" y="225"/>
                    </a:lnTo>
                    <a:lnTo>
                      <a:pt x="100" y="221"/>
                    </a:lnTo>
                    <a:lnTo>
                      <a:pt x="106" y="219"/>
                    </a:lnTo>
                    <a:lnTo>
                      <a:pt x="113" y="216"/>
                    </a:lnTo>
                    <a:lnTo>
                      <a:pt x="121" y="214"/>
                    </a:lnTo>
                    <a:lnTo>
                      <a:pt x="138" y="211"/>
                    </a:lnTo>
                    <a:lnTo>
                      <a:pt x="151" y="20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3" name="Freeform 118">
                <a:extLst>
                  <a:ext uri="{FF2B5EF4-FFF2-40B4-BE49-F238E27FC236}">
                    <a16:creationId xmlns:a16="http://schemas.microsoft.com/office/drawing/2014/main" id="{BD0E5B9C-53E3-E349-8633-164942786E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30312" y="5485878"/>
                <a:ext cx="278719" cy="298041"/>
              </a:xfrm>
              <a:custGeom>
                <a:avLst/>
                <a:gdLst/>
                <a:ahLst/>
                <a:cxnLst>
                  <a:cxn ang="0">
                    <a:pos x="174" y="190"/>
                  </a:cxn>
                  <a:cxn ang="0">
                    <a:pos x="178" y="167"/>
                  </a:cxn>
                  <a:cxn ang="0">
                    <a:pos x="215" y="124"/>
                  </a:cxn>
                  <a:cxn ang="0">
                    <a:pos x="233" y="102"/>
                  </a:cxn>
                  <a:cxn ang="0">
                    <a:pos x="228" y="72"/>
                  </a:cxn>
                  <a:cxn ang="0">
                    <a:pos x="222" y="44"/>
                  </a:cxn>
                  <a:cxn ang="0">
                    <a:pos x="239" y="22"/>
                  </a:cxn>
                  <a:cxn ang="0">
                    <a:pos x="278" y="1"/>
                  </a:cxn>
                  <a:cxn ang="0">
                    <a:pos x="293" y="4"/>
                  </a:cxn>
                  <a:cxn ang="0">
                    <a:pos x="302" y="35"/>
                  </a:cxn>
                  <a:cxn ang="0">
                    <a:pos x="318" y="57"/>
                  </a:cxn>
                  <a:cxn ang="0">
                    <a:pos x="355" y="68"/>
                  </a:cxn>
                  <a:cxn ang="0">
                    <a:pos x="393" y="81"/>
                  </a:cxn>
                  <a:cxn ang="0">
                    <a:pos x="415" y="115"/>
                  </a:cxn>
                  <a:cxn ang="0">
                    <a:pos x="450" y="168"/>
                  </a:cxn>
                  <a:cxn ang="0">
                    <a:pos x="478" y="181"/>
                  </a:cxn>
                  <a:cxn ang="0">
                    <a:pos x="498" y="195"/>
                  </a:cxn>
                  <a:cxn ang="0">
                    <a:pos x="498" y="223"/>
                  </a:cxn>
                  <a:cxn ang="0">
                    <a:pos x="515" y="247"/>
                  </a:cxn>
                  <a:cxn ang="0">
                    <a:pos x="551" y="267"/>
                  </a:cxn>
                  <a:cxn ang="0">
                    <a:pos x="574" y="277"/>
                  </a:cxn>
                  <a:cxn ang="0">
                    <a:pos x="603" y="277"/>
                  </a:cxn>
                  <a:cxn ang="0">
                    <a:pos x="612" y="286"/>
                  </a:cxn>
                  <a:cxn ang="0">
                    <a:pos x="544" y="453"/>
                  </a:cxn>
                  <a:cxn ang="0">
                    <a:pos x="506" y="469"/>
                  </a:cxn>
                  <a:cxn ang="0">
                    <a:pos x="461" y="506"/>
                  </a:cxn>
                  <a:cxn ang="0">
                    <a:pos x="423" y="544"/>
                  </a:cxn>
                  <a:cxn ang="0">
                    <a:pos x="401" y="532"/>
                  </a:cxn>
                  <a:cxn ang="0">
                    <a:pos x="364" y="509"/>
                  </a:cxn>
                  <a:cxn ang="0">
                    <a:pos x="331" y="518"/>
                  </a:cxn>
                  <a:cxn ang="0">
                    <a:pos x="300" y="543"/>
                  </a:cxn>
                  <a:cxn ang="0">
                    <a:pos x="274" y="567"/>
                  </a:cxn>
                  <a:cxn ang="0">
                    <a:pos x="253" y="581"/>
                  </a:cxn>
                  <a:cxn ang="0">
                    <a:pos x="253" y="625"/>
                  </a:cxn>
                  <a:cxn ang="0">
                    <a:pos x="245" y="651"/>
                  </a:cxn>
                  <a:cxn ang="0">
                    <a:pos x="219" y="659"/>
                  </a:cxn>
                  <a:cxn ang="0">
                    <a:pos x="209" y="616"/>
                  </a:cxn>
                  <a:cxn ang="0">
                    <a:pos x="205" y="545"/>
                  </a:cxn>
                  <a:cxn ang="0">
                    <a:pos x="170" y="478"/>
                  </a:cxn>
                  <a:cxn ang="0">
                    <a:pos x="152" y="449"/>
                  </a:cxn>
                  <a:cxn ang="0">
                    <a:pos x="119" y="432"/>
                  </a:cxn>
                  <a:cxn ang="0">
                    <a:pos x="96" y="421"/>
                  </a:cxn>
                  <a:cxn ang="0">
                    <a:pos x="84" y="388"/>
                  </a:cxn>
                  <a:cxn ang="0">
                    <a:pos x="74" y="370"/>
                  </a:cxn>
                  <a:cxn ang="0">
                    <a:pos x="44" y="313"/>
                  </a:cxn>
                  <a:cxn ang="0">
                    <a:pos x="3" y="260"/>
                  </a:cxn>
                  <a:cxn ang="0">
                    <a:pos x="4" y="245"/>
                  </a:cxn>
                  <a:cxn ang="0">
                    <a:pos x="25" y="239"/>
                  </a:cxn>
                  <a:cxn ang="0">
                    <a:pos x="88" y="239"/>
                  </a:cxn>
                  <a:cxn ang="0">
                    <a:pos x="106" y="219"/>
                  </a:cxn>
                  <a:cxn ang="0">
                    <a:pos x="151" y="208"/>
                  </a:cxn>
                </a:cxnLst>
                <a:rect l="0" t="0" r="r" b="b"/>
                <a:pathLst>
                  <a:path w="612" h="659">
                    <a:moveTo>
                      <a:pt x="151" y="208"/>
                    </a:moveTo>
                    <a:lnTo>
                      <a:pt x="164" y="201"/>
                    </a:lnTo>
                    <a:lnTo>
                      <a:pt x="170" y="195"/>
                    </a:lnTo>
                    <a:lnTo>
                      <a:pt x="174" y="190"/>
                    </a:lnTo>
                    <a:lnTo>
                      <a:pt x="175" y="185"/>
                    </a:lnTo>
                    <a:lnTo>
                      <a:pt x="176" y="180"/>
                    </a:lnTo>
                    <a:lnTo>
                      <a:pt x="176" y="173"/>
                    </a:lnTo>
                    <a:lnTo>
                      <a:pt x="178" y="167"/>
                    </a:lnTo>
                    <a:lnTo>
                      <a:pt x="182" y="158"/>
                    </a:lnTo>
                    <a:lnTo>
                      <a:pt x="193" y="144"/>
                    </a:lnTo>
                    <a:lnTo>
                      <a:pt x="205" y="133"/>
                    </a:lnTo>
                    <a:lnTo>
                      <a:pt x="215" y="124"/>
                    </a:lnTo>
                    <a:lnTo>
                      <a:pt x="224" y="116"/>
                    </a:lnTo>
                    <a:lnTo>
                      <a:pt x="228" y="112"/>
                    </a:lnTo>
                    <a:lnTo>
                      <a:pt x="231" y="107"/>
                    </a:lnTo>
                    <a:lnTo>
                      <a:pt x="233" y="102"/>
                    </a:lnTo>
                    <a:lnTo>
                      <a:pt x="233" y="96"/>
                    </a:lnTo>
                    <a:lnTo>
                      <a:pt x="233" y="89"/>
                    </a:lnTo>
                    <a:lnTo>
                      <a:pt x="231" y="81"/>
                    </a:lnTo>
                    <a:lnTo>
                      <a:pt x="228" y="72"/>
                    </a:lnTo>
                    <a:lnTo>
                      <a:pt x="223" y="62"/>
                    </a:lnTo>
                    <a:lnTo>
                      <a:pt x="221" y="55"/>
                    </a:lnTo>
                    <a:lnTo>
                      <a:pt x="221" y="50"/>
                    </a:lnTo>
                    <a:lnTo>
                      <a:pt x="222" y="44"/>
                    </a:lnTo>
                    <a:lnTo>
                      <a:pt x="224" y="39"/>
                    </a:lnTo>
                    <a:lnTo>
                      <a:pt x="228" y="32"/>
                    </a:lnTo>
                    <a:lnTo>
                      <a:pt x="233" y="27"/>
                    </a:lnTo>
                    <a:lnTo>
                      <a:pt x="239" y="22"/>
                    </a:lnTo>
                    <a:lnTo>
                      <a:pt x="245" y="17"/>
                    </a:lnTo>
                    <a:lnTo>
                      <a:pt x="258" y="9"/>
                    </a:lnTo>
                    <a:lnTo>
                      <a:pt x="271" y="2"/>
                    </a:lnTo>
                    <a:lnTo>
                      <a:pt x="278" y="1"/>
                    </a:lnTo>
                    <a:lnTo>
                      <a:pt x="283" y="0"/>
                    </a:lnTo>
                    <a:lnTo>
                      <a:pt x="287" y="0"/>
                    </a:lnTo>
                    <a:lnTo>
                      <a:pt x="290" y="1"/>
                    </a:lnTo>
                    <a:lnTo>
                      <a:pt x="293" y="4"/>
                    </a:lnTo>
                    <a:lnTo>
                      <a:pt x="294" y="8"/>
                    </a:lnTo>
                    <a:lnTo>
                      <a:pt x="297" y="14"/>
                    </a:lnTo>
                    <a:lnTo>
                      <a:pt x="298" y="21"/>
                    </a:lnTo>
                    <a:lnTo>
                      <a:pt x="302" y="35"/>
                    </a:lnTo>
                    <a:lnTo>
                      <a:pt x="306" y="45"/>
                    </a:lnTo>
                    <a:lnTo>
                      <a:pt x="310" y="49"/>
                    </a:lnTo>
                    <a:lnTo>
                      <a:pt x="314" y="53"/>
                    </a:lnTo>
                    <a:lnTo>
                      <a:pt x="318" y="57"/>
                    </a:lnTo>
                    <a:lnTo>
                      <a:pt x="323" y="59"/>
                    </a:lnTo>
                    <a:lnTo>
                      <a:pt x="333" y="63"/>
                    </a:lnTo>
                    <a:lnTo>
                      <a:pt x="344" y="66"/>
                    </a:lnTo>
                    <a:lnTo>
                      <a:pt x="355" y="68"/>
                    </a:lnTo>
                    <a:lnTo>
                      <a:pt x="367" y="71"/>
                    </a:lnTo>
                    <a:lnTo>
                      <a:pt x="379" y="74"/>
                    </a:lnTo>
                    <a:lnTo>
                      <a:pt x="388" y="78"/>
                    </a:lnTo>
                    <a:lnTo>
                      <a:pt x="393" y="81"/>
                    </a:lnTo>
                    <a:lnTo>
                      <a:pt x="398" y="87"/>
                    </a:lnTo>
                    <a:lnTo>
                      <a:pt x="402" y="92"/>
                    </a:lnTo>
                    <a:lnTo>
                      <a:pt x="407" y="100"/>
                    </a:lnTo>
                    <a:lnTo>
                      <a:pt x="415" y="115"/>
                    </a:lnTo>
                    <a:lnTo>
                      <a:pt x="424" y="132"/>
                    </a:lnTo>
                    <a:lnTo>
                      <a:pt x="433" y="149"/>
                    </a:lnTo>
                    <a:lnTo>
                      <a:pt x="443" y="163"/>
                    </a:lnTo>
                    <a:lnTo>
                      <a:pt x="450" y="168"/>
                    </a:lnTo>
                    <a:lnTo>
                      <a:pt x="455" y="173"/>
                    </a:lnTo>
                    <a:lnTo>
                      <a:pt x="461" y="177"/>
                    </a:lnTo>
                    <a:lnTo>
                      <a:pt x="468" y="179"/>
                    </a:lnTo>
                    <a:lnTo>
                      <a:pt x="478" y="181"/>
                    </a:lnTo>
                    <a:lnTo>
                      <a:pt x="486" y="184"/>
                    </a:lnTo>
                    <a:lnTo>
                      <a:pt x="491" y="188"/>
                    </a:lnTo>
                    <a:lnTo>
                      <a:pt x="495" y="191"/>
                    </a:lnTo>
                    <a:lnTo>
                      <a:pt x="498" y="195"/>
                    </a:lnTo>
                    <a:lnTo>
                      <a:pt x="498" y="201"/>
                    </a:lnTo>
                    <a:lnTo>
                      <a:pt x="498" y="206"/>
                    </a:lnTo>
                    <a:lnTo>
                      <a:pt x="498" y="211"/>
                    </a:lnTo>
                    <a:lnTo>
                      <a:pt x="498" y="223"/>
                    </a:lnTo>
                    <a:lnTo>
                      <a:pt x="500" y="233"/>
                    </a:lnTo>
                    <a:lnTo>
                      <a:pt x="503" y="238"/>
                    </a:lnTo>
                    <a:lnTo>
                      <a:pt x="508" y="242"/>
                    </a:lnTo>
                    <a:lnTo>
                      <a:pt x="515" y="247"/>
                    </a:lnTo>
                    <a:lnTo>
                      <a:pt x="524" y="250"/>
                    </a:lnTo>
                    <a:lnTo>
                      <a:pt x="534" y="255"/>
                    </a:lnTo>
                    <a:lnTo>
                      <a:pt x="542" y="260"/>
                    </a:lnTo>
                    <a:lnTo>
                      <a:pt x="551" y="267"/>
                    </a:lnTo>
                    <a:lnTo>
                      <a:pt x="559" y="273"/>
                    </a:lnTo>
                    <a:lnTo>
                      <a:pt x="564" y="276"/>
                    </a:lnTo>
                    <a:lnTo>
                      <a:pt x="569" y="277"/>
                    </a:lnTo>
                    <a:lnTo>
                      <a:pt x="574" y="277"/>
                    </a:lnTo>
                    <a:lnTo>
                      <a:pt x="579" y="277"/>
                    </a:lnTo>
                    <a:lnTo>
                      <a:pt x="590" y="277"/>
                    </a:lnTo>
                    <a:lnTo>
                      <a:pt x="599" y="277"/>
                    </a:lnTo>
                    <a:lnTo>
                      <a:pt x="603" y="277"/>
                    </a:lnTo>
                    <a:lnTo>
                      <a:pt x="607" y="278"/>
                    </a:lnTo>
                    <a:lnTo>
                      <a:pt x="609" y="280"/>
                    </a:lnTo>
                    <a:lnTo>
                      <a:pt x="610" y="282"/>
                    </a:lnTo>
                    <a:lnTo>
                      <a:pt x="612" y="286"/>
                    </a:lnTo>
                    <a:lnTo>
                      <a:pt x="610" y="291"/>
                    </a:lnTo>
                    <a:lnTo>
                      <a:pt x="609" y="298"/>
                    </a:lnTo>
                    <a:lnTo>
                      <a:pt x="605" y="307"/>
                    </a:lnTo>
                    <a:lnTo>
                      <a:pt x="544" y="453"/>
                    </a:lnTo>
                    <a:lnTo>
                      <a:pt x="544" y="453"/>
                    </a:lnTo>
                    <a:lnTo>
                      <a:pt x="531" y="456"/>
                    </a:lnTo>
                    <a:lnTo>
                      <a:pt x="517" y="461"/>
                    </a:lnTo>
                    <a:lnTo>
                      <a:pt x="506" y="469"/>
                    </a:lnTo>
                    <a:lnTo>
                      <a:pt x="494" y="476"/>
                    </a:lnTo>
                    <a:lnTo>
                      <a:pt x="482" y="487"/>
                    </a:lnTo>
                    <a:lnTo>
                      <a:pt x="472" y="496"/>
                    </a:lnTo>
                    <a:lnTo>
                      <a:pt x="461" y="506"/>
                    </a:lnTo>
                    <a:lnTo>
                      <a:pt x="452" y="517"/>
                    </a:lnTo>
                    <a:lnTo>
                      <a:pt x="438" y="532"/>
                    </a:lnTo>
                    <a:lnTo>
                      <a:pt x="428" y="543"/>
                    </a:lnTo>
                    <a:lnTo>
                      <a:pt x="423" y="544"/>
                    </a:lnTo>
                    <a:lnTo>
                      <a:pt x="420" y="545"/>
                    </a:lnTo>
                    <a:lnTo>
                      <a:pt x="416" y="545"/>
                    </a:lnTo>
                    <a:lnTo>
                      <a:pt x="414" y="544"/>
                    </a:lnTo>
                    <a:lnTo>
                      <a:pt x="401" y="532"/>
                    </a:lnTo>
                    <a:lnTo>
                      <a:pt x="376" y="513"/>
                    </a:lnTo>
                    <a:lnTo>
                      <a:pt x="372" y="510"/>
                    </a:lnTo>
                    <a:lnTo>
                      <a:pt x="368" y="509"/>
                    </a:lnTo>
                    <a:lnTo>
                      <a:pt x="364" y="509"/>
                    </a:lnTo>
                    <a:lnTo>
                      <a:pt x="359" y="509"/>
                    </a:lnTo>
                    <a:lnTo>
                      <a:pt x="350" y="510"/>
                    </a:lnTo>
                    <a:lnTo>
                      <a:pt x="340" y="514"/>
                    </a:lnTo>
                    <a:lnTo>
                      <a:pt x="331" y="518"/>
                    </a:lnTo>
                    <a:lnTo>
                      <a:pt x="322" y="523"/>
                    </a:lnTo>
                    <a:lnTo>
                      <a:pt x="314" y="528"/>
                    </a:lnTo>
                    <a:lnTo>
                      <a:pt x="307" y="533"/>
                    </a:lnTo>
                    <a:lnTo>
                      <a:pt x="300" y="543"/>
                    </a:lnTo>
                    <a:lnTo>
                      <a:pt x="289" y="554"/>
                    </a:lnTo>
                    <a:lnTo>
                      <a:pt x="284" y="559"/>
                    </a:lnTo>
                    <a:lnTo>
                      <a:pt x="279" y="563"/>
                    </a:lnTo>
                    <a:lnTo>
                      <a:pt x="274" y="567"/>
                    </a:lnTo>
                    <a:lnTo>
                      <a:pt x="268" y="570"/>
                    </a:lnTo>
                    <a:lnTo>
                      <a:pt x="262" y="572"/>
                    </a:lnTo>
                    <a:lnTo>
                      <a:pt x="257" y="576"/>
                    </a:lnTo>
                    <a:lnTo>
                      <a:pt x="253" y="581"/>
                    </a:lnTo>
                    <a:lnTo>
                      <a:pt x="252" y="588"/>
                    </a:lnTo>
                    <a:lnTo>
                      <a:pt x="250" y="602"/>
                    </a:lnTo>
                    <a:lnTo>
                      <a:pt x="252" y="618"/>
                    </a:lnTo>
                    <a:lnTo>
                      <a:pt x="253" y="625"/>
                    </a:lnTo>
                    <a:lnTo>
                      <a:pt x="252" y="633"/>
                    </a:lnTo>
                    <a:lnTo>
                      <a:pt x="252" y="640"/>
                    </a:lnTo>
                    <a:lnTo>
                      <a:pt x="249" y="646"/>
                    </a:lnTo>
                    <a:lnTo>
                      <a:pt x="245" y="651"/>
                    </a:lnTo>
                    <a:lnTo>
                      <a:pt x="239" y="655"/>
                    </a:lnTo>
                    <a:lnTo>
                      <a:pt x="230" y="658"/>
                    </a:lnTo>
                    <a:lnTo>
                      <a:pt x="219" y="659"/>
                    </a:lnTo>
                    <a:lnTo>
                      <a:pt x="219" y="659"/>
                    </a:lnTo>
                    <a:lnTo>
                      <a:pt x="214" y="651"/>
                    </a:lnTo>
                    <a:lnTo>
                      <a:pt x="211" y="641"/>
                    </a:lnTo>
                    <a:lnTo>
                      <a:pt x="209" y="629"/>
                    </a:lnTo>
                    <a:lnTo>
                      <a:pt x="209" y="616"/>
                    </a:lnTo>
                    <a:lnTo>
                      <a:pt x="208" y="592"/>
                    </a:lnTo>
                    <a:lnTo>
                      <a:pt x="209" y="570"/>
                    </a:lnTo>
                    <a:lnTo>
                      <a:pt x="208" y="557"/>
                    </a:lnTo>
                    <a:lnTo>
                      <a:pt x="205" y="545"/>
                    </a:lnTo>
                    <a:lnTo>
                      <a:pt x="200" y="533"/>
                    </a:lnTo>
                    <a:lnTo>
                      <a:pt x="195" y="522"/>
                    </a:lnTo>
                    <a:lnTo>
                      <a:pt x="182" y="501"/>
                    </a:lnTo>
                    <a:lnTo>
                      <a:pt x="170" y="478"/>
                    </a:lnTo>
                    <a:lnTo>
                      <a:pt x="166" y="469"/>
                    </a:lnTo>
                    <a:lnTo>
                      <a:pt x="161" y="461"/>
                    </a:lnTo>
                    <a:lnTo>
                      <a:pt x="157" y="454"/>
                    </a:lnTo>
                    <a:lnTo>
                      <a:pt x="152" y="449"/>
                    </a:lnTo>
                    <a:lnTo>
                      <a:pt x="145" y="444"/>
                    </a:lnTo>
                    <a:lnTo>
                      <a:pt x="138" y="439"/>
                    </a:lnTo>
                    <a:lnTo>
                      <a:pt x="130" y="436"/>
                    </a:lnTo>
                    <a:lnTo>
                      <a:pt x="119" y="432"/>
                    </a:lnTo>
                    <a:lnTo>
                      <a:pt x="112" y="430"/>
                    </a:lnTo>
                    <a:lnTo>
                      <a:pt x="105" y="427"/>
                    </a:lnTo>
                    <a:lnTo>
                      <a:pt x="101" y="425"/>
                    </a:lnTo>
                    <a:lnTo>
                      <a:pt x="96" y="421"/>
                    </a:lnTo>
                    <a:lnTo>
                      <a:pt x="91" y="413"/>
                    </a:lnTo>
                    <a:lnTo>
                      <a:pt x="88" y="405"/>
                    </a:lnTo>
                    <a:lnTo>
                      <a:pt x="87" y="397"/>
                    </a:lnTo>
                    <a:lnTo>
                      <a:pt x="84" y="388"/>
                    </a:lnTo>
                    <a:lnTo>
                      <a:pt x="83" y="385"/>
                    </a:lnTo>
                    <a:lnTo>
                      <a:pt x="81" y="379"/>
                    </a:lnTo>
                    <a:lnTo>
                      <a:pt x="78" y="375"/>
                    </a:lnTo>
                    <a:lnTo>
                      <a:pt x="74" y="370"/>
                    </a:lnTo>
                    <a:lnTo>
                      <a:pt x="57" y="352"/>
                    </a:lnTo>
                    <a:lnTo>
                      <a:pt x="39" y="334"/>
                    </a:lnTo>
                    <a:lnTo>
                      <a:pt x="39" y="334"/>
                    </a:lnTo>
                    <a:lnTo>
                      <a:pt x="44" y="313"/>
                    </a:lnTo>
                    <a:lnTo>
                      <a:pt x="39" y="298"/>
                    </a:lnTo>
                    <a:lnTo>
                      <a:pt x="34" y="282"/>
                    </a:lnTo>
                    <a:lnTo>
                      <a:pt x="18" y="272"/>
                    </a:lnTo>
                    <a:lnTo>
                      <a:pt x="3" y="260"/>
                    </a:lnTo>
                    <a:lnTo>
                      <a:pt x="0" y="255"/>
                    </a:lnTo>
                    <a:lnTo>
                      <a:pt x="0" y="251"/>
                    </a:lnTo>
                    <a:lnTo>
                      <a:pt x="2" y="247"/>
                    </a:lnTo>
                    <a:lnTo>
                      <a:pt x="4" y="245"/>
                    </a:lnTo>
                    <a:lnTo>
                      <a:pt x="8" y="242"/>
                    </a:lnTo>
                    <a:lnTo>
                      <a:pt x="13" y="241"/>
                    </a:lnTo>
                    <a:lnTo>
                      <a:pt x="18" y="239"/>
                    </a:lnTo>
                    <a:lnTo>
                      <a:pt x="25" y="239"/>
                    </a:lnTo>
                    <a:lnTo>
                      <a:pt x="52" y="241"/>
                    </a:lnTo>
                    <a:lnTo>
                      <a:pt x="70" y="242"/>
                    </a:lnTo>
                    <a:lnTo>
                      <a:pt x="82" y="242"/>
                    </a:lnTo>
                    <a:lnTo>
                      <a:pt x="88" y="239"/>
                    </a:lnTo>
                    <a:lnTo>
                      <a:pt x="91" y="234"/>
                    </a:lnTo>
                    <a:lnTo>
                      <a:pt x="96" y="225"/>
                    </a:lnTo>
                    <a:lnTo>
                      <a:pt x="100" y="221"/>
                    </a:lnTo>
                    <a:lnTo>
                      <a:pt x="106" y="219"/>
                    </a:lnTo>
                    <a:lnTo>
                      <a:pt x="113" y="216"/>
                    </a:lnTo>
                    <a:lnTo>
                      <a:pt x="121" y="214"/>
                    </a:lnTo>
                    <a:lnTo>
                      <a:pt x="138" y="211"/>
                    </a:lnTo>
                    <a:lnTo>
                      <a:pt x="151" y="208"/>
                    </a:lnTo>
                    <a:lnTo>
                      <a:pt x="151" y="20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4" name="Freeform 119">
                <a:extLst>
                  <a:ext uri="{FF2B5EF4-FFF2-40B4-BE49-F238E27FC236}">
                    <a16:creationId xmlns:a16="http://schemas.microsoft.com/office/drawing/2014/main" id="{5DC6309A-EBE1-154C-AFB1-FBB7295DE5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3218" y="5675540"/>
                <a:ext cx="377091" cy="337780"/>
              </a:xfrm>
              <a:custGeom>
                <a:avLst/>
                <a:gdLst/>
                <a:ahLst/>
                <a:cxnLst>
                  <a:cxn ang="0">
                    <a:pos x="226" y="725"/>
                  </a:cxn>
                  <a:cxn ang="0">
                    <a:pos x="261" y="706"/>
                  </a:cxn>
                  <a:cxn ang="0">
                    <a:pos x="364" y="688"/>
                  </a:cxn>
                  <a:cxn ang="0">
                    <a:pos x="397" y="672"/>
                  </a:cxn>
                  <a:cxn ang="0">
                    <a:pos x="452" y="623"/>
                  </a:cxn>
                  <a:cxn ang="0">
                    <a:pos x="502" y="589"/>
                  </a:cxn>
                  <a:cxn ang="0">
                    <a:pos x="541" y="581"/>
                  </a:cxn>
                  <a:cxn ang="0">
                    <a:pos x="633" y="584"/>
                  </a:cxn>
                  <a:cxn ang="0">
                    <a:pos x="697" y="576"/>
                  </a:cxn>
                  <a:cxn ang="0">
                    <a:pos x="737" y="552"/>
                  </a:cxn>
                  <a:cxn ang="0">
                    <a:pos x="764" y="506"/>
                  </a:cxn>
                  <a:cxn ang="0">
                    <a:pos x="817" y="436"/>
                  </a:cxn>
                  <a:cxn ang="0">
                    <a:pos x="827" y="296"/>
                  </a:cxn>
                  <a:cxn ang="0">
                    <a:pos x="803" y="224"/>
                  </a:cxn>
                  <a:cxn ang="0">
                    <a:pos x="796" y="171"/>
                  </a:cxn>
                  <a:cxn ang="0">
                    <a:pos x="803" y="144"/>
                  </a:cxn>
                  <a:cxn ang="0">
                    <a:pos x="791" y="133"/>
                  </a:cxn>
                  <a:cxn ang="0">
                    <a:pos x="728" y="115"/>
                  </a:cxn>
                  <a:cxn ang="0">
                    <a:pos x="675" y="88"/>
                  </a:cxn>
                  <a:cxn ang="0">
                    <a:pos x="623" y="46"/>
                  </a:cxn>
                  <a:cxn ang="0">
                    <a:pos x="605" y="19"/>
                  </a:cxn>
                  <a:cxn ang="0">
                    <a:pos x="580" y="0"/>
                  </a:cxn>
                  <a:cxn ang="0">
                    <a:pos x="552" y="13"/>
                  </a:cxn>
                  <a:cxn ang="0">
                    <a:pos x="526" y="30"/>
                  </a:cxn>
                  <a:cxn ang="0">
                    <a:pos x="504" y="27"/>
                  </a:cxn>
                  <a:cxn ang="0">
                    <a:pos x="482" y="9"/>
                  </a:cxn>
                  <a:cxn ang="0">
                    <a:pos x="465" y="13"/>
                  </a:cxn>
                  <a:cxn ang="0">
                    <a:pos x="432" y="44"/>
                  </a:cxn>
                  <a:cxn ang="0">
                    <a:pos x="404" y="52"/>
                  </a:cxn>
                  <a:cxn ang="0">
                    <a:pos x="327" y="35"/>
                  </a:cxn>
                  <a:cxn ang="0">
                    <a:pos x="278" y="66"/>
                  </a:cxn>
                  <a:cxn ang="0">
                    <a:pos x="234" y="111"/>
                  </a:cxn>
                  <a:cxn ang="0">
                    <a:pos x="212" y="124"/>
                  </a:cxn>
                  <a:cxn ang="0">
                    <a:pos x="168" y="89"/>
                  </a:cxn>
                  <a:cxn ang="0">
                    <a:pos x="146" y="89"/>
                  </a:cxn>
                  <a:cxn ang="0">
                    <a:pos x="110" y="107"/>
                  </a:cxn>
                  <a:cxn ang="0">
                    <a:pos x="80" y="138"/>
                  </a:cxn>
                  <a:cxn ang="0">
                    <a:pos x="58" y="151"/>
                  </a:cxn>
                  <a:cxn ang="0">
                    <a:pos x="46" y="181"/>
                  </a:cxn>
                  <a:cxn ang="0">
                    <a:pos x="48" y="219"/>
                  </a:cxn>
                  <a:cxn ang="0">
                    <a:pos x="26" y="237"/>
                  </a:cxn>
                  <a:cxn ang="0">
                    <a:pos x="5" y="333"/>
                  </a:cxn>
                  <a:cxn ang="0">
                    <a:pos x="0" y="412"/>
                  </a:cxn>
                  <a:cxn ang="0">
                    <a:pos x="10" y="461"/>
                  </a:cxn>
                  <a:cxn ang="0">
                    <a:pos x="55" y="632"/>
                  </a:cxn>
                  <a:cxn ang="0">
                    <a:pos x="93" y="720"/>
                  </a:cxn>
                  <a:cxn ang="0">
                    <a:pos x="116" y="745"/>
                  </a:cxn>
                  <a:cxn ang="0">
                    <a:pos x="145" y="746"/>
                  </a:cxn>
                </a:cxnLst>
                <a:rect l="0" t="0" r="r" b="b"/>
                <a:pathLst>
                  <a:path w="829" h="749">
                    <a:moveTo>
                      <a:pt x="191" y="734"/>
                    </a:moveTo>
                    <a:lnTo>
                      <a:pt x="206" y="733"/>
                    </a:lnTo>
                    <a:lnTo>
                      <a:pt x="217" y="729"/>
                    </a:lnTo>
                    <a:lnTo>
                      <a:pt x="226" y="725"/>
                    </a:lnTo>
                    <a:lnTo>
                      <a:pt x="235" y="720"/>
                    </a:lnTo>
                    <a:lnTo>
                      <a:pt x="243" y="715"/>
                    </a:lnTo>
                    <a:lnTo>
                      <a:pt x="252" y="710"/>
                    </a:lnTo>
                    <a:lnTo>
                      <a:pt x="261" y="706"/>
                    </a:lnTo>
                    <a:lnTo>
                      <a:pt x="273" y="702"/>
                    </a:lnTo>
                    <a:lnTo>
                      <a:pt x="318" y="695"/>
                    </a:lnTo>
                    <a:lnTo>
                      <a:pt x="355" y="690"/>
                    </a:lnTo>
                    <a:lnTo>
                      <a:pt x="364" y="688"/>
                    </a:lnTo>
                    <a:lnTo>
                      <a:pt x="371" y="685"/>
                    </a:lnTo>
                    <a:lnTo>
                      <a:pt x="381" y="682"/>
                    </a:lnTo>
                    <a:lnTo>
                      <a:pt x="388" y="677"/>
                    </a:lnTo>
                    <a:lnTo>
                      <a:pt x="397" y="672"/>
                    </a:lnTo>
                    <a:lnTo>
                      <a:pt x="406" y="666"/>
                    </a:lnTo>
                    <a:lnTo>
                      <a:pt x="416" y="658"/>
                    </a:lnTo>
                    <a:lnTo>
                      <a:pt x="426" y="649"/>
                    </a:lnTo>
                    <a:lnTo>
                      <a:pt x="452" y="623"/>
                    </a:lnTo>
                    <a:lnTo>
                      <a:pt x="474" y="606"/>
                    </a:lnTo>
                    <a:lnTo>
                      <a:pt x="483" y="598"/>
                    </a:lnTo>
                    <a:lnTo>
                      <a:pt x="493" y="593"/>
                    </a:lnTo>
                    <a:lnTo>
                      <a:pt x="502" y="589"/>
                    </a:lnTo>
                    <a:lnTo>
                      <a:pt x="511" y="587"/>
                    </a:lnTo>
                    <a:lnTo>
                      <a:pt x="522" y="584"/>
                    </a:lnTo>
                    <a:lnTo>
                      <a:pt x="531" y="583"/>
                    </a:lnTo>
                    <a:lnTo>
                      <a:pt x="541" y="581"/>
                    </a:lnTo>
                    <a:lnTo>
                      <a:pt x="553" y="581"/>
                    </a:lnTo>
                    <a:lnTo>
                      <a:pt x="580" y="583"/>
                    </a:lnTo>
                    <a:lnTo>
                      <a:pt x="612" y="584"/>
                    </a:lnTo>
                    <a:lnTo>
                      <a:pt x="633" y="584"/>
                    </a:lnTo>
                    <a:lnTo>
                      <a:pt x="651" y="584"/>
                    </a:lnTo>
                    <a:lnTo>
                      <a:pt x="668" y="583"/>
                    </a:lnTo>
                    <a:lnTo>
                      <a:pt x="682" y="580"/>
                    </a:lnTo>
                    <a:lnTo>
                      <a:pt x="697" y="576"/>
                    </a:lnTo>
                    <a:lnTo>
                      <a:pt x="708" y="572"/>
                    </a:lnTo>
                    <a:lnTo>
                      <a:pt x="719" y="567"/>
                    </a:lnTo>
                    <a:lnTo>
                      <a:pt x="729" y="559"/>
                    </a:lnTo>
                    <a:lnTo>
                      <a:pt x="737" y="552"/>
                    </a:lnTo>
                    <a:lnTo>
                      <a:pt x="745" y="543"/>
                    </a:lnTo>
                    <a:lnTo>
                      <a:pt x="751" y="532"/>
                    </a:lnTo>
                    <a:lnTo>
                      <a:pt x="758" y="519"/>
                    </a:lnTo>
                    <a:lnTo>
                      <a:pt x="764" y="506"/>
                    </a:lnTo>
                    <a:lnTo>
                      <a:pt x="769" y="491"/>
                    </a:lnTo>
                    <a:lnTo>
                      <a:pt x="774" y="474"/>
                    </a:lnTo>
                    <a:lnTo>
                      <a:pt x="780" y="456"/>
                    </a:lnTo>
                    <a:lnTo>
                      <a:pt x="817" y="436"/>
                    </a:lnTo>
                    <a:lnTo>
                      <a:pt x="825" y="330"/>
                    </a:lnTo>
                    <a:lnTo>
                      <a:pt x="827" y="318"/>
                    </a:lnTo>
                    <a:lnTo>
                      <a:pt x="829" y="307"/>
                    </a:lnTo>
                    <a:lnTo>
                      <a:pt x="827" y="296"/>
                    </a:lnTo>
                    <a:lnTo>
                      <a:pt x="826" y="285"/>
                    </a:lnTo>
                    <a:lnTo>
                      <a:pt x="820" y="264"/>
                    </a:lnTo>
                    <a:lnTo>
                      <a:pt x="812" y="243"/>
                    </a:lnTo>
                    <a:lnTo>
                      <a:pt x="803" y="224"/>
                    </a:lnTo>
                    <a:lnTo>
                      <a:pt x="798" y="203"/>
                    </a:lnTo>
                    <a:lnTo>
                      <a:pt x="795" y="192"/>
                    </a:lnTo>
                    <a:lnTo>
                      <a:pt x="795" y="181"/>
                    </a:lnTo>
                    <a:lnTo>
                      <a:pt x="796" y="171"/>
                    </a:lnTo>
                    <a:lnTo>
                      <a:pt x="800" y="159"/>
                    </a:lnTo>
                    <a:lnTo>
                      <a:pt x="802" y="153"/>
                    </a:lnTo>
                    <a:lnTo>
                      <a:pt x="803" y="149"/>
                    </a:lnTo>
                    <a:lnTo>
                      <a:pt x="803" y="144"/>
                    </a:lnTo>
                    <a:lnTo>
                      <a:pt x="802" y="141"/>
                    </a:lnTo>
                    <a:lnTo>
                      <a:pt x="799" y="137"/>
                    </a:lnTo>
                    <a:lnTo>
                      <a:pt x="796" y="135"/>
                    </a:lnTo>
                    <a:lnTo>
                      <a:pt x="791" y="133"/>
                    </a:lnTo>
                    <a:lnTo>
                      <a:pt x="785" y="131"/>
                    </a:lnTo>
                    <a:lnTo>
                      <a:pt x="761" y="125"/>
                    </a:lnTo>
                    <a:lnTo>
                      <a:pt x="739" y="119"/>
                    </a:lnTo>
                    <a:lnTo>
                      <a:pt x="728" y="115"/>
                    </a:lnTo>
                    <a:lnTo>
                      <a:pt x="717" y="111"/>
                    </a:lnTo>
                    <a:lnTo>
                      <a:pt x="707" y="107"/>
                    </a:lnTo>
                    <a:lnTo>
                      <a:pt x="697" y="101"/>
                    </a:lnTo>
                    <a:lnTo>
                      <a:pt x="675" y="88"/>
                    </a:lnTo>
                    <a:lnTo>
                      <a:pt x="651" y="74"/>
                    </a:lnTo>
                    <a:lnTo>
                      <a:pt x="641" y="65"/>
                    </a:lnTo>
                    <a:lnTo>
                      <a:pt x="632" y="57"/>
                    </a:lnTo>
                    <a:lnTo>
                      <a:pt x="623" y="46"/>
                    </a:lnTo>
                    <a:lnTo>
                      <a:pt x="615" y="36"/>
                    </a:lnTo>
                    <a:lnTo>
                      <a:pt x="614" y="32"/>
                    </a:lnTo>
                    <a:lnTo>
                      <a:pt x="610" y="26"/>
                    </a:lnTo>
                    <a:lnTo>
                      <a:pt x="605" y="19"/>
                    </a:lnTo>
                    <a:lnTo>
                      <a:pt x="599" y="13"/>
                    </a:lnTo>
                    <a:lnTo>
                      <a:pt x="593" y="8"/>
                    </a:lnTo>
                    <a:lnTo>
                      <a:pt x="587" y="4"/>
                    </a:lnTo>
                    <a:lnTo>
                      <a:pt x="580" y="0"/>
                    </a:lnTo>
                    <a:lnTo>
                      <a:pt x="575" y="0"/>
                    </a:lnTo>
                    <a:lnTo>
                      <a:pt x="567" y="2"/>
                    </a:lnTo>
                    <a:lnTo>
                      <a:pt x="559" y="8"/>
                    </a:lnTo>
                    <a:lnTo>
                      <a:pt x="552" y="13"/>
                    </a:lnTo>
                    <a:lnTo>
                      <a:pt x="544" y="19"/>
                    </a:lnTo>
                    <a:lnTo>
                      <a:pt x="537" y="24"/>
                    </a:lnTo>
                    <a:lnTo>
                      <a:pt x="530" y="28"/>
                    </a:lnTo>
                    <a:lnTo>
                      <a:pt x="526" y="30"/>
                    </a:lnTo>
                    <a:lnTo>
                      <a:pt x="522" y="31"/>
                    </a:lnTo>
                    <a:lnTo>
                      <a:pt x="517" y="31"/>
                    </a:lnTo>
                    <a:lnTo>
                      <a:pt x="513" y="30"/>
                    </a:lnTo>
                    <a:lnTo>
                      <a:pt x="504" y="27"/>
                    </a:lnTo>
                    <a:lnTo>
                      <a:pt x="497" y="22"/>
                    </a:lnTo>
                    <a:lnTo>
                      <a:pt x="491" y="15"/>
                    </a:lnTo>
                    <a:lnTo>
                      <a:pt x="484" y="10"/>
                    </a:lnTo>
                    <a:lnTo>
                      <a:pt x="482" y="9"/>
                    </a:lnTo>
                    <a:lnTo>
                      <a:pt x="478" y="8"/>
                    </a:lnTo>
                    <a:lnTo>
                      <a:pt x="475" y="8"/>
                    </a:lnTo>
                    <a:lnTo>
                      <a:pt x="471" y="9"/>
                    </a:lnTo>
                    <a:lnTo>
                      <a:pt x="465" y="13"/>
                    </a:lnTo>
                    <a:lnTo>
                      <a:pt x="457" y="17"/>
                    </a:lnTo>
                    <a:lnTo>
                      <a:pt x="445" y="30"/>
                    </a:lnTo>
                    <a:lnTo>
                      <a:pt x="436" y="39"/>
                    </a:lnTo>
                    <a:lnTo>
                      <a:pt x="432" y="44"/>
                    </a:lnTo>
                    <a:lnTo>
                      <a:pt x="427" y="48"/>
                    </a:lnTo>
                    <a:lnTo>
                      <a:pt x="422" y="50"/>
                    </a:lnTo>
                    <a:lnTo>
                      <a:pt x="417" y="52"/>
                    </a:lnTo>
                    <a:lnTo>
                      <a:pt x="404" y="52"/>
                    </a:lnTo>
                    <a:lnTo>
                      <a:pt x="391" y="49"/>
                    </a:lnTo>
                    <a:lnTo>
                      <a:pt x="364" y="40"/>
                    </a:lnTo>
                    <a:lnTo>
                      <a:pt x="340" y="32"/>
                    </a:lnTo>
                    <a:lnTo>
                      <a:pt x="327" y="35"/>
                    </a:lnTo>
                    <a:lnTo>
                      <a:pt x="313" y="40"/>
                    </a:lnTo>
                    <a:lnTo>
                      <a:pt x="302" y="48"/>
                    </a:lnTo>
                    <a:lnTo>
                      <a:pt x="290" y="55"/>
                    </a:lnTo>
                    <a:lnTo>
                      <a:pt x="278" y="66"/>
                    </a:lnTo>
                    <a:lnTo>
                      <a:pt x="268" y="75"/>
                    </a:lnTo>
                    <a:lnTo>
                      <a:pt x="257" y="85"/>
                    </a:lnTo>
                    <a:lnTo>
                      <a:pt x="248" y="96"/>
                    </a:lnTo>
                    <a:lnTo>
                      <a:pt x="234" y="111"/>
                    </a:lnTo>
                    <a:lnTo>
                      <a:pt x="224" y="122"/>
                    </a:lnTo>
                    <a:lnTo>
                      <a:pt x="219" y="123"/>
                    </a:lnTo>
                    <a:lnTo>
                      <a:pt x="216" y="124"/>
                    </a:lnTo>
                    <a:lnTo>
                      <a:pt x="212" y="124"/>
                    </a:lnTo>
                    <a:lnTo>
                      <a:pt x="210" y="123"/>
                    </a:lnTo>
                    <a:lnTo>
                      <a:pt x="197" y="111"/>
                    </a:lnTo>
                    <a:lnTo>
                      <a:pt x="172" y="92"/>
                    </a:lnTo>
                    <a:lnTo>
                      <a:pt x="168" y="89"/>
                    </a:lnTo>
                    <a:lnTo>
                      <a:pt x="164" y="88"/>
                    </a:lnTo>
                    <a:lnTo>
                      <a:pt x="160" y="88"/>
                    </a:lnTo>
                    <a:lnTo>
                      <a:pt x="155" y="88"/>
                    </a:lnTo>
                    <a:lnTo>
                      <a:pt x="146" y="89"/>
                    </a:lnTo>
                    <a:lnTo>
                      <a:pt x="136" y="93"/>
                    </a:lnTo>
                    <a:lnTo>
                      <a:pt x="127" y="97"/>
                    </a:lnTo>
                    <a:lnTo>
                      <a:pt x="118" y="102"/>
                    </a:lnTo>
                    <a:lnTo>
                      <a:pt x="110" y="107"/>
                    </a:lnTo>
                    <a:lnTo>
                      <a:pt x="103" y="112"/>
                    </a:lnTo>
                    <a:lnTo>
                      <a:pt x="96" y="122"/>
                    </a:lnTo>
                    <a:lnTo>
                      <a:pt x="85" y="133"/>
                    </a:lnTo>
                    <a:lnTo>
                      <a:pt x="80" y="138"/>
                    </a:lnTo>
                    <a:lnTo>
                      <a:pt x="75" y="142"/>
                    </a:lnTo>
                    <a:lnTo>
                      <a:pt x="70" y="146"/>
                    </a:lnTo>
                    <a:lnTo>
                      <a:pt x="64" y="149"/>
                    </a:lnTo>
                    <a:lnTo>
                      <a:pt x="58" y="151"/>
                    </a:lnTo>
                    <a:lnTo>
                      <a:pt x="53" y="155"/>
                    </a:lnTo>
                    <a:lnTo>
                      <a:pt x="49" y="160"/>
                    </a:lnTo>
                    <a:lnTo>
                      <a:pt x="48" y="167"/>
                    </a:lnTo>
                    <a:lnTo>
                      <a:pt x="46" y="181"/>
                    </a:lnTo>
                    <a:lnTo>
                      <a:pt x="48" y="197"/>
                    </a:lnTo>
                    <a:lnTo>
                      <a:pt x="49" y="204"/>
                    </a:lnTo>
                    <a:lnTo>
                      <a:pt x="48" y="212"/>
                    </a:lnTo>
                    <a:lnTo>
                      <a:pt x="48" y="219"/>
                    </a:lnTo>
                    <a:lnTo>
                      <a:pt x="45" y="225"/>
                    </a:lnTo>
                    <a:lnTo>
                      <a:pt x="41" y="230"/>
                    </a:lnTo>
                    <a:lnTo>
                      <a:pt x="35" y="234"/>
                    </a:lnTo>
                    <a:lnTo>
                      <a:pt x="26" y="237"/>
                    </a:lnTo>
                    <a:lnTo>
                      <a:pt x="15" y="238"/>
                    </a:lnTo>
                    <a:lnTo>
                      <a:pt x="6" y="302"/>
                    </a:lnTo>
                    <a:lnTo>
                      <a:pt x="5" y="317"/>
                    </a:lnTo>
                    <a:lnTo>
                      <a:pt x="5" y="333"/>
                    </a:lnTo>
                    <a:lnTo>
                      <a:pt x="6" y="348"/>
                    </a:lnTo>
                    <a:lnTo>
                      <a:pt x="6" y="363"/>
                    </a:lnTo>
                    <a:lnTo>
                      <a:pt x="4" y="390"/>
                    </a:lnTo>
                    <a:lnTo>
                      <a:pt x="0" y="412"/>
                    </a:lnTo>
                    <a:lnTo>
                      <a:pt x="0" y="422"/>
                    </a:lnTo>
                    <a:lnTo>
                      <a:pt x="1" y="432"/>
                    </a:lnTo>
                    <a:lnTo>
                      <a:pt x="5" y="445"/>
                    </a:lnTo>
                    <a:lnTo>
                      <a:pt x="10" y="461"/>
                    </a:lnTo>
                    <a:lnTo>
                      <a:pt x="19" y="487"/>
                    </a:lnTo>
                    <a:lnTo>
                      <a:pt x="28" y="528"/>
                    </a:lnTo>
                    <a:lnTo>
                      <a:pt x="41" y="579"/>
                    </a:lnTo>
                    <a:lnTo>
                      <a:pt x="55" y="632"/>
                    </a:lnTo>
                    <a:lnTo>
                      <a:pt x="63" y="657"/>
                    </a:lnTo>
                    <a:lnTo>
                      <a:pt x="72" y="681"/>
                    </a:lnTo>
                    <a:lnTo>
                      <a:pt x="83" y="702"/>
                    </a:lnTo>
                    <a:lnTo>
                      <a:pt x="93" y="720"/>
                    </a:lnTo>
                    <a:lnTo>
                      <a:pt x="98" y="728"/>
                    </a:lnTo>
                    <a:lnTo>
                      <a:pt x="105" y="734"/>
                    </a:lnTo>
                    <a:lnTo>
                      <a:pt x="110" y="739"/>
                    </a:lnTo>
                    <a:lnTo>
                      <a:pt x="116" y="745"/>
                    </a:lnTo>
                    <a:lnTo>
                      <a:pt x="123" y="747"/>
                    </a:lnTo>
                    <a:lnTo>
                      <a:pt x="131" y="749"/>
                    </a:lnTo>
                    <a:lnTo>
                      <a:pt x="137" y="749"/>
                    </a:lnTo>
                    <a:lnTo>
                      <a:pt x="145" y="746"/>
                    </a:lnTo>
                    <a:lnTo>
                      <a:pt x="191" y="7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5" name="Freeform 120">
                <a:extLst>
                  <a:ext uri="{FF2B5EF4-FFF2-40B4-BE49-F238E27FC236}">
                    <a16:creationId xmlns:a16="http://schemas.microsoft.com/office/drawing/2014/main" id="{7E7C7897-7B55-AB49-98B3-0ED075A9D7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3218" y="5675540"/>
                <a:ext cx="377091" cy="337780"/>
              </a:xfrm>
              <a:custGeom>
                <a:avLst/>
                <a:gdLst/>
                <a:ahLst/>
                <a:cxnLst>
                  <a:cxn ang="0">
                    <a:pos x="226" y="725"/>
                  </a:cxn>
                  <a:cxn ang="0">
                    <a:pos x="261" y="706"/>
                  </a:cxn>
                  <a:cxn ang="0">
                    <a:pos x="364" y="688"/>
                  </a:cxn>
                  <a:cxn ang="0">
                    <a:pos x="397" y="672"/>
                  </a:cxn>
                  <a:cxn ang="0">
                    <a:pos x="452" y="623"/>
                  </a:cxn>
                  <a:cxn ang="0">
                    <a:pos x="502" y="589"/>
                  </a:cxn>
                  <a:cxn ang="0">
                    <a:pos x="541" y="581"/>
                  </a:cxn>
                  <a:cxn ang="0">
                    <a:pos x="633" y="584"/>
                  </a:cxn>
                  <a:cxn ang="0">
                    <a:pos x="697" y="576"/>
                  </a:cxn>
                  <a:cxn ang="0">
                    <a:pos x="737" y="552"/>
                  </a:cxn>
                  <a:cxn ang="0">
                    <a:pos x="764" y="506"/>
                  </a:cxn>
                  <a:cxn ang="0">
                    <a:pos x="817" y="436"/>
                  </a:cxn>
                  <a:cxn ang="0">
                    <a:pos x="829" y="307"/>
                  </a:cxn>
                  <a:cxn ang="0">
                    <a:pos x="812" y="243"/>
                  </a:cxn>
                  <a:cxn ang="0">
                    <a:pos x="795" y="181"/>
                  </a:cxn>
                  <a:cxn ang="0">
                    <a:pos x="803" y="149"/>
                  </a:cxn>
                  <a:cxn ang="0">
                    <a:pos x="796" y="135"/>
                  </a:cxn>
                  <a:cxn ang="0">
                    <a:pos x="739" y="119"/>
                  </a:cxn>
                  <a:cxn ang="0">
                    <a:pos x="697" y="101"/>
                  </a:cxn>
                  <a:cxn ang="0">
                    <a:pos x="632" y="57"/>
                  </a:cxn>
                  <a:cxn ang="0">
                    <a:pos x="614" y="32"/>
                  </a:cxn>
                  <a:cxn ang="0">
                    <a:pos x="593" y="8"/>
                  </a:cxn>
                  <a:cxn ang="0">
                    <a:pos x="567" y="2"/>
                  </a:cxn>
                  <a:cxn ang="0">
                    <a:pos x="537" y="24"/>
                  </a:cxn>
                  <a:cxn ang="0">
                    <a:pos x="517" y="31"/>
                  </a:cxn>
                  <a:cxn ang="0">
                    <a:pos x="491" y="15"/>
                  </a:cxn>
                  <a:cxn ang="0">
                    <a:pos x="475" y="8"/>
                  </a:cxn>
                  <a:cxn ang="0">
                    <a:pos x="445" y="30"/>
                  </a:cxn>
                  <a:cxn ang="0">
                    <a:pos x="422" y="50"/>
                  </a:cxn>
                  <a:cxn ang="0">
                    <a:pos x="364" y="40"/>
                  </a:cxn>
                  <a:cxn ang="0">
                    <a:pos x="313" y="40"/>
                  </a:cxn>
                  <a:cxn ang="0">
                    <a:pos x="268" y="75"/>
                  </a:cxn>
                  <a:cxn ang="0">
                    <a:pos x="224" y="122"/>
                  </a:cxn>
                  <a:cxn ang="0">
                    <a:pos x="210" y="123"/>
                  </a:cxn>
                  <a:cxn ang="0">
                    <a:pos x="164" y="88"/>
                  </a:cxn>
                  <a:cxn ang="0">
                    <a:pos x="136" y="93"/>
                  </a:cxn>
                  <a:cxn ang="0">
                    <a:pos x="103" y="112"/>
                  </a:cxn>
                  <a:cxn ang="0">
                    <a:pos x="75" y="142"/>
                  </a:cxn>
                  <a:cxn ang="0">
                    <a:pos x="53" y="155"/>
                  </a:cxn>
                  <a:cxn ang="0">
                    <a:pos x="48" y="197"/>
                  </a:cxn>
                  <a:cxn ang="0">
                    <a:pos x="45" y="225"/>
                  </a:cxn>
                  <a:cxn ang="0">
                    <a:pos x="15" y="238"/>
                  </a:cxn>
                  <a:cxn ang="0">
                    <a:pos x="5" y="333"/>
                  </a:cxn>
                  <a:cxn ang="0">
                    <a:pos x="0" y="412"/>
                  </a:cxn>
                  <a:cxn ang="0">
                    <a:pos x="10" y="461"/>
                  </a:cxn>
                  <a:cxn ang="0">
                    <a:pos x="55" y="632"/>
                  </a:cxn>
                  <a:cxn ang="0">
                    <a:pos x="93" y="720"/>
                  </a:cxn>
                  <a:cxn ang="0">
                    <a:pos x="116" y="745"/>
                  </a:cxn>
                  <a:cxn ang="0">
                    <a:pos x="145" y="746"/>
                  </a:cxn>
                </a:cxnLst>
                <a:rect l="0" t="0" r="r" b="b"/>
                <a:pathLst>
                  <a:path w="829" h="749">
                    <a:moveTo>
                      <a:pt x="191" y="734"/>
                    </a:moveTo>
                    <a:lnTo>
                      <a:pt x="206" y="733"/>
                    </a:lnTo>
                    <a:lnTo>
                      <a:pt x="217" y="729"/>
                    </a:lnTo>
                    <a:lnTo>
                      <a:pt x="226" y="725"/>
                    </a:lnTo>
                    <a:lnTo>
                      <a:pt x="235" y="720"/>
                    </a:lnTo>
                    <a:lnTo>
                      <a:pt x="243" y="715"/>
                    </a:lnTo>
                    <a:lnTo>
                      <a:pt x="252" y="710"/>
                    </a:lnTo>
                    <a:lnTo>
                      <a:pt x="261" y="706"/>
                    </a:lnTo>
                    <a:lnTo>
                      <a:pt x="273" y="702"/>
                    </a:lnTo>
                    <a:lnTo>
                      <a:pt x="318" y="695"/>
                    </a:lnTo>
                    <a:lnTo>
                      <a:pt x="355" y="690"/>
                    </a:lnTo>
                    <a:lnTo>
                      <a:pt x="364" y="688"/>
                    </a:lnTo>
                    <a:lnTo>
                      <a:pt x="371" y="685"/>
                    </a:lnTo>
                    <a:lnTo>
                      <a:pt x="381" y="682"/>
                    </a:lnTo>
                    <a:lnTo>
                      <a:pt x="388" y="677"/>
                    </a:lnTo>
                    <a:lnTo>
                      <a:pt x="397" y="672"/>
                    </a:lnTo>
                    <a:lnTo>
                      <a:pt x="406" y="666"/>
                    </a:lnTo>
                    <a:lnTo>
                      <a:pt x="416" y="658"/>
                    </a:lnTo>
                    <a:lnTo>
                      <a:pt x="426" y="649"/>
                    </a:lnTo>
                    <a:lnTo>
                      <a:pt x="452" y="623"/>
                    </a:lnTo>
                    <a:lnTo>
                      <a:pt x="474" y="606"/>
                    </a:lnTo>
                    <a:lnTo>
                      <a:pt x="483" y="598"/>
                    </a:lnTo>
                    <a:lnTo>
                      <a:pt x="493" y="593"/>
                    </a:lnTo>
                    <a:lnTo>
                      <a:pt x="502" y="589"/>
                    </a:lnTo>
                    <a:lnTo>
                      <a:pt x="511" y="587"/>
                    </a:lnTo>
                    <a:lnTo>
                      <a:pt x="522" y="584"/>
                    </a:lnTo>
                    <a:lnTo>
                      <a:pt x="531" y="583"/>
                    </a:lnTo>
                    <a:lnTo>
                      <a:pt x="541" y="581"/>
                    </a:lnTo>
                    <a:lnTo>
                      <a:pt x="553" y="581"/>
                    </a:lnTo>
                    <a:lnTo>
                      <a:pt x="580" y="583"/>
                    </a:lnTo>
                    <a:lnTo>
                      <a:pt x="612" y="584"/>
                    </a:lnTo>
                    <a:lnTo>
                      <a:pt x="633" y="584"/>
                    </a:lnTo>
                    <a:lnTo>
                      <a:pt x="651" y="584"/>
                    </a:lnTo>
                    <a:lnTo>
                      <a:pt x="668" y="583"/>
                    </a:lnTo>
                    <a:lnTo>
                      <a:pt x="682" y="580"/>
                    </a:lnTo>
                    <a:lnTo>
                      <a:pt x="697" y="576"/>
                    </a:lnTo>
                    <a:lnTo>
                      <a:pt x="708" y="572"/>
                    </a:lnTo>
                    <a:lnTo>
                      <a:pt x="719" y="567"/>
                    </a:lnTo>
                    <a:lnTo>
                      <a:pt x="729" y="559"/>
                    </a:lnTo>
                    <a:lnTo>
                      <a:pt x="737" y="552"/>
                    </a:lnTo>
                    <a:lnTo>
                      <a:pt x="745" y="543"/>
                    </a:lnTo>
                    <a:lnTo>
                      <a:pt x="751" y="532"/>
                    </a:lnTo>
                    <a:lnTo>
                      <a:pt x="758" y="519"/>
                    </a:lnTo>
                    <a:lnTo>
                      <a:pt x="764" y="506"/>
                    </a:lnTo>
                    <a:lnTo>
                      <a:pt x="769" y="491"/>
                    </a:lnTo>
                    <a:lnTo>
                      <a:pt x="774" y="474"/>
                    </a:lnTo>
                    <a:lnTo>
                      <a:pt x="780" y="456"/>
                    </a:lnTo>
                    <a:lnTo>
                      <a:pt x="817" y="436"/>
                    </a:lnTo>
                    <a:lnTo>
                      <a:pt x="817" y="436"/>
                    </a:lnTo>
                    <a:lnTo>
                      <a:pt x="825" y="330"/>
                    </a:lnTo>
                    <a:lnTo>
                      <a:pt x="827" y="318"/>
                    </a:lnTo>
                    <a:lnTo>
                      <a:pt x="829" y="307"/>
                    </a:lnTo>
                    <a:lnTo>
                      <a:pt x="827" y="296"/>
                    </a:lnTo>
                    <a:lnTo>
                      <a:pt x="826" y="285"/>
                    </a:lnTo>
                    <a:lnTo>
                      <a:pt x="820" y="264"/>
                    </a:lnTo>
                    <a:lnTo>
                      <a:pt x="812" y="243"/>
                    </a:lnTo>
                    <a:lnTo>
                      <a:pt x="803" y="224"/>
                    </a:lnTo>
                    <a:lnTo>
                      <a:pt x="798" y="203"/>
                    </a:lnTo>
                    <a:lnTo>
                      <a:pt x="795" y="192"/>
                    </a:lnTo>
                    <a:lnTo>
                      <a:pt x="795" y="181"/>
                    </a:lnTo>
                    <a:lnTo>
                      <a:pt x="796" y="171"/>
                    </a:lnTo>
                    <a:lnTo>
                      <a:pt x="800" y="159"/>
                    </a:lnTo>
                    <a:lnTo>
                      <a:pt x="802" y="153"/>
                    </a:lnTo>
                    <a:lnTo>
                      <a:pt x="803" y="149"/>
                    </a:lnTo>
                    <a:lnTo>
                      <a:pt x="803" y="144"/>
                    </a:lnTo>
                    <a:lnTo>
                      <a:pt x="802" y="141"/>
                    </a:lnTo>
                    <a:lnTo>
                      <a:pt x="799" y="137"/>
                    </a:lnTo>
                    <a:lnTo>
                      <a:pt x="796" y="135"/>
                    </a:lnTo>
                    <a:lnTo>
                      <a:pt x="791" y="133"/>
                    </a:lnTo>
                    <a:lnTo>
                      <a:pt x="785" y="131"/>
                    </a:lnTo>
                    <a:lnTo>
                      <a:pt x="761" y="125"/>
                    </a:lnTo>
                    <a:lnTo>
                      <a:pt x="739" y="119"/>
                    </a:lnTo>
                    <a:lnTo>
                      <a:pt x="728" y="115"/>
                    </a:lnTo>
                    <a:lnTo>
                      <a:pt x="717" y="111"/>
                    </a:lnTo>
                    <a:lnTo>
                      <a:pt x="707" y="107"/>
                    </a:lnTo>
                    <a:lnTo>
                      <a:pt x="697" y="101"/>
                    </a:lnTo>
                    <a:lnTo>
                      <a:pt x="675" y="88"/>
                    </a:lnTo>
                    <a:lnTo>
                      <a:pt x="651" y="74"/>
                    </a:lnTo>
                    <a:lnTo>
                      <a:pt x="641" y="65"/>
                    </a:lnTo>
                    <a:lnTo>
                      <a:pt x="632" y="57"/>
                    </a:lnTo>
                    <a:lnTo>
                      <a:pt x="623" y="46"/>
                    </a:lnTo>
                    <a:lnTo>
                      <a:pt x="615" y="36"/>
                    </a:lnTo>
                    <a:lnTo>
                      <a:pt x="615" y="36"/>
                    </a:lnTo>
                    <a:lnTo>
                      <a:pt x="614" y="32"/>
                    </a:lnTo>
                    <a:lnTo>
                      <a:pt x="610" y="26"/>
                    </a:lnTo>
                    <a:lnTo>
                      <a:pt x="605" y="19"/>
                    </a:lnTo>
                    <a:lnTo>
                      <a:pt x="599" y="13"/>
                    </a:lnTo>
                    <a:lnTo>
                      <a:pt x="593" y="8"/>
                    </a:lnTo>
                    <a:lnTo>
                      <a:pt x="587" y="4"/>
                    </a:lnTo>
                    <a:lnTo>
                      <a:pt x="580" y="0"/>
                    </a:lnTo>
                    <a:lnTo>
                      <a:pt x="575" y="0"/>
                    </a:lnTo>
                    <a:lnTo>
                      <a:pt x="567" y="2"/>
                    </a:lnTo>
                    <a:lnTo>
                      <a:pt x="559" y="8"/>
                    </a:lnTo>
                    <a:lnTo>
                      <a:pt x="552" y="13"/>
                    </a:lnTo>
                    <a:lnTo>
                      <a:pt x="544" y="19"/>
                    </a:lnTo>
                    <a:lnTo>
                      <a:pt x="537" y="24"/>
                    </a:lnTo>
                    <a:lnTo>
                      <a:pt x="530" y="28"/>
                    </a:lnTo>
                    <a:lnTo>
                      <a:pt x="526" y="30"/>
                    </a:lnTo>
                    <a:lnTo>
                      <a:pt x="522" y="31"/>
                    </a:lnTo>
                    <a:lnTo>
                      <a:pt x="517" y="31"/>
                    </a:lnTo>
                    <a:lnTo>
                      <a:pt x="513" y="30"/>
                    </a:lnTo>
                    <a:lnTo>
                      <a:pt x="504" y="27"/>
                    </a:lnTo>
                    <a:lnTo>
                      <a:pt x="497" y="22"/>
                    </a:lnTo>
                    <a:lnTo>
                      <a:pt x="491" y="15"/>
                    </a:lnTo>
                    <a:lnTo>
                      <a:pt x="484" y="10"/>
                    </a:lnTo>
                    <a:lnTo>
                      <a:pt x="482" y="9"/>
                    </a:lnTo>
                    <a:lnTo>
                      <a:pt x="478" y="8"/>
                    </a:lnTo>
                    <a:lnTo>
                      <a:pt x="475" y="8"/>
                    </a:lnTo>
                    <a:lnTo>
                      <a:pt x="471" y="9"/>
                    </a:lnTo>
                    <a:lnTo>
                      <a:pt x="465" y="13"/>
                    </a:lnTo>
                    <a:lnTo>
                      <a:pt x="457" y="17"/>
                    </a:lnTo>
                    <a:lnTo>
                      <a:pt x="445" y="30"/>
                    </a:lnTo>
                    <a:lnTo>
                      <a:pt x="436" y="39"/>
                    </a:lnTo>
                    <a:lnTo>
                      <a:pt x="432" y="44"/>
                    </a:lnTo>
                    <a:lnTo>
                      <a:pt x="427" y="48"/>
                    </a:lnTo>
                    <a:lnTo>
                      <a:pt x="422" y="50"/>
                    </a:lnTo>
                    <a:lnTo>
                      <a:pt x="417" y="52"/>
                    </a:lnTo>
                    <a:lnTo>
                      <a:pt x="404" y="52"/>
                    </a:lnTo>
                    <a:lnTo>
                      <a:pt x="391" y="49"/>
                    </a:lnTo>
                    <a:lnTo>
                      <a:pt x="364" y="40"/>
                    </a:lnTo>
                    <a:lnTo>
                      <a:pt x="340" y="32"/>
                    </a:lnTo>
                    <a:lnTo>
                      <a:pt x="340" y="32"/>
                    </a:lnTo>
                    <a:lnTo>
                      <a:pt x="327" y="35"/>
                    </a:lnTo>
                    <a:lnTo>
                      <a:pt x="313" y="40"/>
                    </a:lnTo>
                    <a:lnTo>
                      <a:pt x="302" y="48"/>
                    </a:lnTo>
                    <a:lnTo>
                      <a:pt x="290" y="55"/>
                    </a:lnTo>
                    <a:lnTo>
                      <a:pt x="278" y="66"/>
                    </a:lnTo>
                    <a:lnTo>
                      <a:pt x="268" y="75"/>
                    </a:lnTo>
                    <a:lnTo>
                      <a:pt x="257" y="85"/>
                    </a:lnTo>
                    <a:lnTo>
                      <a:pt x="248" y="96"/>
                    </a:lnTo>
                    <a:lnTo>
                      <a:pt x="234" y="111"/>
                    </a:lnTo>
                    <a:lnTo>
                      <a:pt x="224" y="122"/>
                    </a:lnTo>
                    <a:lnTo>
                      <a:pt x="219" y="123"/>
                    </a:lnTo>
                    <a:lnTo>
                      <a:pt x="216" y="124"/>
                    </a:lnTo>
                    <a:lnTo>
                      <a:pt x="212" y="124"/>
                    </a:lnTo>
                    <a:lnTo>
                      <a:pt x="210" y="123"/>
                    </a:lnTo>
                    <a:lnTo>
                      <a:pt x="197" y="111"/>
                    </a:lnTo>
                    <a:lnTo>
                      <a:pt x="172" y="92"/>
                    </a:lnTo>
                    <a:lnTo>
                      <a:pt x="168" y="89"/>
                    </a:lnTo>
                    <a:lnTo>
                      <a:pt x="164" y="88"/>
                    </a:lnTo>
                    <a:lnTo>
                      <a:pt x="160" y="88"/>
                    </a:lnTo>
                    <a:lnTo>
                      <a:pt x="155" y="88"/>
                    </a:lnTo>
                    <a:lnTo>
                      <a:pt x="146" y="89"/>
                    </a:lnTo>
                    <a:lnTo>
                      <a:pt x="136" y="93"/>
                    </a:lnTo>
                    <a:lnTo>
                      <a:pt x="127" y="97"/>
                    </a:lnTo>
                    <a:lnTo>
                      <a:pt x="118" y="102"/>
                    </a:lnTo>
                    <a:lnTo>
                      <a:pt x="110" y="107"/>
                    </a:lnTo>
                    <a:lnTo>
                      <a:pt x="103" y="112"/>
                    </a:lnTo>
                    <a:lnTo>
                      <a:pt x="96" y="122"/>
                    </a:lnTo>
                    <a:lnTo>
                      <a:pt x="85" y="133"/>
                    </a:lnTo>
                    <a:lnTo>
                      <a:pt x="80" y="138"/>
                    </a:lnTo>
                    <a:lnTo>
                      <a:pt x="75" y="142"/>
                    </a:lnTo>
                    <a:lnTo>
                      <a:pt x="70" y="146"/>
                    </a:lnTo>
                    <a:lnTo>
                      <a:pt x="64" y="149"/>
                    </a:lnTo>
                    <a:lnTo>
                      <a:pt x="58" y="151"/>
                    </a:lnTo>
                    <a:lnTo>
                      <a:pt x="53" y="155"/>
                    </a:lnTo>
                    <a:lnTo>
                      <a:pt x="49" y="160"/>
                    </a:lnTo>
                    <a:lnTo>
                      <a:pt x="48" y="167"/>
                    </a:lnTo>
                    <a:lnTo>
                      <a:pt x="46" y="181"/>
                    </a:lnTo>
                    <a:lnTo>
                      <a:pt x="48" y="197"/>
                    </a:lnTo>
                    <a:lnTo>
                      <a:pt x="49" y="204"/>
                    </a:lnTo>
                    <a:lnTo>
                      <a:pt x="48" y="212"/>
                    </a:lnTo>
                    <a:lnTo>
                      <a:pt x="48" y="219"/>
                    </a:lnTo>
                    <a:lnTo>
                      <a:pt x="45" y="225"/>
                    </a:lnTo>
                    <a:lnTo>
                      <a:pt x="41" y="230"/>
                    </a:lnTo>
                    <a:lnTo>
                      <a:pt x="35" y="234"/>
                    </a:lnTo>
                    <a:lnTo>
                      <a:pt x="26" y="237"/>
                    </a:lnTo>
                    <a:lnTo>
                      <a:pt x="15" y="238"/>
                    </a:lnTo>
                    <a:lnTo>
                      <a:pt x="15" y="238"/>
                    </a:lnTo>
                    <a:lnTo>
                      <a:pt x="6" y="302"/>
                    </a:lnTo>
                    <a:lnTo>
                      <a:pt x="5" y="317"/>
                    </a:lnTo>
                    <a:lnTo>
                      <a:pt x="5" y="333"/>
                    </a:lnTo>
                    <a:lnTo>
                      <a:pt x="6" y="348"/>
                    </a:lnTo>
                    <a:lnTo>
                      <a:pt x="6" y="363"/>
                    </a:lnTo>
                    <a:lnTo>
                      <a:pt x="4" y="390"/>
                    </a:lnTo>
                    <a:lnTo>
                      <a:pt x="0" y="412"/>
                    </a:lnTo>
                    <a:lnTo>
                      <a:pt x="0" y="422"/>
                    </a:lnTo>
                    <a:lnTo>
                      <a:pt x="1" y="432"/>
                    </a:lnTo>
                    <a:lnTo>
                      <a:pt x="5" y="445"/>
                    </a:lnTo>
                    <a:lnTo>
                      <a:pt x="10" y="461"/>
                    </a:lnTo>
                    <a:lnTo>
                      <a:pt x="19" y="487"/>
                    </a:lnTo>
                    <a:lnTo>
                      <a:pt x="28" y="528"/>
                    </a:lnTo>
                    <a:lnTo>
                      <a:pt x="41" y="579"/>
                    </a:lnTo>
                    <a:lnTo>
                      <a:pt x="55" y="632"/>
                    </a:lnTo>
                    <a:lnTo>
                      <a:pt x="63" y="657"/>
                    </a:lnTo>
                    <a:lnTo>
                      <a:pt x="72" y="681"/>
                    </a:lnTo>
                    <a:lnTo>
                      <a:pt x="83" y="702"/>
                    </a:lnTo>
                    <a:lnTo>
                      <a:pt x="93" y="720"/>
                    </a:lnTo>
                    <a:lnTo>
                      <a:pt x="98" y="728"/>
                    </a:lnTo>
                    <a:lnTo>
                      <a:pt x="105" y="734"/>
                    </a:lnTo>
                    <a:lnTo>
                      <a:pt x="110" y="739"/>
                    </a:lnTo>
                    <a:lnTo>
                      <a:pt x="116" y="745"/>
                    </a:lnTo>
                    <a:lnTo>
                      <a:pt x="123" y="747"/>
                    </a:lnTo>
                    <a:lnTo>
                      <a:pt x="131" y="749"/>
                    </a:lnTo>
                    <a:lnTo>
                      <a:pt x="137" y="749"/>
                    </a:lnTo>
                    <a:lnTo>
                      <a:pt x="145" y="746"/>
                    </a:lnTo>
                    <a:lnTo>
                      <a:pt x="191" y="734"/>
                    </a:lnTo>
                    <a:lnTo>
                      <a:pt x="191" y="7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6" name="Freeform 121">
                <a:extLst>
                  <a:ext uri="{FF2B5EF4-FFF2-40B4-BE49-F238E27FC236}">
                    <a16:creationId xmlns:a16="http://schemas.microsoft.com/office/drawing/2014/main" id="{03CDA4C5-390C-F54B-8F8F-2DBA282833F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22832" y="5619544"/>
                <a:ext cx="293293" cy="615950"/>
              </a:xfrm>
              <a:custGeom>
                <a:avLst/>
                <a:gdLst/>
                <a:ahLst/>
                <a:cxnLst>
                  <a:cxn ang="0">
                    <a:pos x="38" y="278"/>
                  </a:cxn>
                  <a:cxn ang="0">
                    <a:pos x="4" y="217"/>
                  </a:cxn>
                  <a:cxn ang="0">
                    <a:pos x="44" y="158"/>
                  </a:cxn>
                  <a:cxn ang="0">
                    <a:pos x="128" y="13"/>
                  </a:cxn>
                  <a:cxn ang="0">
                    <a:pos x="148" y="0"/>
                  </a:cxn>
                  <a:cxn ang="0">
                    <a:pos x="158" y="39"/>
                  </a:cxn>
                  <a:cxn ang="0">
                    <a:pos x="189" y="71"/>
                  </a:cxn>
                  <a:cxn ang="0">
                    <a:pos x="213" y="64"/>
                  </a:cxn>
                  <a:cxn ang="0">
                    <a:pos x="276" y="36"/>
                  </a:cxn>
                  <a:cxn ang="0">
                    <a:pos x="321" y="90"/>
                  </a:cxn>
                  <a:cxn ang="0">
                    <a:pos x="342" y="129"/>
                  </a:cxn>
                  <a:cxn ang="0">
                    <a:pos x="389" y="151"/>
                  </a:cxn>
                  <a:cxn ang="0">
                    <a:pos x="432" y="224"/>
                  </a:cxn>
                  <a:cxn ang="0">
                    <a:pos x="446" y="318"/>
                  </a:cxn>
                  <a:cxn ang="0">
                    <a:pos x="446" y="440"/>
                  </a:cxn>
                  <a:cxn ang="0">
                    <a:pos x="441" y="545"/>
                  </a:cxn>
                  <a:cxn ang="0">
                    <a:pos x="482" y="702"/>
                  </a:cxn>
                  <a:cxn ang="0">
                    <a:pos x="539" y="851"/>
                  </a:cxn>
                  <a:cxn ang="0">
                    <a:pos x="578" y="872"/>
                  </a:cxn>
                  <a:cxn ang="0">
                    <a:pos x="630" y="917"/>
                  </a:cxn>
                  <a:cxn ang="0">
                    <a:pos x="634" y="1001"/>
                  </a:cxn>
                  <a:cxn ang="0">
                    <a:pos x="605" y="1065"/>
                  </a:cxn>
                  <a:cxn ang="0">
                    <a:pos x="534" y="1127"/>
                  </a:cxn>
                  <a:cxn ang="0">
                    <a:pos x="485" y="1189"/>
                  </a:cxn>
                  <a:cxn ang="0">
                    <a:pos x="407" y="1208"/>
                  </a:cxn>
                  <a:cxn ang="0">
                    <a:pos x="386" y="1233"/>
                  </a:cxn>
                  <a:cxn ang="0">
                    <a:pos x="407" y="1299"/>
                  </a:cxn>
                  <a:cxn ang="0">
                    <a:pos x="385" y="1330"/>
                  </a:cxn>
                  <a:cxn ang="0">
                    <a:pos x="362" y="1364"/>
                  </a:cxn>
                  <a:cxn ang="0">
                    <a:pos x="302" y="1347"/>
                  </a:cxn>
                  <a:cxn ang="0">
                    <a:pos x="235" y="1313"/>
                  </a:cxn>
                  <a:cxn ang="0">
                    <a:pos x="204" y="1269"/>
                  </a:cxn>
                  <a:cxn ang="0">
                    <a:pos x="125" y="1202"/>
                  </a:cxn>
                  <a:cxn ang="0">
                    <a:pos x="46" y="1141"/>
                  </a:cxn>
                  <a:cxn ang="0">
                    <a:pos x="3" y="1068"/>
                  </a:cxn>
                  <a:cxn ang="0">
                    <a:pos x="7" y="1054"/>
                  </a:cxn>
                  <a:cxn ang="0">
                    <a:pos x="36" y="1081"/>
                  </a:cxn>
                  <a:cxn ang="0">
                    <a:pos x="56" y="1084"/>
                  </a:cxn>
                  <a:cxn ang="0">
                    <a:pos x="34" y="1031"/>
                  </a:cxn>
                  <a:cxn ang="0">
                    <a:pos x="9" y="993"/>
                  </a:cxn>
                  <a:cxn ang="0">
                    <a:pos x="20" y="910"/>
                  </a:cxn>
                  <a:cxn ang="0">
                    <a:pos x="73" y="821"/>
                  </a:cxn>
                  <a:cxn ang="0">
                    <a:pos x="71" y="786"/>
                  </a:cxn>
                  <a:cxn ang="0">
                    <a:pos x="40" y="758"/>
                  </a:cxn>
                  <a:cxn ang="0">
                    <a:pos x="53" y="703"/>
                  </a:cxn>
                  <a:cxn ang="0">
                    <a:pos x="66" y="654"/>
                  </a:cxn>
                  <a:cxn ang="0">
                    <a:pos x="46" y="605"/>
                  </a:cxn>
                  <a:cxn ang="0">
                    <a:pos x="78" y="576"/>
                  </a:cxn>
                  <a:cxn ang="0">
                    <a:pos x="82" y="540"/>
                  </a:cxn>
                  <a:cxn ang="0">
                    <a:pos x="71" y="510"/>
                  </a:cxn>
                  <a:cxn ang="0">
                    <a:pos x="101" y="505"/>
                  </a:cxn>
                  <a:cxn ang="0">
                    <a:pos x="91" y="422"/>
                  </a:cxn>
                  <a:cxn ang="0">
                    <a:pos x="70" y="381"/>
                  </a:cxn>
                </a:cxnLst>
                <a:rect l="0" t="0" r="r" b="b"/>
                <a:pathLst>
                  <a:path w="644" h="1364">
                    <a:moveTo>
                      <a:pt x="26" y="361"/>
                    </a:moveTo>
                    <a:lnTo>
                      <a:pt x="31" y="311"/>
                    </a:lnTo>
                    <a:lnTo>
                      <a:pt x="34" y="304"/>
                    </a:lnTo>
                    <a:lnTo>
                      <a:pt x="36" y="296"/>
                    </a:lnTo>
                    <a:lnTo>
                      <a:pt x="38" y="287"/>
                    </a:lnTo>
                    <a:lnTo>
                      <a:pt x="38" y="278"/>
                    </a:lnTo>
                    <a:lnTo>
                      <a:pt x="38" y="268"/>
                    </a:lnTo>
                    <a:lnTo>
                      <a:pt x="38" y="259"/>
                    </a:lnTo>
                    <a:lnTo>
                      <a:pt x="35" y="251"/>
                    </a:lnTo>
                    <a:lnTo>
                      <a:pt x="33" y="246"/>
                    </a:lnTo>
                    <a:lnTo>
                      <a:pt x="17" y="230"/>
                    </a:lnTo>
                    <a:lnTo>
                      <a:pt x="4" y="217"/>
                    </a:lnTo>
                    <a:lnTo>
                      <a:pt x="8" y="215"/>
                    </a:lnTo>
                    <a:lnTo>
                      <a:pt x="13" y="210"/>
                    </a:lnTo>
                    <a:lnTo>
                      <a:pt x="18" y="203"/>
                    </a:lnTo>
                    <a:lnTo>
                      <a:pt x="22" y="197"/>
                    </a:lnTo>
                    <a:lnTo>
                      <a:pt x="33" y="178"/>
                    </a:lnTo>
                    <a:lnTo>
                      <a:pt x="44" y="158"/>
                    </a:lnTo>
                    <a:lnTo>
                      <a:pt x="62" y="116"/>
                    </a:lnTo>
                    <a:lnTo>
                      <a:pt x="77" y="87"/>
                    </a:lnTo>
                    <a:lnTo>
                      <a:pt x="88" y="67"/>
                    </a:lnTo>
                    <a:lnTo>
                      <a:pt x="106" y="39"/>
                    </a:lnTo>
                    <a:lnTo>
                      <a:pt x="118" y="24"/>
                    </a:lnTo>
                    <a:lnTo>
                      <a:pt x="128" y="13"/>
                    </a:lnTo>
                    <a:lnTo>
                      <a:pt x="134" y="7"/>
                    </a:lnTo>
                    <a:lnTo>
                      <a:pt x="138" y="5"/>
                    </a:lnTo>
                    <a:lnTo>
                      <a:pt x="143" y="2"/>
                    </a:lnTo>
                    <a:lnTo>
                      <a:pt x="147" y="1"/>
                    </a:lnTo>
                    <a:lnTo>
                      <a:pt x="147" y="0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49" y="2"/>
                    </a:lnTo>
                    <a:lnTo>
                      <a:pt x="152" y="7"/>
                    </a:lnTo>
                    <a:lnTo>
                      <a:pt x="153" y="15"/>
                    </a:lnTo>
                    <a:lnTo>
                      <a:pt x="157" y="30"/>
                    </a:lnTo>
                    <a:lnTo>
                      <a:pt x="158" y="39"/>
                    </a:lnTo>
                    <a:lnTo>
                      <a:pt x="162" y="45"/>
                    </a:lnTo>
                    <a:lnTo>
                      <a:pt x="167" y="53"/>
                    </a:lnTo>
                    <a:lnTo>
                      <a:pt x="174" y="61"/>
                    </a:lnTo>
                    <a:lnTo>
                      <a:pt x="182" y="67"/>
                    </a:lnTo>
                    <a:lnTo>
                      <a:pt x="185" y="70"/>
                    </a:lnTo>
                    <a:lnTo>
                      <a:pt x="189" y="71"/>
                    </a:lnTo>
                    <a:lnTo>
                      <a:pt x="193" y="72"/>
                    </a:lnTo>
                    <a:lnTo>
                      <a:pt x="198" y="74"/>
                    </a:lnTo>
                    <a:lnTo>
                      <a:pt x="202" y="72"/>
                    </a:lnTo>
                    <a:lnTo>
                      <a:pt x="206" y="71"/>
                    </a:lnTo>
                    <a:lnTo>
                      <a:pt x="209" y="68"/>
                    </a:lnTo>
                    <a:lnTo>
                      <a:pt x="213" y="64"/>
                    </a:lnTo>
                    <a:lnTo>
                      <a:pt x="218" y="58"/>
                    </a:lnTo>
                    <a:lnTo>
                      <a:pt x="224" y="54"/>
                    </a:lnTo>
                    <a:lnTo>
                      <a:pt x="232" y="49"/>
                    </a:lnTo>
                    <a:lnTo>
                      <a:pt x="241" y="46"/>
                    </a:lnTo>
                    <a:lnTo>
                      <a:pt x="261" y="41"/>
                    </a:lnTo>
                    <a:lnTo>
                      <a:pt x="276" y="36"/>
                    </a:lnTo>
                    <a:lnTo>
                      <a:pt x="294" y="54"/>
                    </a:lnTo>
                    <a:lnTo>
                      <a:pt x="311" y="72"/>
                    </a:lnTo>
                    <a:lnTo>
                      <a:pt x="315" y="77"/>
                    </a:lnTo>
                    <a:lnTo>
                      <a:pt x="318" y="81"/>
                    </a:lnTo>
                    <a:lnTo>
                      <a:pt x="320" y="87"/>
                    </a:lnTo>
                    <a:lnTo>
                      <a:pt x="321" y="90"/>
                    </a:lnTo>
                    <a:lnTo>
                      <a:pt x="324" y="99"/>
                    </a:lnTo>
                    <a:lnTo>
                      <a:pt x="325" y="107"/>
                    </a:lnTo>
                    <a:lnTo>
                      <a:pt x="328" y="115"/>
                    </a:lnTo>
                    <a:lnTo>
                      <a:pt x="333" y="123"/>
                    </a:lnTo>
                    <a:lnTo>
                      <a:pt x="338" y="127"/>
                    </a:lnTo>
                    <a:lnTo>
                      <a:pt x="342" y="129"/>
                    </a:lnTo>
                    <a:lnTo>
                      <a:pt x="349" y="132"/>
                    </a:lnTo>
                    <a:lnTo>
                      <a:pt x="356" y="134"/>
                    </a:lnTo>
                    <a:lnTo>
                      <a:pt x="367" y="138"/>
                    </a:lnTo>
                    <a:lnTo>
                      <a:pt x="375" y="141"/>
                    </a:lnTo>
                    <a:lnTo>
                      <a:pt x="382" y="146"/>
                    </a:lnTo>
                    <a:lnTo>
                      <a:pt x="389" y="151"/>
                    </a:lnTo>
                    <a:lnTo>
                      <a:pt x="394" y="156"/>
                    </a:lnTo>
                    <a:lnTo>
                      <a:pt x="398" y="163"/>
                    </a:lnTo>
                    <a:lnTo>
                      <a:pt x="403" y="171"/>
                    </a:lnTo>
                    <a:lnTo>
                      <a:pt x="407" y="180"/>
                    </a:lnTo>
                    <a:lnTo>
                      <a:pt x="419" y="203"/>
                    </a:lnTo>
                    <a:lnTo>
                      <a:pt x="432" y="224"/>
                    </a:lnTo>
                    <a:lnTo>
                      <a:pt x="437" y="235"/>
                    </a:lnTo>
                    <a:lnTo>
                      <a:pt x="442" y="247"/>
                    </a:lnTo>
                    <a:lnTo>
                      <a:pt x="445" y="259"/>
                    </a:lnTo>
                    <a:lnTo>
                      <a:pt x="446" y="272"/>
                    </a:lnTo>
                    <a:lnTo>
                      <a:pt x="445" y="294"/>
                    </a:lnTo>
                    <a:lnTo>
                      <a:pt x="446" y="318"/>
                    </a:lnTo>
                    <a:lnTo>
                      <a:pt x="446" y="331"/>
                    </a:lnTo>
                    <a:lnTo>
                      <a:pt x="448" y="343"/>
                    </a:lnTo>
                    <a:lnTo>
                      <a:pt x="451" y="353"/>
                    </a:lnTo>
                    <a:lnTo>
                      <a:pt x="456" y="361"/>
                    </a:lnTo>
                    <a:lnTo>
                      <a:pt x="447" y="425"/>
                    </a:lnTo>
                    <a:lnTo>
                      <a:pt x="446" y="440"/>
                    </a:lnTo>
                    <a:lnTo>
                      <a:pt x="446" y="456"/>
                    </a:lnTo>
                    <a:lnTo>
                      <a:pt x="447" y="471"/>
                    </a:lnTo>
                    <a:lnTo>
                      <a:pt x="447" y="486"/>
                    </a:lnTo>
                    <a:lnTo>
                      <a:pt x="445" y="513"/>
                    </a:lnTo>
                    <a:lnTo>
                      <a:pt x="441" y="535"/>
                    </a:lnTo>
                    <a:lnTo>
                      <a:pt x="441" y="545"/>
                    </a:lnTo>
                    <a:lnTo>
                      <a:pt x="442" y="555"/>
                    </a:lnTo>
                    <a:lnTo>
                      <a:pt x="446" y="568"/>
                    </a:lnTo>
                    <a:lnTo>
                      <a:pt x="451" y="584"/>
                    </a:lnTo>
                    <a:lnTo>
                      <a:pt x="460" y="610"/>
                    </a:lnTo>
                    <a:lnTo>
                      <a:pt x="469" y="651"/>
                    </a:lnTo>
                    <a:lnTo>
                      <a:pt x="482" y="702"/>
                    </a:lnTo>
                    <a:lnTo>
                      <a:pt x="496" y="755"/>
                    </a:lnTo>
                    <a:lnTo>
                      <a:pt x="504" y="780"/>
                    </a:lnTo>
                    <a:lnTo>
                      <a:pt x="513" y="804"/>
                    </a:lnTo>
                    <a:lnTo>
                      <a:pt x="524" y="825"/>
                    </a:lnTo>
                    <a:lnTo>
                      <a:pt x="534" y="843"/>
                    </a:lnTo>
                    <a:lnTo>
                      <a:pt x="539" y="851"/>
                    </a:lnTo>
                    <a:lnTo>
                      <a:pt x="546" y="857"/>
                    </a:lnTo>
                    <a:lnTo>
                      <a:pt x="551" y="862"/>
                    </a:lnTo>
                    <a:lnTo>
                      <a:pt x="557" y="868"/>
                    </a:lnTo>
                    <a:lnTo>
                      <a:pt x="564" y="870"/>
                    </a:lnTo>
                    <a:lnTo>
                      <a:pt x="572" y="872"/>
                    </a:lnTo>
                    <a:lnTo>
                      <a:pt x="578" y="872"/>
                    </a:lnTo>
                    <a:lnTo>
                      <a:pt x="586" y="869"/>
                    </a:lnTo>
                    <a:lnTo>
                      <a:pt x="632" y="857"/>
                    </a:lnTo>
                    <a:lnTo>
                      <a:pt x="631" y="873"/>
                    </a:lnTo>
                    <a:lnTo>
                      <a:pt x="630" y="887"/>
                    </a:lnTo>
                    <a:lnTo>
                      <a:pt x="629" y="903"/>
                    </a:lnTo>
                    <a:lnTo>
                      <a:pt x="630" y="917"/>
                    </a:lnTo>
                    <a:lnTo>
                      <a:pt x="634" y="929"/>
                    </a:lnTo>
                    <a:lnTo>
                      <a:pt x="638" y="940"/>
                    </a:lnTo>
                    <a:lnTo>
                      <a:pt x="641" y="951"/>
                    </a:lnTo>
                    <a:lnTo>
                      <a:pt x="644" y="964"/>
                    </a:lnTo>
                    <a:lnTo>
                      <a:pt x="640" y="983"/>
                    </a:lnTo>
                    <a:lnTo>
                      <a:pt x="634" y="1001"/>
                    </a:lnTo>
                    <a:lnTo>
                      <a:pt x="630" y="1019"/>
                    </a:lnTo>
                    <a:lnTo>
                      <a:pt x="625" y="1036"/>
                    </a:lnTo>
                    <a:lnTo>
                      <a:pt x="622" y="1044"/>
                    </a:lnTo>
                    <a:lnTo>
                      <a:pt x="617" y="1052"/>
                    </a:lnTo>
                    <a:lnTo>
                      <a:pt x="612" y="1058"/>
                    </a:lnTo>
                    <a:lnTo>
                      <a:pt x="605" y="1065"/>
                    </a:lnTo>
                    <a:lnTo>
                      <a:pt x="592" y="1074"/>
                    </a:lnTo>
                    <a:lnTo>
                      <a:pt x="581" y="1081"/>
                    </a:lnTo>
                    <a:lnTo>
                      <a:pt x="568" y="1089"/>
                    </a:lnTo>
                    <a:lnTo>
                      <a:pt x="556" y="1100"/>
                    </a:lnTo>
                    <a:lnTo>
                      <a:pt x="544" y="1112"/>
                    </a:lnTo>
                    <a:lnTo>
                      <a:pt x="534" y="1127"/>
                    </a:lnTo>
                    <a:lnTo>
                      <a:pt x="526" y="1141"/>
                    </a:lnTo>
                    <a:lnTo>
                      <a:pt x="517" y="1155"/>
                    </a:lnTo>
                    <a:lnTo>
                      <a:pt x="508" y="1168"/>
                    </a:lnTo>
                    <a:lnTo>
                      <a:pt x="498" y="1180"/>
                    </a:lnTo>
                    <a:lnTo>
                      <a:pt x="491" y="1185"/>
                    </a:lnTo>
                    <a:lnTo>
                      <a:pt x="485" y="1189"/>
                    </a:lnTo>
                    <a:lnTo>
                      <a:pt x="476" y="1194"/>
                    </a:lnTo>
                    <a:lnTo>
                      <a:pt x="467" y="1197"/>
                    </a:lnTo>
                    <a:lnTo>
                      <a:pt x="450" y="1201"/>
                    </a:lnTo>
                    <a:lnTo>
                      <a:pt x="428" y="1204"/>
                    </a:lnTo>
                    <a:lnTo>
                      <a:pt x="416" y="1207"/>
                    </a:lnTo>
                    <a:lnTo>
                      <a:pt x="407" y="1208"/>
                    </a:lnTo>
                    <a:lnTo>
                      <a:pt x="398" y="1211"/>
                    </a:lnTo>
                    <a:lnTo>
                      <a:pt x="393" y="1215"/>
                    </a:lnTo>
                    <a:lnTo>
                      <a:pt x="389" y="1219"/>
                    </a:lnTo>
                    <a:lnTo>
                      <a:pt x="388" y="1223"/>
                    </a:lnTo>
                    <a:lnTo>
                      <a:pt x="386" y="1228"/>
                    </a:lnTo>
                    <a:lnTo>
                      <a:pt x="386" y="1233"/>
                    </a:lnTo>
                    <a:lnTo>
                      <a:pt x="388" y="1243"/>
                    </a:lnTo>
                    <a:lnTo>
                      <a:pt x="391" y="1256"/>
                    </a:lnTo>
                    <a:lnTo>
                      <a:pt x="397" y="1268"/>
                    </a:lnTo>
                    <a:lnTo>
                      <a:pt x="402" y="1280"/>
                    </a:lnTo>
                    <a:lnTo>
                      <a:pt x="406" y="1290"/>
                    </a:lnTo>
                    <a:lnTo>
                      <a:pt x="407" y="1299"/>
                    </a:lnTo>
                    <a:lnTo>
                      <a:pt x="406" y="1304"/>
                    </a:lnTo>
                    <a:lnTo>
                      <a:pt x="404" y="1308"/>
                    </a:lnTo>
                    <a:lnTo>
                      <a:pt x="401" y="1312"/>
                    </a:lnTo>
                    <a:lnTo>
                      <a:pt x="397" y="1315"/>
                    </a:lnTo>
                    <a:lnTo>
                      <a:pt x="390" y="1322"/>
                    </a:lnTo>
                    <a:lnTo>
                      <a:pt x="385" y="1330"/>
                    </a:lnTo>
                    <a:lnTo>
                      <a:pt x="382" y="1342"/>
                    </a:lnTo>
                    <a:lnTo>
                      <a:pt x="378" y="1352"/>
                    </a:lnTo>
                    <a:lnTo>
                      <a:pt x="377" y="1357"/>
                    </a:lnTo>
                    <a:lnTo>
                      <a:pt x="373" y="1360"/>
                    </a:lnTo>
                    <a:lnTo>
                      <a:pt x="368" y="1363"/>
                    </a:lnTo>
                    <a:lnTo>
                      <a:pt x="362" y="1364"/>
                    </a:lnTo>
                    <a:lnTo>
                      <a:pt x="354" y="1364"/>
                    </a:lnTo>
                    <a:lnTo>
                      <a:pt x="346" y="1363"/>
                    </a:lnTo>
                    <a:lnTo>
                      <a:pt x="338" y="1360"/>
                    </a:lnTo>
                    <a:lnTo>
                      <a:pt x="331" y="1357"/>
                    </a:lnTo>
                    <a:lnTo>
                      <a:pt x="316" y="1352"/>
                    </a:lnTo>
                    <a:lnTo>
                      <a:pt x="302" y="1347"/>
                    </a:lnTo>
                    <a:lnTo>
                      <a:pt x="242" y="1350"/>
                    </a:lnTo>
                    <a:lnTo>
                      <a:pt x="239" y="1346"/>
                    </a:lnTo>
                    <a:lnTo>
                      <a:pt x="236" y="1340"/>
                    </a:lnTo>
                    <a:lnTo>
                      <a:pt x="235" y="1335"/>
                    </a:lnTo>
                    <a:lnTo>
                      <a:pt x="235" y="1330"/>
                    </a:lnTo>
                    <a:lnTo>
                      <a:pt x="235" y="1313"/>
                    </a:lnTo>
                    <a:lnTo>
                      <a:pt x="233" y="1302"/>
                    </a:lnTo>
                    <a:lnTo>
                      <a:pt x="231" y="1294"/>
                    </a:lnTo>
                    <a:lnTo>
                      <a:pt x="227" y="1289"/>
                    </a:lnTo>
                    <a:lnTo>
                      <a:pt x="220" y="1285"/>
                    </a:lnTo>
                    <a:lnTo>
                      <a:pt x="213" y="1278"/>
                    </a:lnTo>
                    <a:lnTo>
                      <a:pt x="204" y="1269"/>
                    </a:lnTo>
                    <a:lnTo>
                      <a:pt x="192" y="1256"/>
                    </a:lnTo>
                    <a:lnTo>
                      <a:pt x="182" y="1246"/>
                    </a:lnTo>
                    <a:lnTo>
                      <a:pt x="171" y="1236"/>
                    </a:lnTo>
                    <a:lnTo>
                      <a:pt x="161" y="1226"/>
                    </a:lnTo>
                    <a:lnTo>
                      <a:pt x="149" y="1217"/>
                    </a:lnTo>
                    <a:lnTo>
                      <a:pt x="125" y="1202"/>
                    </a:lnTo>
                    <a:lnTo>
                      <a:pt x="100" y="1186"/>
                    </a:lnTo>
                    <a:lnTo>
                      <a:pt x="88" y="1179"/>
                    </a:lnTo>
                    <a:lnTo>
                      <a:pt x="77" y="1171"/>
                    </a:lnTo>
                    <a:lnTo>
                      <a:pt x="65" y="1162"/>
                    </a:lnTo>
                    <a:lnTo>
                      <a:pt x="55" y="1153"/>
                    </a:lnTo>
                    <a:lnTo>
                      <a:pt x="46" y="1141"/>
                    </a:lnTo>
                    <a:lnTo>
                      <a:pt x="36" y="1129"/>
                    </a:lnTo>
                    <a:lnTo>
                      <a:pt x="29" y="1118"/>
                    </a:lnTo>
                    <a:lnTo>
                      <a:pt x="22" y="1102"/>
                    </a:lnTo>
                    <a:lnTo>
                      <a:pt x="16" y="1093"/>
                    </a:lnTo>
                    <a:lnTo>
                      <a:pt x="7" y="1076"/>
                    </a:lnTo>
                    <a:lnTo>
                      <a:pt x="3" y="1068"/>
                    </a:lnTo>
                    <a:lnTo>
                      <a:pt x="0" y="1062"/>
                    </a:lnTo>
                    <a:lnTo>
                      <a:pt x="0" y="1058"/>
                    </a:lnTo>
                    <a:lnTo>
                      <a:pt x="0" y="1057"/>
                    </a:lnTo>
                    <a:lnTo>
                      <a:pt x="1" y="1054"/>
                    </a:lnTo>
                    <a:lnTo>
                      <a:pt x="4" y="1054"/>
                    </a:lnTo>
                    <a:lnTo>
                      <a:pt x="7" y="1054"/>
                    </a:lnTo>
                    <a:lnTo>
                      <a:pt x="9" y="1055"/>
                    </a:lnTo>
                    <a:lnTo>
                      <a:pt x="13" y="1057"/>
                    </a:lnTo>
                    <a:lnTo>
                      <a:pt x="16" y="1059"/>
                    </a:lnTo>
                    <a:lnTo>
                      <a:pt x="22" y="1066"/>
                    </a:lnTo>
                    <a:lnTo>
                      <a:pt x="30" y="1074"/>
                    </a:lnTo>
                    <a:lnTo>
                      <a:pt x="36" y="1081"/>
                    </a:lnTo>
                    <a:lnTo>
                      <a:pt x="43" y="1089"/>
                    </a:lnTo>
                    <a:lnTo>
                      <a:pt x="49" y="1094"/>
                    </a:lnTo>
                    <a:lnTo>
                      <a:pt x="55" y="1096"/>
                    </a:lnTo>
                    <a:lnTo>
                      <a:pt x="55" y="1094"/>
                    </a:lnTo>
                    <a:lnTo>
                      <a:pt x="56" y="1094"/>
                    </a:lnTo>
                    <a:lnTo>
                      <a:pt x="56" y="1084"/>
                    </a:lnTo>
                    <a:lnTo>
                      <a:pt x="55" y="1074"/>
                    </a:lnTo>
                    <a:lnTo>
                      <a:pt x="52" y="1065"/>
                    </a:lnTo>
                    <a:lnTo>
                      <a:pt x="49" y="1055"/>
                    </a:lnTo>
                    <a:lnTo>
                      <a:pt x="46" y="1046"/>
                    </a:lnTo>
                    <a:lnTo>
                      <a:pt x="40" y="1039"/>
                    </a:lnTo>
                    <a:lnTo>
                      <a:pt x="34" y="1031"/>
                    </a:lnTo>
                    <a:lnTo>
                      <a:pt x="26" y="1023"/>
                    </a:lnTo>
                    <a:lnTo>
                      <a:pt x="21" y="1018"/>
                    </a:lnTo>
                    <a:lnTo>
                      <a:pt x="17" y="1013"/>
                    </a:lnTo>
                    <a:lnTo>
                      <a:pt x="14" y="1009"/>
                    </a:lnTo>
                    <a:lnTo>
                      <a:pt x="12" y="1004"/>
                    </a:lnTo>
                    <a:lnTo>
                      <a:pt x="9" y="993"/>
                    </a:lnTo>
                    <a:lnTo>
                      <a:pt x="8" y="983"/>
                    </a:lnTo>
                    <a:lnTo>
                      <a:pt x="9" y="961"/>
                    </a:lnTo>
                    <a:lnTo>
                      <a:pt x="11" y="938"/>
                    </a:lnTo>
                    <a:lnTo>
                      <a:pt x="12" y="929"/>
                    </a:lnTo>
                    <a:lnTo>
                      <a:pt x="14" y="921"/>
                    </a:lnTo>
                    <a:lnTo>
                      <a:pt x="20" y="910"/>
                    </a:lnTo>
                    <a:lnTo>
                      <a:pt x="25" y="900"/>
                    </a:lnTo>
                    <a:lnTo>
                      <a:pt x="40" y="878"/>
                    </a:lnTo>
                    <a:lnTo>
                      <a:pt x="56" y="855"/>
                    </a:lnTo>
                    <a:lnTo>
                      <a:pt x="62" y="843"/>
                    </a:lnTo>
                    <a:lnTo>
                      <a:pt x="68" y="831"/>
                    </a:lnTo>
                    <a:lnTo>
                      <a:pt x="73" y="821"/>
                    </a:lnTo>
                    <a:lnTo>
                      <a:pt x="75" y="809"/>
                    </a:lnTo>
                    <a:lnTo>
                      <a:pt x="75" y="804"/>
                    </a:lnTo>
                    <a:lnTo>
                      <a:pt x="75" y="800"/>
                    </a:lnTo>
                    <a:lnTo>
                      <a:pt x="75" y="795"/>
                    </a:lnTo>
                    <a:lnTo>
                      <a:pt x="74" y="791"/>
                    </a:lnTo>
                    <a:lnTo>
                      <a:pt x="71" y="786"/>
                    </a:lnTo>
                    <a:lnTo>
                      <a:pt x="69" y="782"/>
                    </a:lnTo>
                    <a:lnTo>
                      <a:pt x="65" y="778"/>
                    </a:lnTo>
                    <a:lnTo>
                      <a:pt x="60" y="776"/>
                    </a:lnTo>
                    <a:lnTo>
                      <a:pt x="51" y="769"/>
                    </a:lnTo>
                    <a:lnTo>
                      <a:pt x="44" y="763"/>
                    </a:lnTo>
                    <a:lnTo>
                      <a:pt x="40" y="758"/>
                    </a:lnTo>
                    <a:lnTo>
                      <a:pt x="36" y="751"/>
                    </a:lnTo>
                    <a:lnTo>
                      <a:pt x="35" y="745"/>
                    </a:lnTo>
                    <a:lnTo>
                      <a:pt x="35" y="739"/>
                    </a:lnTo>
                    <a:lnTo>
                      <a:pt x="36" y="733"/>
                    </a:lnTo>
                    <a:lnTo>
                      <a:pt x="39" y="728"/>
                    </a:lnTo>
                    <a:lnTo>
                      <a:pt x="53" y="703"/>
                    </a:lnTo>
                    <a:lnTo>
                      <a:pt x="69" y="677"/>
                    </a:lnTo>
                    <a:lnTo>
                      <a:pt x="70" y="673"/>
                    </a:lnTo>
                    <a:lnTo>
                      <a:pt x="70" y="669"/>
                    </a:lnTo>
                    <a:lnTo>
                      <a:pt x="70" y="666"/>
                    </a:lnTo>
                    <a:lnTo>
                      <a:pt x="69" y="662"/>
                    </a:lnTo>
                    <a:lnTo>
                      <a:pt x="66" y="654"/>
                    </a:lnTo>
                    <a:lnTo>
                      <a:pt x="61" y="647"/>
                    </a:lnTo>
                    <a:lnTo>
                      <a:pt x="56" y="640"/>
                    </a:lnTo>
                    <a:lnTo>
                      <a:pt x="51" y="633"/>
                    </a:lnTo>
                    <a:lnTo>
                      <a:pt x="47" y="625"/>
                    </a:lnTo>
                    <a:lnTo>
                      <a:pt x="46" y="619"/>
                    </a:lnTo>
                    <a:lnTo>
                      <a:pt x="46" y="605"/>
                    </a:lnTo>
                    <a:lnTo>
                      <a:pt x="47" y="596"/>
                    </a:lnTo>
                    <a:lnTo>
                      <a:pt x="52" y="590"/>
                    </a:lnTo>
                    <a:lnTo>
                      <a:pt x="57" y="587"/>
                    </a:lnTo>
                    <a:lnTo>
                      <a:pt x="64" y="584"/>
                    </a:lnTo>
                    <a:lnTo>
                      <a:pt x="70" y="581"/>
                    </a:lnTo>
                    <a:lnTo>
                      <a:pt x="78" y="576"/>
                    </a:lnTo>
                    <a:lnTo>
                      <a:pt x="86" y="568"/>
                    </a:lnTo>
                    <a:lnTo>
                      <a:pt x="88" y="565"/>
                    </a:lnTo>
                    <a:lnTo>
                      <a:pt x="90" y="559"/>
                    </a:lnTo>
                    <a:lnTo>
                      <a:pt x="90" y="554"/>
                    </a:lnTo>
                    <a:lnTo>
                      <a:pt x="88" y="549"/>
                    </a:lnTo>
                    <a:lnTo>
                      <a:pt x="82" y="540"/>
                    </a:lnTo>
                    <a:lnTo>
                      <a:pt x="75" y="531"/>
                    </a:lnTo>
                    <a:lnTo>
                      <a:pt x="69" y="522"/>
                    </a:lnTo>
                    <a:lnTo>
                      <a:pt x="65" y="515"/>
                    </a:lnTo>
                    <a:lnTo>
                      <a:pt x="65" y="514"/>
                    </a:lnTo>
                    <a:lnTo>
                      <a:pt x="68" y="511"/>
                    </a:lnTo>
                    <a:lnTo>
                      <a:pt x="71" y="510"/>
                    </a:lnTo>
                    <a:lnTo>
                      <a:pt x="78" y="510"/>
                    </a:lnTo>
                    <a:lnTo>
                      <a:pt x="88" y="510"/>
                    </a:lnTo>
                    <a:lnTo>
                      <a:pt x="96" y="509"/>
                    </a:lnTo>
                    <a:lnTo>
                      <a:pt x="99" y="508"/>
                    </a:lnTo>
                    <a:lnTo>
                      <a:pt x="100" y="506"/>
                    </a:lnTo>
                    <a:lnTo>
                      <a:pt x="101" y="505"/>
                    </a:lnTo>
                    <a:lnTo>
                      <a:pt x="101" y="504"/>
                    </a:lnTo>
                    <a:lnTo>
                      <a:pt x="97" y="493"/>
                    </a:lnTo>
                    <a:lnTo>
                      <a:pt x="92" y="475"/>
                    </a:lnTo>
                    <a:lnTo>
                      <a:pt x="93" y="452"/>
                    </a:lnTo>
                    <a:lnTo>
                      <a:pt x="92" y="431"/>
                    </a:lnTo>
                    <a:lnTo>
                      <a:pt x="91" y="422"/>
                    </a:lnTo>
                    <a:lnTo>
                      <a:pt x="90" y="413"/>
                    </a:lnTo>
                    <a:lnTo>
                      <a:pt x="87" y="405"/>
                    </a:lnTo>
                    <a:lnTo>
                      <a:pt x="84" y="399"/>
                    </a:lnTo>
                    <a:lnTo>
                      <a:pt x="81" y="392"/>
                    </a:lnTo>
                    <a:lnTo>
                      <a:pt x="75" y="386"/>
                    </a:lnTo>
                    <a:lnTo>
                      <a:pt x="70" y="381"/>
                    </a:lnTo>
                    <a:lnTo>
                      <a:pt x="64" y="377"/>
                    </a:lnTo>
                    <a:lnTo>
                      <a:pt x="56" y="372"/>
                    </a:lnTo>
                    <a:lnTo>
                      <a:pt x="47" y="368"/>
                    </a:lnTo>
                    <a:lnTo>
                      <a:pt x="38" y="365"/>
                    </a:lnTo>
                    <a:lnTo>
                      <a:pt x="26" y="36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7" name="Freeform 122">
                <a:extLst>
                  <a:ext uri="{FF2B5EF4-FFF2-40B4-BE49-F238E27FC236}">
                    <a16:creationId xmlns:a16="http://schemas.microsoft.com/office/drawing/2014/main" id="{6A9FB58D-F492-244A-A5B4-9C97987C71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422832" y="5619544"/>
                <a:ext cx="293293" cy="615950"/>
              </a:xfrm>
              <a:custGeom>
                <a:avLst/>
                <a:gdLst/>
                <a:ahLst/>
                <a:cxnLst>
                  <a:cxn ang="0">
                    <a:pos x="38" y="278"/>
                  </a:cxn>
                  <a:cxn ang="0">
                    <a:pos x="4" y="217"/>
                  </a:cxn>
                  <a:cxn ang="0">
                    <a:pos x="44" y="158"/>
                  </a:cxn>
                  <a:cxn ang="0">
                    <a:pos x="128" y="13"/>
                  </a:cxn>
                  <a:cxn ang="0">
                    <a:pos x="148" y="0"/>
                  </a:cxn>
                  <a:cxn ang="0">
                    <a:pos x="158" y="39"/>
                  </a:cxn>
                  <a:cxn ang="0">
                    <a:pos x="189" y="71"/>
                  </a:cxn>
                  <a:cxn ang="0">
                    <a:pos x="213" y="64"/>
                  </a:cxn>
                  <a:cxn ang="0">
                    <a:pos x="276" y="36"/>
                  </a:cxn>
                  <a:cxn ang="0">
                    <a:pos x="320" y="87"/>
                  </a:cxn>
                  <a:cxn ang="0">
                    <a:pos x="338" y="127"/>
                  </a:cxn>
                  <a:cxn ang="0">
                    <a:pos x="382" y="146"/>
                  </a:cxn>
                  <a:cxn ang="0">
                    <a:pos x="419" y="203"/>
                  </a:cxn>
                  <a:cxn ang="0">
                    <a:pos x="445" y="294"/>
                  </a:cxn>
                  <a:cxn ang="0">
                    <a:pos x="456" y="361"/>
                  </a:cxn>
                  <a:cxn ang="0">
                    <a:pos x="445" y="513"/>
                  </a:cxn>
                  <a:cxn ang="0">
                    <a:pos x="460" y="610"/>
                  </a:cxn>
                  <a:cxn ang="0">
                    <a:pos x="524" y="825"/>
                  </a:cxn>
                  <a:cxn ang="0">
                    <a:pos x="564" y="870"/>
                  </a:cxn>
                  <a:cxn ang="0">
                    <a:pos x="631" y="873"/>
                  </a:cxn>
                  <a:cxn ang="0">
                    <a:pos x="641" y="951"/>
                  </a:cxn>
                  <a:cxn ang="0">
                    <a:pos x="622" y="1044"/>
                  </a:cxn>
                  <a:cxn ang="0">
                    <a:pos x="568" y="1089"/>
                  </a:cxn>
                  <a:cxn ang="0">
                    <a:pos x="508" y="1168"/>
                  </a:cxn>
                  <a:cxn ang="0">
                    <a:pos x="450" y="1201"/>
                  </a:cxn>
                  <a:cxn ang="0">
                    <a:pos x="389" y="1219"/>
                  </a:cxn>
                  <a:cxn ang="0">
                    <a:pos x="397" y="1268"/>
                  </a:cxn>
                  <a:cxn ang="0">
                    <a:pos x="401" y="1312"/>
                  </a:cxn>
                  <a:cxn ang="0">
                    <a:pos x="377" y="1357"/>
                  </a:cxn>
                  <a:cxn ang="0">
                    <a:pos x="338" y="1360"/>
                  </a:cxn>
                  <a:cxn ang="0">
                    <a:pos x="239" y="1346"/>
                  </a:cxn>
                  <a:cxn ang="0">
                    <a:pos x="231" y="1294"/>
                  </a:cxn>
                  <a:cxn ang="0">
                    <a:pos x="182" y="1246"/>
                  </a:cxn>
                  <a:cxn ang="0">
                    <a:pos x="88" y="1179"/>
                  </a:cxn>
                  <a:cxn ang="0">
                    <a:pos x="29" y="1118"/>
                  </a:cxn>
                  <a:cxn ang="0">
                    <a:pos x="0" y="1058"/>
                  </a:cxn>
                  <a:cxn ang="0">
                    <a:pos x="13" y="1057"/>
                  </a:cxn>
                  <a:cxn ang="0">
                    <a:pos x="49" y="1094"/>
                  </a:cxn>
                  <a:cxn ang="0">
                    <a:pos x="52" y="1065"/>
                  </a:cxn>
                  <a:cxn ang="0">
                    <a:pos x="21" y="1018"/>
                  </a:cxn>
                  <a:cxn ang="0">
                    <a:pos x="9" y="961"/>
                  </a:cxn>
                  <a:cxn ang="0">
                    <a:pos x="40" y="878"/>
                  </a:cxn>
                  <a:cxn ang="0">
                    <a:pos x="75" y="804"/>
                  </a:cxn>
                  <a:cxn ang="0">
                    <a:pos x="65" y="778"/>
                  </a:cxn>
                  <a:cxn ang="0">
                    <a:pos x="35" y="745"/>
                  </a:cxn>
                  <a:cxn ang="0">
                    <a:pos x="70" y="673"/>
                  </a:cxn>
                  <a:cxn ang="0">
                    <a:pos x="56" y="640"/>
                  </a:cxn>
                  <a:cxn ang="0">
                    <a:pos x="52" y="590"/>
                  </a:cxn>
                  <a:cxn ang="0">
                    <a:pos x="88" y="565"/>
                  </a:cxn>
                  <a:cxn ang="0">
                    <a:pos x="69" y="522"/>
                  </a:cxn>
                  <a:cxn ang="0">
                    <a:pos x="88" y="510"/>
                  </a:cxn>
                  <a:cxn ang="0">
                    <a:pos x="97" y="493"/>
                  </a:cxn>
                  <a:cxn ang="0">
                    <a:pos x="87" y="405"/>
                  </a:cxn>
                  <a:cxn ang="0">
                    <a:pos x="56" y="372"/>
                  </a:cxn>
                </a:cxnLst>
                <a:rect l="0" t="0" r="r" b="b"/>
                <a:pathLst>
                  <a:path w="644" h="1364">
                    <a:moveTo>
                      <a:pt x="26" y="361"/>
                    </a:moveTo>
                    <a:lnTo>
                      <a:pt x="31" y="311"/>
                    </a:lnTo>
                    <a:lnTo>
                      <a:pt x="34" y="304"/>
                    </a:lnTo>
                    <a:lnTo>
                      <a:pt x="36" y="296"/>
                    </a:lnTo>
                    <a:lnTo>
                      <a:pt x="38" y="287"/>
                    </a:lnTo>
                    <a:lnTo>
                      <a:pt x="38" y="278"/>
                    </a:lnTo>
                    <a:lnTo>
                      <a:pt x="38" y="268"/>
                    </a:lnTo>
                    <a:lnTo>
                      <a:pt x="38" y="259"/>
                    </a:lnTo>
                    <a:lnTo>
                      <a:pt x="35" y="251"/>
                    </a:lnTo>
                    <a:lnTo>
                      <a:pt x="33" y="246"/>
                    </a:lnTo>
                    <a:lnTo>
                      <a:pt x="17" y="230"/>
                    </a:lnTo>
                    <a:lnTo>
                      <a:pt x="4" y="217"/>
                    </a:lnTo>
                    <a:lnTo>
                      <a:pt x="8" y="215"/>
                    </a:lnTo>
                    <a:lnTo>
                      <a:pt x="13" y="210"/>
                    </a:lnTo>
                    <a:lnTo>
                      <a:pt x="18" y="203"/>
                    </a:lnTo>
                    <a:lnTo>
                      <a:pt x="22" y="197"/>
                    </a:lnTo>
                    <a:lnTo>
                      <a:pt x="33" y="178"/>
                    </a:lnTo>
                    <a:lnTo>
                      <a:pt x="44" y="158"/>
                    </a:lnTo>
                    <a:lnTo>
                      <a:pt x="62" y="116"/>
                    </a:lnTo>
                    <a:lnTo>
                      <a:pt x="77" y="87"/>
                    </a:lnTo>
                    <a:lnTo>
                      <a:pt x="88" y="67"/>
                    </a:lnTo>
                    <a:lnTo>
                      <a:pt x="106" y="39"/>
                    </a:lnTo>
                    <a:lnTo>
                      <a:pt x="118" y="24"/>
                    </a:lnTo>
                    <a:lnTo>
                      <a:pt x="128" y="13"/>
                    </a:lnTo>
                    <a:lnTo>
                      <a:pt x="134" y="7"/>
                    </a:lnTo>
                    <a:lnTo>
                      <a:pt x="138" y="5"/>
                    </a:lnTo>
                    <a:lnTo>
                      <a:pt x="143" y="2"/>
                    </a:lnTo>
                    <a:lnTo>
                      <a:pt x="147" y="1"/>
                    </a:lnTo>
                    <a:lnTo>
                      <a:pt x="147" y="0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49" y="2"/>
                    </a:lnTo>
                    <a:lnTo>
                      <a:pt x="152" y="7"/>
                    </a:lnTo>
                    <a:lnTo>
                      <a:pt x="153" y="15"/>
                    </a:lnTo>
                    <a:lnTo>
                      <a:pt x="157" y="30"/>
                    </a:lnTo>
                    <a:lnTo>
                      <a:pt x="158" y="39"/>
                    </a:lnTo>
                    <a:lnTo>
                      <a:pt x="162" y="45"/>
                    </a:lnTo>
                    <a:lnTo>
                      <a:pt x="167" y="53"/>
                    </a:lnTo>
                    <a:lnTo>
                      <a:pt x="174" y="61"/>
                    </a:lnTo>
                    <a:lnTo>
                      <a:pt x="182" y="67"/>
                    </a:lnTo>
                    <a:lnTo>
                      <a:pt x="185" y="70"/>
                    </a:lnTo>
                    <a:lnTo>
                      <a:pt x="189" y="71"/>
                    </a:lnTo>
                    <a:lnTo>
                      <a:pt x="193" y="72"/>
                    </a:lnTo>
                    <a:lnTo>
                      <a:pt x="198" y="74"/>
                    </a:lnTo>
                    <a:lnTo>
                      <a:pt x="202" y="72"/>
                    </a:lnTo>
                    <a:lnTo>
                      <a:pt x="206" y="71"/>
                    </a:lnTo>
                    <a:lnTo>
                      <a:pt x="209" y="68"/>
                    </a:lnTo>
                    <a:lnTo>
                      <a:pt x="213" y="64"/>
                    </a:lnTo>
                    <a:lnTo>
                      <a:pt x="218" y="58"/>
                    </a:lnTo>
                    <a:lnTo>
                      <a:pt x="224" y="54"/>
                    </a:lnTo>
                    <a:lnTo>
                      <a:pt x="232" y="49"/>
                    </a:lnTo>
                    <a:lnTo>
                      <a:pt x="241" y="46"/>
                    </a:lnTo>
                    <a:lnTo>
                      <a:pt x="261" y="41"/>
                    </a:lnTo>
                    <a:lnTo>
                      <a:pt x="276" y="36"/>
                    </a:lnTo>
                    <a:lnTo>
                      <a:pt x="276" y="36"/>
                    </a:lnTo>
                    <a:lnTo>
                      <a:pt x="294" y="54"/>
                    </a:lnTo>
                    <a:lnTo>
                      <a:pt x="311" y="72"/>
                    </a:lnTo>
                    <a:lnTo>
                      <a:pt x="315" y="77"/>
                    </a:lnTo>
                    <a:lnTo>
                      <a:pt x="318" y="81"/>
                    </a:lnTo>
                    <a:lnTo>
                      <a:pt x="320" y="87"/>
                    </a:lnTo>
                    <a:lnTo>
                      <a:pt x="321" y="90"/>
                    </a:lnTo>
                    <a:lnTo>
                      <a:pt x="324" y="99"/>
                    </a:lnTo>
                    <a:lnTo>
                      <a:pt x="325" y="107"/>
                    </a:lnTo>
                    <a:lnTo>
                      <a:pt x="328" y="115"/>
                    </a:lnTo>
                    <a:lnTo>
                      <a:pt x="333" y="123"/>
                    </a:lnTo>
                    <a:lnTo>
                      <a:pt x="338" y="127"/>
                    </a:lnTo>
                    <a:lnTo>
                      <a:pt x="342" y="129"/>
                    </a:lnTo>
                    <a:lnTo>
                      <a:pt x="349" y="132"/>
                    </a:lnTo>
                    <a:lnTo>
                      <a:pt x="356" y="134"/>
                    </a:lnTo>
                    <a:lnTo>
                      <a:pt x="367" y="138"/>
                    </a:lnTo>
                    <a:lnTo>
                      <a:pt x="375" y="141"/>
                    </a:lnTo>
                    <a:lnTo>
                      <a:pt x="382" y="146"/>
                    </a:lnTo>
                    <a:lnTo>
                      <a:pt x="389" y="151"/>
                    </a:lnTo>
                    <a:lnTo>
                      <a:pt x="394" y="156"/>
                    </a:lnTo>
                    <a:lnTo>
                      <a:pt x="398" y="163"/>
                    </a:lnTo>
                    <a:lnTo>
                      <a:pt x="403" y="171"/>
                    </a:lnTo>
                    <a:lnTo>
                      <a:pt x="407" y="180"/>
                    </a:lnTo>
                    <a:lnTo>
                      <a:pt x="419" y="203"/>
                    </a:lnTo>
                    <a:lnTo>
                      <a:pt x="432" y="224"/>
                    </a:lnTo>
                    <a:lnTo>
                      <a:pt x="437" y="235"/>
                    </a:lnTo>
                    <a:lnTo>
                      <a:pt x="442" y="247"/>
                    </a:lnTo>
                    <a:lnTo>
                      <a:pt x="445" y="259"/>
                    </a:lnTo>
                    <a:lnTo>
                      <a:pt x="446" y="272"/>
                    </a:lnTo>
                    <a:lnTo>
                      <a:pt x="445" y="294"/>
                    </a:lnTo>
                    <a:lnTo>
                      <a:pt x="446" y="318"/>
                    </a:lnTo>
                    <a:lnTo>
                      <a:pt x="446" y="331"/>
                    </a:lnTo>
                    <a:lnTo>
                      <a:pt x="448" y="343"/>
                    </a:lnTo>
                    <a:lnTo>
                      <a:pt x="451" y="353"/>
                    </a:lnTo>
                    <a:lnTo>
                      <a:pt x="456" y="361"/>
                    </a:lnTo>
                    <a:lnTo>
                      <a:pt x="456" y="361"/>
                    </a:lnTo>
                    <a:lnTo>
                      <a:pt x="447" y="425"/>
                    </a:lnTo>
                    <a:lnTo>
                      <a:pt x="446" y="440"/>
                    </a:lnTo>
                    <a:lnTo>
                      <a:pt x="446" y="456"/>
                    </a:lnTo>
                    <a:lnTo>
                      <a:pt x="447" y="471"/>
                    </a:lnTo>
                    <a:lnTo>
                      <a:pt x="447" y="486"/>
                    </a:lnTo>
                    <a:lnTo>
                      <a:pt x="445" y="513"/>
                    </a:lnTo>
                    <a:lnTo>
                      <a:pt x="441" y="535"/>
                    </a:lnTo>
                    <a:lnTo>
                      <a:pt x="441" y="545"/>
                    </a:lnTo>
                    <a:lnTo>
                      <a:pt x="442" y="555"/>
                    </a:lnTo>
                    <a:lnTo>
                      <a:pt x="446" y="568"/>
                    </a:lnTo>
                    <a:lnTo>
                      <a:pt x="451" y="584"/>
                    </a:lnTo>
                    <a:lnTo>
                      <a:pt x="460" y="610"/>
                    </a:lnTo>
                    <a:lnTo>
                      <a:pt x="469" y="651"/>
                    </a:lnTo>
                    <a:lnTo>
                      <a:pt x="482" y="702"/>
                    </a:lnTo>
                    <a:lnTo>
                      <a:pt x="496" y="755"/>
                    </a:lnTo>
                    <a:lnTo>
                      <a:pt x="504" y="780"/>
                    </a:lnTo>
                    <a:lnTo>
                      <a:pt x="513" y="804"/>
                    </a:lnTo>
                    <a:lnTo>
                      <a:pt x="524" y="825"/>
                    </a:lnTo>
                    <a:lnTo>
                      <a:pt x="534" y="843"/>
                    </a:lnTo>
                    <a:lnTo>
                      <a:pt x="539" y="851"/>
                    </a:lnTo>
                    <a:lnTo>
                      <a:pt x="546" y="857"/>
                    </a:lnTo>
                    <a:lnTo>
                      <a:pt x="551" y="862"/>
                    </a:lnTo>
                    <a:lnTo>
                      <a:pt x="557" y="868"/>
                    </a:lnTo>
                    <a:lnTo>
                      <a:pt x="564" y="870"/>
                    </a:lnTo>
                    <a:lnTo>
                      <a:pt x="572" y="872"/>
                    </a:lnTo>
                    <a:lnTo>
                      <a:pt x="578" y="872"/>
                    </a:lnTo>
                    <a:lnTo>
                      <a:pt x="586" y="869"/>
                    </a:lnTo>
                    <a:lnTo>
                      <a:pt x="632" y="857"/>
                    </a:lnTo>
                    <a:lnTo>
                      <a:pt x="632" y="857"/>
                    </a:lnTo>
                    <a:lnTo>
                      <a:pt x="631" y="873"/>
                    </a:lnTo>
                    <a:lnTo>
                      <a:pt x="630" y="887"/>
                    </a:lnTo>
                    <a:lnTo>
                      <a:pt x="629" y="903"/>
                    </a:lnTo>
                    <a:lnTo>
                      <a:pt x="630" y="917"/>
                    </a:lnTo>
                    <a:lnTo>
                      <a:pt x="634" y="929"/>
                    </a:lnTo>
                    <a:lnTo>
                      <a:pt x="638" y="940"/>
                    </a:lnTo>
                    <a:lnTo>
                      <a:pt x="641" y="951"/>
                    </a:lnTo>
                    <a:lnTo>
                      <a:pt x="644" y="964"/>
                    </a:lnTo>
                    <a:lnTo>
                      <a:pt x="640" y="983"/>
                    </a:lnTo>
                    <a:lnTo>
                      <a:pt x="634" y="1001"/>
                    </a:lnTo>
                    <a:lnTo>
                      <a:pt x="630" y="1019"/>
                    </a:lnTo>
                    <a:lnTo>
                      <a:pt x="625" y="1036"/>
                    </a:lnTo>
                    <a:lnTo>
                      <a:pt x="622" y="1044"/>
                    </a:lnTo>
                    <a:lnTo>
                      <a:pt x="617" y="1052"/>
                    </a:lnTo>
                    <a:lnTo>
                      <a:pt x="612" y="1058"/>
                    </a:lnTo>
                    <a:lnTo>
                      <a:pt x="605" y="1065"/>
                    </a:lnTo>
                    <a:lnTo>
                      <a:pt x="592" y="1074"/>
                    </a:lnTo>
                    <a:lnTo>
                      <a:pt x="581" y="1081"/>
                    </a:lnTo>
                    <a:lnTo>
                      <a:pt x="568" y="1089"/>
                    </a:lnTo>
                    <a:lnTo>
                      <a:pt x="556" y="1100"/>
                    </a:lnTo>
                    <a:lnTo>
                      <a:pt x="544" y="1112"/>
                    </a:lnTo>
                    <a:lnTo>
                      <a:pt x="534" y="1127"/>
                    </a:lnTo>
                    <a:lnTo>
                      <a:pt x="526" y="1141"/>
                    </a:lnTo>
                    <a:lnTo>
                      <a:pt x="517" y="1155"/>
                    </a:lnTo>
                    <a:lnTo>
                      <a:pt x="508" y="1168"/>
                    </a:lnTo>
                    <a:lnTo>
                      <a:pt x="498" y="1180"/>
                    </a:lnTo>
                    <a:lnTo>
                      <a:pt x="491" y="1185"/>
                    </a:lnTo>
                    <a:lnTo>
                      <a:pt x="485" y="1189"/>
                    </a:lnTo>
                    <a:lnTo>
                      <a:pt x="476" y="1194"/>
                    </a:lnTo>
                    <a:lnTo>
                      <a:pt x="467" y="1197"/>
                    </a:lnTo>
                    <a:lnTo>
                      <a:pt x="450" y="1201"/>
                    </a:lnTo>
                    <a:lnTo>
                      <a:pt x="428" y="1204"/>
                    </a:lnTo>
                    <a:lnTo>
                      <a:pt x="416" y="1207"/>
                    </a:lnTo>
                    <a:lnTo>
                      <a:pt x="407" y="1208"/>
                    </a:lnTo>
                    <a:lnTo>
                      <a:pt x="398" y="1211"/>
                    </a:lnTo>
                    <a:lnTo>
                      <a:pt x="393" y="1215"/>
                    </a:lnTo>
                    <a:lnTo>
                      <a:pt x="389" y="1219"/>
                    </a:lnTo>
                    <a:lnTo>
                      <a:pt x="388" y="1223"/>
                    </a:lnTo>
                    <a:lnTo>
                      <a:pt x="386" y="1228"/>
                    </a:lnTo>
                    <a:lnTo>
                      <a:pt x="386" y="1233"/>
                    </a:lnTo>
                    <a:lnTo>
                      <a:pt x="388" y="1243"/>
                    </a:lnTo>
                    <a:lnTo>
                      <a:pt x="391" y="1256"/>
                    </a:lnTo>
                    <a:lnTo>
                      <a:pt x="397" y="1268"/>
                    </a:lnTo>
                    <a:lnTo>
                      <a:pt x="402" y="1280"/>
                    </a:lnTo>
                    <a:lnTo>
                      <a:pt x="406" y="1290"/>
                    </a:lnTo>
                    <a:lnTo>
                      <a:pt x="407" y="1299"/>
                    </a:lnTo>
                    <a:lnTo>
                      <a:pt x="406" y="1304"/>
                    </a:lnTo>
                    <a:lnTo>
                      <a:pt x="404" y="1308"/>
                    </a:lnTo>
                    <a:lnTo>
                      <a:pt x="401" y="1312"/>
                    </a:lnTo>
                    <a:lnTo>
                      <a:pt x="397" y="1315"/>
                    </a:lnTo>
                    <a:lnTo>
                      <a:pt x="390" y="1322"/>
                    </a:lnTo>
                    <a:lnTo>
                      <a:pt x="385" y="1330"/>
                    </a:lnTo>
                    <a:lnTo>
                      <a:pt x="382" y="1342"/>
                    </a:lnTo>
                    <a:lnTo>
                      <a:pt x="378" y="1352"/>
                    </a:lnTo>
                    <a:lnTo>
                      <a:pt x="377" y="1357"/>
                    </a:lnTo>
                    <a:lnTo>
                      <a:pt x="373" y="1360"/>
                    </a:lnTo>
                    <a:lnTo>
                      <a:pt x="368" y="1363"/>
                    </a:lnTo>
                    <a:lnTo>
                      <a:pt x="362" y="1364"/>
                    </a:lnTo>
                    <a:lnTo>
                      <a:pt x="354" y="1364"/>
                    </a:lnTo>
                    <a:lnTo>
                      <a:pt x="346" y="1363"/>
                    </a:lnTo>
                    <a:lnTo>
                      <a:pt x="338" y="1360"/>
                    </a:lnTo>
                    <a:lnTo>
                      <a:pt x="331" y="1357"/>
                    </a:lnTo>
                    <a:lnTo>
                      <a:pt x="316" y="1352"/>
                    </a:lnTo>
                    <a:lnTo>
                      <a:pt x="302" y="1347"/>
                    </a:lnTo>
                    <a:lnTo>
                      <a:pt x="242" y="1350"/>
                    </a:lnTo>
                    <a:lnTo>
                      <a:pt x="242" y="1350"/>
                    </a:lnTo>
                    <a:lnTo>
                      <a:pt x="239" y="1346"/>
                    </a:lnTo>
                    <a:lnTo>
                      <a:pt x="236" y="1340"/>
                    </a:lnTo>
                    <a:lnTo>
                      <a:pt x="235" y="1335"/>
                    </a:lnTo>
                    <a:lnTo>
                      <a:pt x="235" y="1330"/>
                    </a:lnTo>
                    <a:lnTo>
                      <a:pt x="235" y="1313"/>
                    </a:lnTo>
                    <a:lnTo>
                      <a:pt x="233" y="1302"/>
                    </a:lnTo>
                    <a:lnTo>
                      <a:pt x="231" y="1294"/>
                    </a:lnTo>
                    <a:lnTo>
                      <a:pt x="227" y="1289"/>
                    </a:lnTo>
                    <a:lnTo>
                      <a:pt x="220" y="1285"/>
                    </a:lnTo>
                    <a:lnTo>
                      <a:pt x="213" y="1278"/>
                    </a:lnTo>
                    <a:lnTo>
                      <a:pt x="204" y="1269"/>
                    </a:lnTo>
                    <a:lnTo>
                      <a:pt x="192" y="1256"/>
                    </a:lnTo>
                    <a:lnTo>
                      <a:pt x="182" y="1246"/>
                    </a:lnTo>
                    <a:lnTo>
                      <a:pt x="171" y="1236"/>
                    </a:lnTo>
                    <a:lnTo>
                      <a:pt x="161" y="1226"/>
                    </a:lnTo>
                    <a:lnTo>
                      <a:pt x="149" y="1217"/>
                    </a:lnTo>
                    <a:lnTo>
                      <a:pt x="125" y="1202"/>
                    </a:lnTo>
                    <a:lnTo>
                      <a:pt x="100" y="1186"/>
                    </a:lnTo>
                    <a:lnTo>
                      <a:pt x="88" y="1179"/>
                    </a:lnTo>
                    <a:lnTo>
                      <a:pt x="77" y="1171"/>
                    </a:lnTo>
                    <a:lnTo>
                      <a:pt x="65" y="1162"/>
                    </a:lnTo>
                    <a:lnTo>
                      <a:pt x="55" y="1153"/>
                    </a:lnTo>
                    <a:lnTo>
                      <a:pt x="46" y="1141"/>
                    </a:lnTo>
                    <a:lnTo>
                      <a:pt x="36" y="1129"/>
                    </a:lnTo>
                    <a:lnTo>
                      <a:pt x="29" y="1118"/>
                    </a:lnTo>
                    <a:lnTo>
                      <a:pt x="22" y="1102"/>
                    </a:lnTo>
                    <a:lnTo>
                      <a:pt x="16" y="1093"/>
                    </a:lnTo>
                    <a:lnTo>
                      <a:pt x="7" y="1076"/>
                    </a:lnTo>
                    <a:lnTo>
                      <a:pt x="3" y="1068"/>
                    </a:lnTo>
                    <a:lnTo>
                      <a:pt x="0" y="1062"/>
                    </a:lnTo>
                    <a:lnTo>
                      <a:pt x="0" y="1058"/>
                    </a:lnTo>
                    <a:lnTo>
                      <a:pt x="0" y="1057"/>
                    </a:lnTo>
                    <a:lnTo>
                      <a:pt x="1" y="1054"/>
                    </a:lnTo>
                    <a:lnTo>
                      <a:pt x="4" y="1054"/>
                    </a:lnTo>
                    <a:lnTo>
                      <a:pt x="7" y="1054"/>
                    </a:lnTo>
                    <a:lnTo>
                      <a:pt x="9" y="1055"/>
                    </a:lnTo>
                    <a:lnTo>
                      <a:pt x="13" y="1057"/>
                    </a:lnTo>
                    <a:lnTo>
                      <a:pt x="16" y="1059"/>
                    </a:lnTo>
                    <a:lnTo>
                      <a:pt x="22" y="1066"/>
                    </a:lnTo>
                    <a:lnTo>
                      <a:pt x="30" y="1074"/>
                    </a:lnTo>
                    <a:lnTo>
                      <a:pt x="36" y="1081"/>
                    </a:lnTo>
                    <a:lnTo>
                      <a:pt x="43" y="1089"/>
                    </a:lnTo>
                    <a:lnTo>
                      <a:pt x="49" y="1094"/>
                    </a:lnTo>
                    <a:lnTo>
                      <a:pt x="55" y="1096"/>
                    </a:lnTo>
                    <a:lnTo>
                      <a:pt x="55" y="1094"/>
                    </a:lnTo>
                    <a:lnTo>
                      <a:pt x="56" y="1094"/>
                    </a:lnTo>
                    <a:lnTo>
                      <a:pt x="56" y="1084"/>
                    </a:lnTo>
                    <a:lnTo>
                      <a:pt x="55" y="1074"/>
                    </a:lnTo>
                    <a:lnTo>
                      <a:pt x="52" y="1065"/>
                    </a:lnTo>
                    <a:lnTo>
                      <a:pt x="49" y="1055"/>
                    </a:lnTo>
                    <a:lnTo>
                      <a:pt x="46" y="1046"/>
                    </a:lnTo>
                    <a:lnTo>
                      <a:pt x="40" y="1039"/>
                    </a:lnTo>
                    <a:lnTo>
                      <a:pt x="34" y="1031"/>
                    </a:lnTo>
                    <a:lnTo>
                      <a:pt x="26" y="1023"/>
                    </a:lnTo>
                    <a:lnTo>
                      <a:pt x="21" y="1018"/>
                    </a:lnTo>
                    <a:lnTo>
                      <a:pt x="17" y="1013"/>
                    </a:lnTo>
                    <a:lnTo>
                      <a:pt x="14" y="1009"/>
                    </a:lnTo>
                    <a:lnTo>
                      <a:pt x="12" y="1004"/>
                    </a:lnTo>
                    <a:lnTo>
                      <a:pt x="9" y="993"/>
                    </a:lnTo>
                    <a:lnTo>
                      <a:pt x="8" y="983"/>
                    </a:lnTo>
                    <a:lnTo>
                      <a:pt x="9" y="961"/>
                    </a:lnTo>
                    <a:lnTo>
                      <a:pt x="11" y="938"/>
                    </a:lnTo>
                    <a:lnTo>
                      <a:pt x="12" y="929"/>
                    </a:lnTo>
                    <a:lnTo>
                      <a:pt x="14" y="921"/>
                    </a:lnTo>
                    <a:lnTo>
                      <a:pt x="20" y="910"/>
                    </a:lnTo>
                    <a:lnTo>
                      <a:pt x="25" y="900"/>
                    </a:lnTo>
                    <a:lnTo>
                      <a:pt x="40" y="878"/>
                    </a:lnTo>
                    <a:lnTo>
                      <a:pt x="56" y="855"/>
                    </a:lnTo>
                    <a:lnTo>
                      <a:pt x="62" y="843"/>
                    </a:lnTo>
                    <a:lnTo>
                      <a:pt x="68" y="831"/>
                    </a:lnTo>
                    <a:lnTo>
                      <a:pt x="73" y="821"/>
                    </a:lnTo>
                    <a:lnTo>
                      <a:pt x="75" y="809"/>
                    </a:lnTo>
                    <a:lnTo>
                      <a:pt x="75" y="804"/>
                    </a:lnTo>
                    <a:lnTo>
                      <a:pt x="75" y="800"/>
                    </a:lnTo>
                    <a:lnTo>
                      <a:pt x="75" y="795"/>
                    </a:lnTo>
                    <a:lnTo>
                      <a:pt x="74" y="791"/>
                    </a:lnTo>
                    <a:lnTo>
                      <a:pt x="71" y="786"/>
                    </a:lnTo>
                    <a:lnTo>
                      <a:pt x="69" y="782"/>
                    </a:lnTo>
                    <a:lnTo>
                      <a:pt x="65" y="778"/>
                    </a:lnTo>
                    <a:lnTo>
                      <a:pt x="60" y="776"/>
                    </a:lnTo>
                    <a:lnTo>
                      <a:pt x="51" y="769"/>
                    </a:lnTo>
                    <a:lnTo>
                      <a:pt x="44" y="763"/>
                    </a:lnTo>
                    <a:lnTo>
                      <a:pt x="40" y="758"/>
                    </a:lnTo>
                    <a:lnTo>
                      <a:pt x="36" y="751"/>
                    </a:lnTo>
                    <a:lnTo>
                      <a:pt x="35" y="745"/>
                    </a:lnTo>
                    <a:lnTo>
                      <a:pt x="35" y="739"/>
                    </a:lnTo>
                    <a:lnTo>
                      <a:pt x="36" y="733"/>
                    </a:lnTo>
                    <a:lnTo>
                      <a:pt x="39" y="728"/>
                    </a:lnTo>
                    <a:lnTo>
                      <a:pt x="53" y="703"/>
                    </a:lnTo>
                    <a:lnTo>
                      <a:pt x="69" y="677"/>
                    </a:lnTo>
                    <a:lnTo>
                      <a:pt x="70" y="673"/>
                    </a:lnTo>
                    <a:lnTo>
                      <a:pt x="70" y="669"/>
                    </a:lnTo>
                    <a:lnTo>
                      <a:pt x="70" y="666"/>
                    </a:lnTo>
                    <a:lnTo>
                      <a:pt x="69" y="662"/>
                    </a:lnTo>
                    <a:lnTo>
                      <a:pt x="66" y="654"/>
                    </a:lnTo>
                    <a:lnTo>
                      <a:pt x="61" y="647"/>
                    </a:lnTo>
                    <a:lnTo>
                      <a:pt x="56" y="640"/>
                    </a:lnTo>
                    <a:lnTo>
                      <a:pt x="51" y="633"/>
                    </a:lnTo>
                    <a:lnTo>
                      <a:pt x="47" y="625"/>
                    </a:lnTo>
                    <a:lnTo>
                      <a:pt x="46" y="619"/>
                    </a:lnTo>
                    <a:lnTo>
                      <a:pt x="46" y="605"/>
                    </a:lnTo>
                    <a:lnTo>
                      <a:pt x="47" y="596"/>
                    </a:lnTo>
                    <a:lnTo>
                      <a:pt x="52" y="590"/>
                    </a:lnTo>
                    <a:lnTo>
                      <a:pt x="57" y="587"/>
                    </a:lnTo>
                    <a:lnTo>
                      <a:pt x="64" y="584"/>
                    </a:lnTo>
                    <a:lnTo>
                      <a:pt x="70" y="581"/>
                    </a:lnTo>
                    <a:lnTo>
                      <a:pt x="78" y="576"/>
                    </a:lnTo>
                    <a:lnTo>
                      <a:pt x="86" y="568"/>
                    </a:lnTo>
                    <a:lnTo>
                      <a:pt x="88" y="565"/>
                    </a:lnTo>
                    <a:lnTo>
                      <a:pt x="90" y="559"/>
                    </a:lnTo>
                    <a:lnTo>
                      <a:pt x="90" y="554"/>
                    </a:lnTo>
                    <a:lnTo>
                      <a:pt x="88" y="549"/>
                    </a:lnTo>
                    <a:lnTo>
                      <a:pt x="82" y="540"/>
                    </a:lnTo>
                    <a:lnTo>
                      <a:pt x="75" y="531"/>
                    </a:lnTo>
                    <a:lnTo>
                      <a:pt x="69" y="522"/>
                    </a:lnTo>
                    <a:lnTo>
                      <a:pt x="65" y="515"/>
                    </a:lnTo>
                    <a:lnTo>
                      <a:pt x="65" y="514"/>
                    </a:lnTo>
                    <a:lnTo>
                      <a:pt x="68" y="511"/>
                    </a:lnTo>
                    <a:lnTo>
                      <a:pt x="71" y="510"/>
                    </a:lnTo>
                    <a:lnTo>
                      <a:pt x="78" y="510"/>
                    </a:lnTo>
                    <a:lnTo>
                      <a:pt x="88" y="510"/>
                    </a:lnTo>
                    <a:lnTo>
                      <a:pt x="96" y="509"/>
                    </a:lnTo>
                    <a:lnTo>
                      <a:pt x="99" y="508"/>
                    </a:lnTo>
                    <a:lnTo>
                      <a:pt x="100" y="506"/>
                    </a:lnTo>
                    <a:lnTo>
                      <a:pt x="101" y="505"/>
                    </a:lnTo>
                    <a:lnTo>
                      <a:pt x="101" y="504"/>
                    </a:lnTo>
                    <a:lnTo>
                      <a:pt x="97" y="493"/>
                    </a:lnTo>
                    <a:lnTo>
                      <a:pt x="92" y="475"/>
                    </a:lnTo>
                    <a:lnTo>
                      <a:pt x="93" y="452"/>
                    </a:lnTo>
                    <a:lnTo>
                      <a:pt x="92" y="431"/>
                    </a:lnTo>
                    <a:lnTo>
                      <a:pt x="91" y="422"/>
                    </a:lnTo>
                    <a:lnTo>
                      <a:pt x="90" y="413"/>
                    </a:lnTo>
                    <a:lnTo>
                      <a:pt x="87" y="405"/>
                    </a:lnTo>
                    <a:lnTo>
                      <a:pt x="84" y="399"/>
                    </a:lnTo>
                    <a:lnTo>
                      <a:pt x="81" y="392"/>
                    </a:lnTo>
                    <a:lnTo>
                      <a:pt x="75" y="386"/>
                    </a:lnTo>
                    <a:lnTo>
                      <a:pt x="70" y="381"/>
                    </a:lnTo>
                    <a:lnTo>
                      <a:pt x="64" y="377"/>
                    </a:lnTo>
                    <a:lnTo>
                      <a:pt x="56" y="372"/>
                    </a:lnTo>
                    <a:lnTo>
                      <a:pt x="47" y="368"/>
                    </a:lnTo>
                    <a:lnTo>
                      <a:pt x="38" y="365"/>
                    </a:lnTo>
                    <a:lnTo>
                      <a:pt x="26" y="361"/>
                    </a:lnTo>
                    <a:lnTo>
                      <a:pt x="26" y="36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8" name="Freeform 123">
                <a:extLst>
                  <a:ext uri="{FF2B5EF4-FFF2-40B4-BE49-F238E27FC236}">
                    <a16:creationId xmlns:a16="http://schemas.microsoft.com/office/drawing/2014/main" id="{CD3E3729-2634-6A40-8C6A-C2A2AE28CE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291670" y="5428076"/>
                <a:ext cx="306044" cy="355843"/>
              </a:xfrm>
              <a:custGeom>
                <a:avLst/>
                <a:gdLst/>
                <a:ahLst/>
                <a:cxnLst>
                  <a:cxn ang="0">
                    <a:pos x="267" y="773"/>
                  </a:cxn>
                  <a:cxn ang="0">
                    <a:pos x="233" y="746"/>
                  </a:cxn>
                  <a:cxn ang="0">
                    <a:pos x="207" y="698"/>
                  </a:cxn>
                  <a:cxn ang="0">
                    <a:pos x="172" y="666"/>
                  </a:cxn>
                  <a:cxn ang="0">
                    <a:pos x="141" y="615"/>
                  </a:cxn>
                  <a:cxn ang="0">
                    <a:pos x="69" y="578"/>
                  </a:cxn>
                  <a:cxn ang="0">
                    <a:pos x="60" y="564"/>
                  </a:cxn>
                  <a:cxn ang="0">
                    <a:pos x="109" y="540"/>
                  </a:cxn>
                  <a:cxn ang="0">
                    <a:pos x="101" y="503"/>
                  </a:cxn>
                  <a:cxn ang="0">
                    <a:pos x="78" y="514"/>
                  </a:cxn>
                  <a:cxn ang="0">
                    <a:pos x="55" y="547"/>
                  </a:cxn>
                  <a:cxn ang="0">
                    <a:pos x="20" y="540"/>
                  </a:cxn>
                  <a:cxn ang="0">
                    <a:pos x="42" y="429"/>
                  </a:cxn>
                  <a:cxn ang="0">
                    <a:pos x="29" y="369"/>
                  </a:cxn>
                  <a:cxn ang="0">
                    <a:pos x="8" y="333"/>
                  </a:cxn>
                  <a:cxn ang="0">
                    <a:pos x="22" y="251"/>
                  </a:cxn>
                  <a:cxn ang="0">
                    <a:pos x="55" y="241"/>
                  </a:cxn>
                  <a:cxn ang="0">
                    <a:pos x="78" y="220"/>
                  </a:cxn>
                  <a:cxn ang="0">
                    <a:pos x="77" y="184"/>
                  </a:cxn>
                  <a:cxn ang="0">
                    <a:pos x="93" y="134"/>
                  </a:cxn>
                  <a:cxn ang="0">
                    <a:pos x="109" y="109"/>
                  </a:cxn>
                  <a:cxn ang="0">
                    <a:pos x="144" y="91"/>
                  </a:cxn>
                  <a:cxn ang="0">
                    <a:pos x="172" y="114"/>
                  </a:cxn>
                  <a:cxn ang="0">
                    <a:pos x="182" y="119"/>
                  </a:cxn>
                  <a:cxn ang="0">
                    <a:pos x="211" y="99"/>
                  </a:cxn>
                  <a:cxn ang="0">
                    <a:pos x="172" y="45"/>
                  </a:cxn>
                  <a:cxn ang="0">
                    <a:pos x="274" y="21"/>
                  </a:cxn>
                  <a:cxn ang="0">
                    <a:pos x="299" y="53"/>
                  </a:cxn>
                  <a:cxn ang="0">
                    <a:pos x="351" y="82"/>
                  </a:cxn>
                  <a:cxn ang="0">
                    <a:pos x="377" y="126"/>
                  </a:cxn>
                  <a:cxn ang="0">
                    <a:pos x="420" y="163"/>
                  </a:cxn>
                  <a:cxn ang="0">
                    <a:pos x="450" y="170"/>
                  </a:cxn>
                  <a:cxn ang="0">
                    <a:pos x="473" y="196"/>
                  </a:cxn>
                  <a:cxn ang="0">
                    <a:pos x="503" y="209"/>
                  </a:cxn>
                  <a:cxn ang="0">
                    <a:pos x="533" y="233"/>
                  </a:cxn>
                  <a:cxn ang="0">
                    <a:pos x="583" y="264"/>
                  </a:cxn>
                  <a:cxn ang="0">
                    <a:pos x="653" y="299"/>
                  </a:cxn>
                  <a:cxn ang="0">
                    <a:pos x="673" y="334"/>
                  </a:cxn>
                  <a:cxn ang="0">
                    <a:pos x="622" y="347"/>
                  </a:cxn>
                  <a:cxn ang="0">
                    <a:pos x="592" y="368"/>
                  </a:cxn>
                  <a:cxn ang="0">
                    <a:pos x="530" y="368"/>
                  </a:cxn>
                  <a:cxn ang="0">
                    <a:pos x="525" y="386"/>
                  </a:cxn>
                  <a:cxn ang="0">
                    <a:pos x="561" y="460"/>
                  </a:cxn>
                  <a:cxn ang="0">
                    <a:pos x="503" y="482"/>
                  </a:cxn>
                  <a:cxn ang="0">
                    <a:pos x="483" y="498"/>
                  </a:cxn>
                  <a:cxn ang="0">
                    <a:pos x="459" y="485"/>
                  </a:cxn>
                  <a:cxn ang="0">
                    <a:pos x="438" y="439"/>
                  </a:cxn>
                  <a:cxn ang="0">
                    <a:pos x="432" y="424"/>
                  </a:cxn>
                  <a:cxn ang="0">
                    <a:pos x="413" y="437"/>
                  </a:cxn>
                  <a:cxn ang="0">
                    <a:pos x="347" y="540"/>
                  </a:cxn>
                  <a:cxn ang="0">
                    <a:pos x="298" y="634"/>
                  </a:cxn>
                  <a:cxn ang="0">
                    <a:pos x="320" y="675"/>
                  </a:cxn>
                  <a:cxn ang="0">
                    <a:pos x="321" y="720"/>
                  </a:cxn>
                </a:cxnLst>
                <a:rect l="0" t="0" r="r" b="b"/>
                <a:pathLst>
                  <a:path w="673" h="785">
                    <a:moveTo>
                      <a:pt x="311" y="785"/>
                    </a:moveTo>
                    <a:lnTo>
                      <a:pt x="301" y="783"/>
                    </a:lnTo>
                    <a:lnTo>
                      <a:pt x="290" y="781"/>
                    </a:lnTo>
                    <a:lnTo>
                      <a:pt x="277" y="777"/>
                    </a:lnTo>
                    <a:lnTo>
                      <a:pt x="267" y="773"/>
                    </a:lnTo>
                    <a:lnTo>
                      <a:pt x="257" y="770"/>
                    </a:lnTo>
                    <a:lnTo>
                      <a:pt x="250" y="764"/>
                    </a:lnTo>
                    <a:lnTo>
                      <a:pt x="244" y="759"/>
                    </a:lnTo>
                    <a:lnTo>
                      <a:pt x="239" y="753"/>
                    </a:lnTo>
                    <a:lnTo>
                      <a:pt x="233" y="746"/>
                    </a:lnTo>
                    <a:lnTo>
                      <a:pt x="231" y="740"/>
                    </a:lnTo>
                    <a:lnTo>
                      <a:pt x="223" y="726"/>
                    </a:lnTo>
                    <a:lnTo>
                      <a:pt x="217" y="711"/>
                    </a:lnTo>
                    <a:lnTo>
                      <a:pt x="213" y="705"/>
                    </a:lnTo>
                    <a:lnTo>
                      <a:pt x="207" y="698"/>
                    </a:lnTo>
                    <a:lnTo>
                      <a:pt x="201" y="692"/>
                    </a:lnTo>
                    <a:lnTo>
                      <a:pt x="193" y="687"/>
                    </a:lnTo>
                    <a:lnTo>
                      <a:pt x="183" y="679"/>
                    </a:lnTo>
                    <a:lnTo>
                      <a:pt x="176" y="672"/>
                    </a:lnTo>
                    <a:lnTo>
                      <a:pt x="172" y="666"/>
                    </a:lnTo>
                    <a:lnTo>
                      <a:pt x="170" y="661"/>
                    </a:lnTo>
                    <a:lnTo>
                      <a:pt x="166" y="647"/>
                    </a:lnTo>
                    <a:lnTo>
                      <a:pt x="157" y="628"/>
                    </a:lnTo>
                    <a:lnTo>
                      <a:pt x="152" y="622"/>
                    </a:lnTo>
                    <a:lnTo>
                      <a:pt x="141" y="615"/>
                    </a:lnTo>
                    <a:lnTo>
                      <a:pt x="128" y="609"/>
                    </a:lnTo>
                    <a:lnTo>
                      <a:pt x="113" y="601"/>
                    </a:lnTo>
                    <a:lnTo>
                      <a:pt x="97" y="593"/>
                    </a:lnTo>
                    <a:lnTo>
                      <a:pt x="82" y="586"/>
                    </a:lnTo>
                    <a:lnTo>
                      <a:pt x="69" y="578"/>
                    </a:lnTo>
                    <a:lnTo>
                      <a:pt x="58" y="571"/>
                    </a:lnTo>
                    <a:lnTo>
                      <a:pt x="57" y="569"/>
                    </a:lnTo>
                    <a:lnTo>
                      <a:pt x="57" y="568"/>
                    </a:lnTo>
                    <a:lnTo>
                      <a:pt x="57" y="565"/>
                    </a:lnTo>
                    <a:lnTo>
                      <a:pt x="60" y="564"/>
                    </a:lnTo>
                    <a:lnTo>
                      <a:pt x="65" y="560"/>
                    </a:lnTo>
                    <a:lnTo>
                      <a:pt x="74" y="556"/>
                    </a:lnTo>
                    <a:lnTo>
                      <a:pt x="91" y="549"/>
                    </a:lnTo>
                    <a:lnTo>
                      <a:pt x="101" y="547"/>
                    </a:lnTo>
                    <a:lnTo>
                      <a:pt x="109" y="540"/>
                    </a:lnTo>
                    <a:lnTo>
                      <a:pt x="114" y="535"/>
                    </a:lnTo>
                    <a:lnTo>
                      <a:pt x="115" y="531"/>
                    </a:lnTo>
                    <a:lnTo>
                      <a:pt x="114" y="527"/>
                    </a:lnTo>
                    <a:lnTo>
                      <a:pt x="108" y="517"/>
                    </a:lnTo>
                    <a:lnTo>
                      <a:pt x="101" y="503"/>
                    </a:lnTo>
                    <a:lnTo>
                      <a:pt x="96" y="501"/>
                    </a:lnTo>
                    <a:lnTo>
                      <a:pt x="92" y="503"/>
                    </a:lnTo>
                    <a:lnTo>
                      <a:pt x="88" y="504"/>
                    </a:lnTo>
                    <a:lnTo>
                      <a:pt x="84" y="507"/>
                    </a:lnTo>
                    <a:lnTo>
                      <a:pt x="78" y="514"/>
                    </a:lnTo>
                    <a:lnTo>
                      <a:pt x="73" y="523"/>
                    </a:lnTo>
                    <a:lnTo>
                      <a:pt x="68" y="533"/>
                    </a:lnTo>
                    <a:lnTo>
                      <a:pt x="61" y="542"/>
                    </a:lnTo>
                    <a:lnTo>
                      <a:pt x="57" y="544"/>
                    </a:lnTo>
                    <a:lnTo>
                      <a:pt x="55" y="547"/>
                    </a:lnTo>
                    <a:lnTo>
                      <a:pt x="49" y="549"/>
                    </a:lnTo>
                    <a:lnTo>
                      <a:pt x="46" y="549"/>
                    </a:lnTo>
                    <a:lnTo>
                      <a:pt x="35" y="548"/>
                    </a:lnTo>
                    <a:lnTo>
                      <a:pt x="26" y="545"/>
                    </a:lnTo>
                    <a:lnTo>
                      <a:pt x="20" y="540"/>
                    </a:lnTo>
                    <a:lnTo>
                      <a:pt x="13" y="535"/>
                    </a:lnTo>
                    <a:lnTo>
                      <a:pt x="16" y="505"/>
                    </a:lnTo>
                    <a:lnTo>
                      <a:pt x="0" y="456"/>
                    </a:lnTo>
                    <a:lnTo>
                      <a:pt x="38" y="443"/>
                    </a:lnTo>
                    <a:lnTo>
                      <a:pt x="42" y="429"/>
                    </a:lnTo>
                    <a:lnTo>
                      <a:pt x="44" y="416"/>
                    </a:lnTo>
                    <a:lnTo>
                      <a:pt x="43" y="403"/>
                    </a:lnTo>
                    <a:lnTo>
                      <a:pt x="40" y="391"/>
                    </a:lnTo>
                    <a:lnTo>
                      <a:pt x="36" y="380"/>
                    </a:lnTo>
                    <a:lnTo>
                      <a:pt x="29" y="369"/>
                    </a:lnTo>
                    <a:lnTo>
                      <a:pt x="25" y="364"/>
                    </a:lnTo>
                    <a:lnTo>
                      <a:pt x="20" y="360"/>
                    </a:lnTo>
                    <a:lnTo>
                      <a:pt x="14" y="356"/>
                    </a:lnTo>
                    <a:lnTo>
                      <a:pt x="8" y="352"/>
                    </a:lnTo>
                    <a:lnTo>
                      <a:pt x="8" y="333"/>
                    </a:lnTo>
                    <a:lnTo>
                      <a:pt x="9" y="314"/>
                    </a:lnTo>
                    <a:lnTo>
                      <a:pt x="12" y="293"/>
                    </a:lnTo>
                    <a:lnTo>
                      <a:pt x="14" y="275"/>
                    </a:lnTo>
                    <a:lnTo>
                      <a:pt x="18" y="261"/>
                    </a:lnTo>
                    <a:lnTo>
                      <a:pt x="22" y="251"/>
                    </a:lnTo>
                    <a:lnTo>
                      <a:pt x="26" y="249"/>
                    </a:lnTo>
                    <a:lnTo>
                      <a:pt x="29" y="246"/>
                    </a:lnTo>
                    <a:lnTo>
                      <a:pt x="33" y="244"/>
                    </a:lnTo>
                    <a:lnTo>
                      <a:pt x="35" y="242"/>
                    </a:lnTo>
                    <a:lnTo>
                      <a:pt x="55" y="241"/>
                    </a:lnTo>
                    <a:lnTo>
                      <a:pt x="79" y="241"/>
                    </a:lnTo>
                    <a:lnTo>
                      <a:pt x="79" y="240"/>
                    </a:lnTo>
                    <a:lnTo>
                      <a:pt x="81" y="240"/>
                    </a:lnTo>
                    <a:lnTo>
                      <a:pt x="81" y="229"/>
                    </a:lnTo>
                    <a:lnTo>
                      <a:pt x="78" y="220"/>
                    </a:lnTo>
                    <a:lnTo>
                      <a:pt x="75" y="209"/>
                    </a:lnTo>
                    <a:lnTo>
                      <a:pt x="74" y="198"/>
                    </a:lnTo>
                    <a:lnTo>
                      <a:pt x="74" y="192"/>
                    </a:lnTo>
                    <a:lnTo>
                      <a:pt x="75" y="188"/>
                    </a:lnTo>
                    <a:lnTo>
                      <a:pt x="77" y="184"/>
                    </a:lnTo>
                    <a:lnTo>
                      <a:pt x="79" y="180"/>
                    </a:lnTo>
                    <a:lnTo>
                      <a:pt x="83" y="174"/>
                    </a:lnTo>
                    <a:lnTo>
                      <a:pt x="88" y="166"/>
                    </a:lnTo>
                    <a:lnTo>
                      <a:pt x="92" y="150"/>
                    </a:lnTo>
                    <a:lnTo>
                      <a:pt x="93" y="134"/>
                    </a:lnTo>
                    <a:lnTo>
                      <a:pt x="96" y="126"/>
                    </a:lnTo>
                    <a:lnTo>
                      <a:pt x="99" y="118"/>
                    </a:lnTo>
                    <a:lnTo>
                      <a:pt x="101" y="115"/>
                    </a:lnTo>
                    <a:lnTo>
                      <a:pt x="105" y="112"/>
                    </a:lnTo>
                    <a:lnTo>
                      <a:pt x="109" y="109"/>
                    </a:lnTo>
                    <a:lnTo>
                      <a:pt x="113" y="106"/>
                    </a:lnTo>
                    <a:lnTo>
                      <a:pt x="123" y="101"/>
                    </a:lnTo>
                    <a:lnTo>
                      <a:pt x="134" y="93"/>
                    </a:lnTo>
                    <a:lnTo>
                      <a:pt x="139" y="92"/>
                    </a:lnTo>
                    <a:lnTo>
                      <a:pt x="144" y="91"/>
                    </a:lnTo>
                    <a:lnTo>
                      <a:pt x="150" y="92"/>
                    </a:lnTo>
                    <a:lnTo>
                      <a:pt x="158" y="96"/>
                    </a:lnTo>
                    <a:lnTo>
                      <a:pt x="166" y="102"/>
                    </a:lnTo>
                    <a:lnTo>
                      <a:pt x="170" y="109"/>
                    </a:lnTo>
                    <a:lnTo>
                      <a:pt x="172" y="114"/>
                    </a:lnTo>
                    <a:lnTo>
                      <a:pt x="174" y="118"/>
                    </a:lnTo>
                    <a:lnTo>
                      <a:pt x="175" y="119"/>
                    </a:lnTo>
                    <a:lnTo>
                      <a:pt x="176" y="119"/>
                    </a:lnTo>
                    <a:lnTo>
                      <a:pt x="179" y="119"/>
                    </a:lnTo>
                    <a:lnTo>
                      <a:pt x="182" y="119"/>
                    </a:lnTo>
                    <a:lnTo>
                      <a:pt x="191" y="115"/>
                    </a:lnTo>
                    <a:lnTo>
                      <a:pt x="205" y="108"/>
                    </a:lnTo>
                    <a:lnTo>
                      <a:pt x="209" y="105"/>
                    </a:lnTo>
                    <a:lnTo>
                      <a:pt x="210" y="101"/>
                    </a:lnTo>
                    <a:lnTo>
                      <a:pt x="211" y="99"/>
                    </a:lnTo>
                    <a:lnTo>
                      <a:pt x="211" y="95"/>
                    </a:lnTo>
                    <a:lnTo>
                      <a:pt x="207" y="86"/>
                    </a:lnTo>
                    <a:lnTo>
                      <a:pt x="202" y="77"/>
                    </a:lnTo>
                    <a:lnTo>
                      <a:pt x="185" y="58"/>
                    </a:lnTo>
                    <a:lnTo>
                      <a:pt x="172" y="45"/>
                    </a:lnTo>
                    <a:lnTo>
                      <a:pt x="165" y="14"/>
                    </a:lnTo>
                    <a:lnTo>
                      <a:pt x="191" y="0"/>
                    </a:lnTo>
                    <a:lnTo>
                      <a:pt x="214" y="16"/>
                    </a:lnTo>
                    <a:lnTo>
                      <a:pt x="271" y="10"/>
                    </a:lnTo>
                    <a:lnTo>
                      <a:pt x="274" y="21"/>
                    </a:lnTo>
                    <a:lnTo>
                      <a:pt x="277" y="29"/>
                    </a:lnTo>
                    <a:lnTo>
                      <a:pt x="281" y="36"/>
                    </a:lnTo>
                    <a:lnTo>
                      <a:pt x="286" y="43"/>
                    </a:lnTo>
                    <a:lnTo>
                      <a:pt x="293" y="48"/>
                    </a:lnTo>
                    <a:lnTo>
                      <a:pt x="299" y="53"/>
                    </a:lnTo>
                    <a:lnTo>
                      <a:pt x="307" y="57"/>
                    </a:lnTo>
                    <a:lnTo>
                      <a:pt x="315" y="61"/>
                    </a:lnTo>
                    <a:lnTo>
                      <a:pt x="331" y="67"/>
                    </a:lnTo>
                    <a:lnTo>
                      <a:pt x="345" y="77"/>
                    </a:lnTo>
                    <a:lnTo>
                      <a:pt x="351" y="82"/>
                    </a:lnTo>
                    <a:lnTo>
                      <a:pt x="358" y="88"/>
                    </a:lnTo>
                    <a:lnTo>
                      <a:pt x="363" y="95"/>
                    </a:lnTo>
                    <a:lnTo>
                      <a:pt x="367" y="104"/>
                    </a:lnTo>
                    <a:lnTo>
                      <a:pt x="371" y="115"/>
                    </a:lnTo>
                    <a:lnTo>
                      <a:pt x="377" y="126"/>
                    </a:lnTo>
                    <a:lnTo>
                      <a:pt x="385" y="137"/>
                    </a:lnTo>
                    <a:lnTo>
                      <a:pt x="393" y="147"/>
                    </a:lnTo>
                    <a:lnTo>
                      <a:pt x="403" y="154"/>
                    </a:lnTo>
                    <a:lnTo>
                      <a:pt x="415" y="161"/>
                    </a:lnTo>
                    <a:lnTo>
                      <a:pt x="420" y="163"/>
                    </a:lnTo>
                    <a:lnTo>
                      <a:pt x="426" y="166"/>
                    </a:lnTo>
                    <a:lnTo>
                      <a:pt x="433" y="167"/>
                    </a:lnTo>
                    <a:lnTo>
                      <a:pt x="441" y="167"/>
                    </a:lnTo>
                    <a:lnTo>
                      <a:pt x="446" y="169"/>
                    </a:lnTo>
                    <a:lnTo>
                      <a:pt x="450" y="170"/>
                    </a:lnTo>
                    <a:lnTo>
                      <a:pt x="454" y="172"/>
                    </a:lnTo>
                    <a:lnTo>
                      <a:pt x="457" y="175"/>
                    </a:lnTo>
                    <a:lnTo>
                      <a:pt x="463" y="181"/>
                    </a:lnTo>
                    <a:lnTo>
                      <a:pt x="467" y="189"/>
                    </a:lnTo>
                    <a:lnTo>
                      <a:pt x="473" y="196"/>
                    </a:lnTo>
                    <a:lnTo>
                      <a:pt x="480" y="202"/>
                    </a:lnTo>
                    <a:lnTo>
                      <a:pt x="485" y="205"/>
                    </a:lnTo>
                    <a:lnTo>
                      <a:pt x="490" y="207"/>
                    </a:lnTo>
                    <a:lnTo>
                      <a:pt x="495" y="209"/>
                    </a:lnTo>
                    <a:lnTo>
                      <a:pt x="503" y="209"/>
                    </a:lnTo>
                    <a:lnTo>
                      <a:pt x="511" y="210"/>
                    </a:lnTo>
                    <a:lnTo>
                      <a:pt x="517" y="213"/>
                    </a:lnTo>
                    <a:lnTo>
                      <a:pt x="522" y="216"/>
                    </a:lnTo>
                    <a:lnTo>
                      <a:pt x="526" y="222"/>
                    </a:lnTo>
                    <a:lnTo>
                      <a:pt x="533" y="233"/>
                    </a:lnTo>
                    <a:lnTo>
                      <a:pt x="539" y="245"/>
                    </a:lnTo>
                    <a:lnTo>
                      <a:pt x="547" y="251"/>
                    </a:lnTo>
                    <a:lnTo>
                      <a:pt x="556" y="257"/>
                    </a:lnTo>
                    <a:lnTo>
                      <a:pt x="569" y="261"/>
                    </a:lnTo>
                    <a:lnTo>
                      <a:pt x="583" y="264"/>
                    </a:lnTo>
                    <a:lnTo>
                      <a:pt x="612" y="272"/>
                    </a:lnTo>
                    <a:lnTo>
                      <a:pt x="635" y="281"/>
                    </a:lnTo>
                    <a:lnTo>
                      <a:pt x="643" y="286"/>
                    </a:lnTo>
                    <a:lnTo>
                      <a:pt x="649" y="293"/>
                    </a:lnTo>
                    <a:lnTo>
                      <a:pt x="653" y="299"/>
                    </a:lnTo>
                    <a:lnTo>
                      <a:pt x="657" y="306"/>
                    </a:lnTo>
                    <a:lnTo>
                      <a:pt x="661" y="314"/>
                    </a:lnTo>
                    <a:lnTo>
                      <a:pt x="663" y="320"/>
                    </a:lnTo>
                    <a:lnTo>
                      <a:pt x="667" y="328"/>
                    </a:lnTo>
                    <a:lnTo>
                      <a:pt x="673" y="334"/>
                    </a:lnTo>
                    <a:lnTo>
                      <a:pt x="660" y="337"/>
                    </a:lnTo>
                    <a:lnTo>
                      <a:pt x="643" y="340"/>
                    </a:lnTo>
                    <a:lnTo>
                      <a:pt x="635" y="342"/>
                    </a:lnTo>
                    <a:lnTo>
                      <a:pt x="628" y="345"/>
                    </a:lnTo>
                    <a:lnTo>
                      <a:pt x="622" y="347"/>
                    </a:lnTo>
                    <a:lnTo>
                      <a:pt x="618" y="351"/>
                    </a:lnTo>
                    <a:lnTo>
                      <a:pt x="613" y="360"/>
                    </a:lnTo>
                    <a:lnTo>
                      <a:pt x="610" y="365"/>
                    </a:lnTo>
                    <a:lnTo>
                      <a:pt x="604" y="368"/>
                    </a:lnTo>
                    <a:lnTo>
                      <a:pt x="592" y="368"/>
                    </a:lnTo>
                    <a:lnTo>
                      <a:pt x="574" y="367"/>
                    </a:lnTo>
                    <a:lnTo>
                      <a:pt x="547" y="365"/>
                    </a:lnTo>
                    <a:lnTo>
                      <a:pt x="540" y="365"/>
                    </a:lnTo>
                    <a:lnTo>
                      <a:pt x="535" y="367"/>
                    </a:lnTo>
                    <a:lnTo>
                      <a:pt x="530" y="368"/>
                    </a:lnTo>
                    <a:lnTo>
                      <a:pt x="526" y="371"/>
                    </a:lnTo>
                    <a:lnTo>
                      <a:pt x="524" y="373"/>
                    </a:lnTo>
                    <a:lnTo>
                      <a:pt x="522" y="377"/>
                    </a:lnTo>
                    <a:lnTo>
                      <a:pt x="522" y="381"/>
                    </a:lnTo>
                    <a:lnTo>
                      <a:pt x="525" y="386"/>
                    </a:lnTo>
                    <a:lnTo>
                      <a:pt x="540" y="398"/>
                    </a:lnTo>
                    <a:lnTo>
                      <a:pt x="556" y="408"/>
                    </a:lnTo>
                    <a:lnTo>
                      <a:pt x="561" y="424"/>
                    </a:lnTo>
                    <a:lnTo>
                      <a:pt x="566" y="439"/>
                    </a:lnTo>
                    <a:lnTo>
                      <a:pt x="561" y="460"/>
                    </a:lnTo>
                    <a:lnTo>
                      <a:pt x="546" y="465"/>
                    </a:lnTo>
                    <a:lnTo>
                      <a:pt x="526" y="470"/>
                    </a:lnTo>
                    <a:lnTo>
                      <a:pt x="517" y="473"/>
                    </a:lnTo>
                    <a:lnTo>
                      <a:pt x="509" y="478"/>
                    </a:lnTo>
                    <a:lnTo>
                      <a:pt x="503" y="482"/>
                    </a:lnTo>
                    <a:lnTo>
                      <a:pt x="498" y="488"/>
                    </a:lnTo>
                    <a:lnTo>
                      <a:pt x="494" y="492"/>
                    </a:lnTo>
                    <a:lnTo>
                      <a:pt x="491" y="495"/>
                    </a:lnTo>
                    <a:lnTo>
                      <a:pt x="487" y="496"/>
                    </a:lnTo>
                    <a:lnTo>
                      <a:pt x="483" y="498"/>
                    </a:lnTo>
                    <a:lnTo>
                      <a:pt x="478" y="496"/>
                    </a:lnTo>
                    <a:lnTo>
                      <a:pt x="474" y="495"/>
                    </a:lnTo>
                    <a:lnTo>
                      <a:pt x="470" y="494"/>
                    </a:lnTo>
                    <a:lnTo>
                      <a:pt x="467" y="491"/>
                    </a:lnTo>
                    <a:lnTo>
                      <a:pt x="459" y="485"/>
                    </a:lnTo>
                    <a:lnTo>
                      <a:pt x="452" y="477"/>
                    </a:lnTo>
                    <a:lnTo>
                      <a:pt x="447" y="469"/>
                    </a:lnTo>
                    <a:lnTo>
                      <a:pt x="443" y="463"/>
                    </a:lnTo>
                    <a:lnTo>
                      <a:pt x="442" y="454"/>
                    </a:lnTo>
                    <a:lnTo>
                      <a:pt x="438" y="439"/>
                    </a:lnTo>
                    <a:lnTo>
                      <a:pt x="437" y="431"/>
                    </a:lnTo>
                    <a:lnTo>
                      <a:pt x="434" y="426"/>
                    </a:lnTo>
                    <a:lnTo>
                      <a:pt x="433" y="425"/>
                    </a:lnTo>
                    <a:lnTo>
                      <a:pt x="433" y="424"/>
                    </a:lnTo>
                    <a:lnTo>
                      <a:pt x="432" y="424"/>
                    </a:lnTo>
                    <a:lnTo>
                      <a:pt x="432" y="425"/>
                    </a:lnTo>
                    <a:lnTo>
                      <a:pt x="428" y="426"/>
                    </a:lnTo>
                    <a:lnTo>
                      <a:pt x="423" y="429"/>
                    </a:lnTo>
                    <a:lnTo>
                      <a:pt x="419" y="431"/>
                    </a:lnTo>
                    <a:lnTo>
                      <a:pt x="413" y="437"/>
                    </a:lnTo>
                    <a:lnTo>
                      <a:pt x="403" y="448"/>
                    </a:lnTo>
                    <a:lnTo>
                      <a:pt x="391" y="463"/>
                    </a:lnTo>
                    <a:lnTo>
                      <a:pt x="373" y="491"/>
                    </a:lnTo>
                    <a:lnTo>
                      <a:pt x="362" y="511"/>
                    </a:lnTo>
                    <a:lnTo>
                      <a:pt x="347" y="540"/>
                    </a:lnTo>
                    <a:lnTo>
                      <a:pt x="329" y="582"/>
                    </a:lnTo>
                    <a:lnTo>
                      <a:pt x="318" y="602"/>
                    </a:lnTo>
                    <a:lnTo>
                      <a:pt x="307" y="621"/>
                    </a:lnTo>
                    <a:lnTo>
                      <a:pt x="303" y="627"/>
                    </a:lnTo>
                    <a:lnTo>
                      <a:pt x="298" y="634"/>
                    </a:lnTo>
                    <a:lnTo>
                      <a:pt x="293" y="639"/>
                    </a:lnTo>
                    <a:lnTo>
                      <a:pt x="289" y="641"/>
                    </a:lnTo>
                    <a:lnTo>
                      <a:pt x="302" y="654"/>
                    </a:lnTo>
                    <a:lnTo>
                      <a:pt x="318" y="670"/>
                    </a:lnTo>
                    <a:lnTo>
                      <a:pt x="320" y="675"/>
                    </a:lnTo>
                    <a:lnTo>
                      <a:pt x="323" y="683"/>
                    </a:lnTo>
                    <a:lnTo>
                      <a:pt x="323" y="692"/>
                    </a:lnTo>
                    <a:lnTo>
                      <a:pt x="323" y="702"/>
                    </a:lnTo>
                    <a:lnTo>
                      <a:pt x="323" y="711"/>
                    </a:lnTo>
                    <a:lnTo>
                      <a:pt x="321" y="720"/>
                    </a:lnTo>
                    <a:lnTo>
                      <a:pt x="319" y="728"/>
                    </a:lnTo>
                    <a:lnTo>
                      <a:pt x="316" y="735"/>
                    </a:lnTo>
                    <a:lnTo>
                      <a:pt x="311" y="785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09" name="Freeform 124">
                <a:extLst>
                  <a:ext uri="{FF2B5EF4-FFF2-40B4-BE49-F238E27FC236}">
                    <a16:creationId xmlns:a16="http://schemas.microsoft.com/office/drawing/2014/main" id="{9CAE7A8E-E239-EF43-8A50-102C6461CB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291670" y="5428076"/>
                <a:ext cx="306044" cy="355843"/>
              </a:xfrm>
              <a:custGeom>
                <a:avLst/>
                <a:gdLst/>
                <a:ahLst/>
                <a:cxnLst>
                  <a:cxn ang="0">
                    <a:pos x="267" y="773"/>
                  </a:cxn>
                  <a:cxn ang="0">
                    <a:pos x="233" y="746"/>
                  </a:cxn>
                  <a:cxn ang="0">
                    <a:pos x="207" y="698"/>
                  </a:cxn>
                  <a:cxn ang="0">
                    <a:pos x="172" y="666"/>
                  </a:cxn>
                  <a:cxn ang="0">
                    <a:pos x="141" y="615"/>
                  </a:cxn>
                  <a:cxn ang="0">
                    <a:pos x="69" y="578"/>
                  </a:cxn>
                  <a:cxn ang="0">
                    <a:pos x="60" y="564"/>
                  </a:cxn>
                  <a:cxn ang="0">
                    <a:pos x="109" y="540"/>
                  </a:cxn>
                  <a:cxn ang="0">
                    <a:pos x="101" y="503"/>
                  </a:cxn>
                  <a:cxn ang="0">
                    <a:pos x="78" y="514"/>
                  </a:cxn>
                  <a:cxn ang="0">
                    <a:pos x="55" y="547"/>
                  </a:cxn>
                  <a:cxn ang="0">
                    <a:pos x="20" y="540"/>
                  </a:cxn>
                  <a:cxn ang="0">
                    <a:pos x="0" y="456"/>
                  </a:cxn>
                  <a:cxn ang="0">
                    <a:pos x="40" y="391"/>
                  </a:cxn>
                  <a:cxn ang="0">
                    <a:pos x="14" y="356"/>
                  </a:cxn>
                  <a:cxn ang="0">
                    <a:pos x="14" y="275"/>
                  </a:cxn>
                  <a:cxn ang="0">
                    <a:pos x="33" y="244"/>
                  </a:cxn>
                  <a:cxn ang="0">
                    <a:pos x="81" y="240"/>
                  </a:cxn>
                  <a:cxn ang="0">
                    <a:pos x="74" y="192"/>
                  </a:cxn>
                  <a:cxn ang="0">
                    <a:pos x="88" y="166"/>
                  </a:cxn>
                  <a:cxn ang="0">
                    <a:pos x="101" y="115"/>
                  </a:cxn>
                  <a:cxn ang="0">
                    <a:pos x="134" y="93"/>
                  </a:cxn>
                  <a:cxn ang="0">
                    <a:pos x="166" y="102"/>
                  </a:cxn>
                  <a:cxn ang="0">
                    <a:pos x="176" y="119"/>
                  </a:cxn>
                  <a:cxn ang="0">
                    <a:pos x="209" y="105"/>
                  </a:cxn>
                  <a:cxn ang="0">
                    <a:pos x="202" y="77"/>
                  </a:cxn>
                  <a:cxn ang="0">
                    <a:pos x="214" y="16"/>
                  </a:cxn>
                  <a:cxn ang="0">
                    <a:pos x="281" y="36"/>
                  </a:cxn>
                  <a:cxn ang="0">
                    <a:pos x="315" y="61"/>
                  </a:cxn>
                  <a:cxn ang="0">
                    <a:pos x="363" y="95"/>
                  </a:cxn>
                  <a:cxn ang="0">
                    <a:pos x="393" y="147"/>
                  </a:cxn>
                  <a:cxn ang="0">
                    <a:pos x="433" y="167"/>
                  </a:cxn>
                  <a:cxn ang="0">
                    <a:pos x="457" y="175"/>
                  </a:cxn>
                  <a:cxn ang="0">
                    <a:pos x="485" y="205"/>
                  </a:cxn>
                  <a:cxn ang="0">
                    <a:pos x="517" y="213"/>
                  </a:cxn>
                  <a:cxn ang="0">
                    <a:pos x="547" y="251"/>
                  </a:cxn>
                  <a:cxn ang="0">
                    <a:pos x="635" y="281"/>
                  </a:cxn>
                  <a:cxn ang="0">
                    <a:pos x="661" y="314"/>
                  </a:cxn>
                  <a:cxn ang="0">
                    <a:pos x="660" y="337"/>
                  </a:cxn>
                  <a:cxn ang="0">
                    <a:pos x="618" y="351"/>
                  </a:cxn>
                  <a:cxn ang="0">
                    <a:pos x="574" y="367"/>
                  </a:cxn>
                  <a:cxn ang="0">
                    <a:pos x="526" y="371"/>
                  </a:cxn>
                  <a:cxn ang="0">
                    <a:pos x="540" y="398"/>
                  </a:cxn>
                  <a:cxn ang="0">
                    <a:pos x="561" y="460"/>
                  </a:cxn>
                  <a:cxn ang="0">
                    <a:pos x="503" y="482"/>
                  </a:cxn>
                  <a:cxn ang="0">
                    <a:pos x="483" y="498"/>
                  </a:cxn>
                  <a:cxn ang="0">
                    <a:pos x="459" y="485"/>
                  </a:cxn>
                  <a:cxn ang="0">
                    <a:pos x="438" y="439"/>
                  </a:cxn>
                  <a:cxn ang="0">
                    <a:pos x="432" y="424"/>
                  </a:cxn>
                  <a:cxn ang="0">
                    <a:pos x="413" y="437"/>
                  </a:cxn>
                  <a:cxn ang="0">
                    <a:pos x="347" y="540"/>
                  </a:cxn>
                  <a:cxn ang="0">
                    <a:pos x="298" y="634"/>
                  </a:cxn>
                  <a:cxn ang="0">
                    <a:pos x="320" y="675"/>
                  </a:cxn>
                  <a:cxn ang="0">
                    <a:pos x="321" y="720"/>
                  </a:cxn>
                </a:cxnLst>
                <a:rect l="0" t="0" r="r" b="b"/>
                <a:pathLst>
                  <a:path w="673" h="785">
                    <a:moveTo>
                      <a:pt x="311" y="785"/>
                    </a:moveTo>
                    <a:lnTo>
                      <a:pt x="301" y="783"/>
                    </a:lnTo>
                    <a:lnTo>
                      <a:pt x="290" y="781"/>
                    </a:lnTo>
                    <a:lnTo>
                      <a:pt x="277" y="777"/>
                    </a:lnTo>
                    <a:lnTo>
                      <a:pt x="267" y="773"/>
                    </a:lnTo>
                    <a:lnTo>
                      <a:pt x="257" y="770"/>
                    </a:lnTo>
                    <a:lnTo>
                      <a:pt x="250" y="764"/>
                    </a:lnTo>
                    <a:lnTo>
                      <a:pt x="244" y="759"/>
                    </a:lnTo>
                    <a:lnTo>
                      <a:pt x="239" y="753"/>
                    </a:lnTo>
                    <a:lnTo>
                      <a:pt x="233" y="746"/>
                    </a:lnTo>
                    <a:lnTo>
                      <a:pt x="231" y="740"/>
                    </a:lnTo>
                    <a:lnTo>
                      <a:pt x="223" y="726"/>
                    </a:lnTo>
                    <a:lnTo>
                      <a:pt x="217" y="711"/>
                    </a:lnTo>
                    <a:lnTo>
                      <a:pt x="213" y="705"/>
                    </a:lnTo>
                    <a:lnTo>
                      <a:pt x="207" y="698"/>
                    </a:lnTo>
                    <a:lnTo>
                      <a:pt x="201" y="692"/>
                    </a:lnTo>
                    <a:lnTo>
                      <a:pt x="193" y="687"/>
                    </a:lnTo>
                    <a:lnTo>
                      <a:pt x="183" y="679"/>
                    </a:lnTo>
                    <a:lnTo>
                      <a:pt x="176" y="672"/>
                    </a:lnTo>
                    <a:lnTo>
                      <a:pt x="172" y="666"/>
                    </a:lnTo>
                    <a:lnTo>
                      <a:pt x="170" y="661"/>
                    </a:lnTo>
                    <a:lnTo>
                      <a:pt x="166" y="647"/>
                    </a:lnTo>
                    <a:lnTo>
                      <a:pt x="157" y="628"/>
                    </a:lnTo>
                    <a:lnTo>
                      <a:pt x="152" y="622"/>
                    </a:lnTo>
                    <a:lnTo>
                      <a:pt x="141" y="615"/>
                    </a:lnTo>
                    <a:lnTo>
                      <a:pt x="128" y="609"/>
                    </a:lnTo>
                    <a:lnTo>
                      <a:pt x="113" y="601"/>
                    </a:lnTo>
                    <a:lnTo>
                      <a:pt x="97" y="593"/>
                    </a:lnTo>
                    <a:lnTo>
                      <a:pt x="82" y="586"/>
                    </a:lnTo>
                    <a:lnTo>
                      <a:pt x="69" y="578"/>
                    </a:lnTo>
                    <a:lnTo>
                      <a:pt x="58" y="571"/>
                    </a:lnTo>
                    <a:lnTo>
                      <a:pt x="57" y="569"/>
                    </a:lnTo>
                    <a:lnTo>
                      <a:pt x="57" y="568"/>
                    </a:lnTo>
                    <a:lnTo>
                      <a:pt x="57" y="565"/>
                    </a:lnTo>
                    <a:lnTo>
                      <a:pt x="60" y="564"/>
                    </a:lnTo>
                    <a:lnTo>
                      <a:pt x="65" y="560"/>
                    </a:lnTo>
                    <a:lnTo>
                      <a:pt x="74" y="556"/>
                    </a:lnTo>
                    <a:lnTo>
                      <a:pt x="91" y="549"/>
                    </a:lnTo>
                    <a:lnTo>
                      <a:pt x="101" y="547"/>
                    </a:lnTo>
                    <a:lnTo>
                      <a:pt x="109" y="540"/>
                    </a:lnTo>
                    <a:lnTo>
                      <a:pt x="114" y="535"/>
                    </a:lnTo>
                    <a:lnTo>
                      <a:pt x="115" y="531"/>
                    </a:lnTo>
                    <a:lnTo>
                      <a:pt x="114" y="527"/>
                    </a:lnTo>
                    <a:lnTo>
                      <a:pt x="108" y="517"/>
                    </a:lnTo>
                    <a:lnTo>
                      <a:pt x="101" y="503"/>
                    </a:lnTo>
                    <a:lnTo>
                      <a:pt x="96" y="501"/>
                    </a:lnTo>
                    <a:lnTo>
                      <a:pt x="92" y="503"/>
                    </a:lnTo>
                    <a:lnTo>
                      <a:pt x="88" y="504"/>
                    </a:lnTo>
                    <a:lnTo>
                      <a:pt x="84" y="507"/>
                    </a:lnTo>
                    <a:lnTo>
                      <a:pt x="78" y="514"/>
                    </a:lnTo>
                    <a:lnTo>
                      <a:pt x="73" y="523"/>
                    </a:lnTo>
                    <a:lnTo>
                      <a:pt x="68" y="533"/>
                    </a:lnTo>
                    <a:lnTo>
                      <a:pt x="61" y="542"/>
                    </a:lnTo>
                    <a:lnTo>
                      <a:pt x="57" y="544"/>
                    </a:lnTo>
                    <a:lnTo>
                      <a:pt x="55" y="547"/>
                    </a:lnTo>
                    <a:lnTo>
                      <a:pt x="49" y="549"/>
                    </a:lnTo>
                    <a:lnTo>
                      <a:pt x="46" y="549"/>
                    </a:lnTo>
                    <a:lnTo>
                      <a:pt x="35" y="548"/>
                    </a:lnTo>
                    <a:lnTo>
                      <a:pt x="26" y="545"/>
                    </a:lnTo>
                    <a:lnTo>
                      <a:pt x="20" y="540"/>
                    </a:lnTo>
                    <a:lnTo>
                      <a:pt x="13" y="535"/>
                    </a:lnTo>
                    <a:lnTo>
                      <a:pt x="13" y="535"/>
                    </a:lnTo>
                    <a:lnTo>
                      <a:pt x="16" y="505"/>
                    </a:lnTo>
                    <a:lnTo>
                      <a:pt x="0" y="456"/>
                    </a:lnTo>
                    <a:lnTo>
                      <a:pt x="0" y="456"/>
                    </a:lnTo>
                    <a:lnTo>
                      <a:pt x="38" y="443"/>
                    </a:lnTo>
                    <a:lnTo>
                      <a:pt x="42" y="429"/>
                    </a:lnTo>
                    <a:lnTo>
                      <a:pt x="44" y="416"/>
                    </a:lnTo>
                    <a:lnTo>
                      <a:pt x="43" y="403"/>
                    </a:lnTo>
                    <a:lnTo>
                      <a:pt x="40" y="391"/>
                    </a:lnTo>
                    <a:lnTo>
                      <a:pt x="36" y="380"/>
                    </a:lnTo>
                    <a:lnTo>
                      <a:pt x="29" y="369"/>
                    </a:lnTo>
                    <a:lnTo>
                      <a:pt x="25" y="364"/>
                    </a:lnTo>
                    <a:lnTo>
                      <a:pt x="20" y="360"/>
                    </a:lnTo>
                    <a:lnTo>
                      <a:pt x="14" y="356"/>
                    </a:lnTo>
                    <a:lnTo>
                      <a:pt x="8" y="352"/>
                    </a:lnTo>
                    <a:lnTo>
                      <a:pt x="8" y="333"/>
                    </a:lnTo>
                    <a:lnTo>
                      <a:pt x="9" y="314"/>
                    </a:lnTo>
                    <a:lnTo>
                      <a:pt x="12" y="293"/>
                    </a:lnTo>
                    <a:lnTo>
                      <a:pt x="14" y="275"/>
                    </a:lnTo>
                    <a:lnTo>
                      <a:pt x="18" y="261"/>
                    </a:lnTo>
                    <a:lnTo>
                      <a:pt x="22" y="251"/>
                    </a:lnTo>
                    <a:lnTo>
                      <a:pt x="26" y="249"/>
                    </a:lnTo>
                    <a:lnTo>
                      <a:pt x="29" y="246"/>
                    </a:lnTo>
                    <a:lnTo>
                      <a:pt x="33" y="244"/>
                    </a:lnTo>
                    <a:lnTo>
                      <a:pt x="35" y="242"/>
                    </a:lnTo>
                    <a:lnTo>
                      <a:pt x="55" y="241"/>
                    </a:lnTo>
                    <a:lnTo>
                      <a:pt x="79" y="241"/>
                    </a:lnTo>
                    <a:lnTo>
                      <a:pt x="79" y="240"/>
                    </a:lnTo>
                    <a:lnTo>
                      <a:pt x="81" y="240"/>
                    </a:lnTo>
                    <a:lnTo>
                      <a:pt x="81" y="229"/>
                    </a:lnTo>
                    <a:lnTo>
                      <a:pt x="78" y="220"/>
                    </a:lnTo>
                    <a:lnTo>
                      <a:pt x="75" y="209"/>
                    </a:lnTo>
                    <a:lnTo>
                      <a:pt x="74" y="198"/>
                    </a:lnTo>
                    <a:lnTo>
                      <a:pt x="74" y="192"/>
                    </a:lnTo>
                    <a:lnTo>
                      <a:pt x="75" y="188"/>
                    </a:lnTo>
                    <a:lnTo>
                      <a:pt x="77" y="184"/>
                    </a:lnTo>
                    <a:lnTo>
                      <a:pt x="79" y="180"/>
                    </a:lnTo>
                    <a:lnTo>
                      <a:pt x="83" y="174"/>
                    </a:lnTo>
                    <a:lnTo>
                      <a:pt x="88" y="166"/>
                    </a:lnTo>
                    <a:lnTo>
                      <a:pt x="92" y="150"/>
                    </a:lnTo>
                    <a:lnTo>
                      <a:pt x="93" y="134"/>
                    </a:lnTo>
                    <a:lnTo>
                      <a:pt x="96" y="126"/>
                    </a:lnTo>
                    <a:lnTo>
                      <a:pt x="99" y="118"/>
                    </a:lnTo>
                    <a:lnTo>
                      <a:pt x="101" y="115"/>
                    </a:lnTo>
                    <a:lnTo>
                      <a:pt x="105" y="112"/>
                    </a:lnTo>
                    <a:lnTo>
                      <a:pt x="109" y="109"/>
                    </a:lnTo>
                    <a:lnTo>
                      <a:pt x="113" y="106"/>
                    </a:lnTo>
                    <a:lnTo>
                      <a:pt x="123" y="101"/>
                    </a:lnTo>
                    <a:lnTo>
                      <a:pt x="134" y="93"/>
                    </a:lnTo>
                    <a:lnTo>
                      <a:pt x="139" y="92"/>
                    </a:lnTo>
                    <a:lnTo>
                      <a:pt x="144" y="91"/>
                    </a:lnTo>
                    <a:lnTo>
                      <a:pt x="150" y="92"/>
                    </a:lnTo>
                    <a:lnTo>
                      <a:pt x="158" y="96"/>
                    </a:lnTo>
                    <a:lnTo>
                      <a:pt x="166" y="102"/>
                    </a:lnTo>
                    <a:lnTo>
                      <a:pt x="170" y="109"/>
                    </a:lnTo>
                    <a:lnTo>
                      <a:pt x="172" y="114"/>
                    </a:lnTo>
                    <a:lnTo>
                      <a:pt x="174" y="118"/>
                    </a:lnTo>
                    <a:lnTo>
                      <a:pt x="175" y="119"/>
                    </a:lnTo>
                    <a:lnTo>
                      <a:pt x="176" y="119"/>
                    </a:lnTo>
                    <a:lnTo>
                      <a:pt x="179" y="119"/>
                    </a:lnTo>
                    <a:lnTo>
                      <a:pt x="182" y="119"/>
                    </a:lnTo>
                    <a:lnTo>
                      <a:pt x="191" y="115"/>
                    </a:lnTo>
                    <a:lnTo>
                      <a:pt x="205" y="108"/>
                    </a:lnTo>
                    <a:lnTo>
                      <a:pt x="209" y="105"/>
                    </a:lnTo>
                    <a:lnTo>
                      <a:pt x="210" y="101"/>
                    </a:lnTo>
                    <a:lnTo>
                      <a:pt x="211" y="99"/>
                    </a:lnTo>
                    <a:lnTo>
                      <a:pt x="211" y="95"/>
                    </a:lnTo>
                    <a:lnTo>
                      <a:pt x="207" y="86"/>
                    </a:lnTo>
                    <a:lnTo>
                      <a:pt x="202" y="77"/>
                    </a:lnTo>
                    <a:lnTo>
                      <a:pt x="185" y="58"/>
                    </a:lnTo>
                    <a:lnTo>
                      <a:pt x="172" y="45"/>
                    </a:lnTo>
                    <a:lnTo>
                      <a:pt x="165" y="14"/>
                    </a:lnTo>
                    <a:lnTo>
                      <a:pt x="191" y="0"/>
                    </a:lnTo>
                    <a:lnTo>
                      <a:pt x="214" y="16"/>
                    </a:lnTo>
                    <a:lnTo>
                      <a:pt x="271" y="10"/>
                    </a:lnTo>
                    <a:lnTo>
                      <a:pt x="271" y="10"/>
                    </a:lnTo>
                    <a:lnTo>
                      <a:pt x="274" y="21"/>
                    </a:lnTo>
                    <a:lnTo>
                      <a:pt x="277" y="29"/>
                    </a:lnTo>
                    <a:lnTo>
                      <a:pt x="281" y="36"/>
                    </a:lnTo>
                    <a:lnTo>
                      <a:pt x="286" y="43"/>
                    </a:lnTo>
                    <a:lnTo>
                      <a:pt x="293" y="48"/>
                    </a:lnTo>
                    <a:lnTo>
                      <a:pt x="299" y="53"/>
                    </a:lnTo>
                    <a:lnTo>
                      <a:pt x="307" y="57"/>
                    </a:lnTo>
                    <a:lnTo>
                      <a:pt x="315" y="61"/>
                    </a:lnTo>
                    <a:lnTo>
                      <a:pt x="331" y="67"/>
                    </a:lnTo>
                    <a:lnTo>
                      <a:pt x="345" y="77"/>
                    </a:lnTo>
                    <a:lnTo>
                      <a:pt x="351" y="82"/>
                    </a:lnTo>
                    <a:lnTo>
                      <a:pt x="358" y="88"/>
                    </a:lnTo>
                    <a:lnTo>
                      <a:pt x="363" y="95"/>
                    </a:lnTo>
                    <a:lnTo>
                      <a:pt x="367" y="104"/>
                    </a:lnTo>
                    <a:lnTo>
                      <a:pt x="371" y="115"/>
                    </a:lnTo>
                    <a:lnTo>
                      <a:pt x="377" y="126"/>
                    </a:lnTo>
                    <a:lnTo>
                      <a:pt x="385" y="137"/>
                    </a:lnTo>
                    <a:lnTo>
                      <a:pt x="393" y="147"/>
                    </a:lnTo>
                    <a:lnTo>
                      <a:pt x="403" y="154"/>
                    </a:lnTo>
                    <a:lnTo>
                      <a:pt x="415" y="161"/>
                    </a:lnTo>
                    <a:lnTo>
                      <a:pt x="420" y="163"/>
                    </a:lnTo>
                    <a:lnTo>
                      <a:pt x="426" y="166"/>
                    </a:lnTo>
                    <a:lnTo>
                      <a:pt x="433" y="167"/>
                    </a:lnTo>
                    <a:lnTo>
                      <a:pt x="441" y="167"/>
                    </a:lnTo>
                    <a:lnTo>
                      <a:pt x="446" y="169"/>
                    </a:lnTo>
                    <a:lnTo>
                      <a:pt x="450" y="170"/>
                    </a:lnTo>
                    <a:lnTo>
                      <a:pt x="454" y="172"/>
                    </a:lnTo>
                    <a:lnTo>
                      <a:pt x="457" y="175"/>
                    </a:lnTo>
                    <a:lnTo>
                      <a:pt x="463" y="181"/>
                    </a:lnTo>
                    <a:lnTo>
                      <a:pt x="467" y="189"/>
                    </a:lnTo>
                    <a:lnTo>
                      <a:pt x="473" y="196"/>
                    </a:lnTo>
                    <a:lnTo>
                      <a:pt x="480" y="202"/>
                    </a:lnTo>
                    <a:lnTo>
                      <a:pt x="485" y="205"/>
                    </a:lnTo>
                    <a:lnTo>
                      <a:pt x="490" y="207"/>
                    </a:lnTo>
                    <a:lnTo>
                      <a:pt x="495" y="209"/>
                    </a:lnTo>
                    <a:lnTo>
                      <a:pt x="503" y="209"/>
                    </a:lnTo>
                    <a:lnTo>
                      <a:pt x="511" y="210"/>
                    </a:lnTo>
                    <a:lnTo>
                      <a:pt x="517" y="213"/>
                    </a:lnTo>
                    <a:lnTo>
                      <a:pt x="522" y="216"/>
                    </a:lnTo>
                    <a:lnTo>
                      <a:pt x="526" y="222"/>
                    </a:lnTo>
                    <a:lnTo>
                      <a:pt x="533" y="233"/>
                    </a:lnTo>
                    <a:lnTo>
                      <a:pt x="539" y="245"/>
                    </a:lnTo>
                    <a:lnTo>
                      <a:pt x="547" y="251"/>
                    </a:lnTo>
                    <a:lnTo>
                      <a:pt x="556" y="257"/>
                    </a:lnTo>
                    <a:lnTo>
                      <a:pt x="569" y="261"/>
                    </a:lnTo>
                    <a:lnTo>
                      <a:pt x="583" y="264"/>
                    </a:lnTo>
                    <a:lnTo>
                      <a:pt x="612" y="272"/>
                    </a:lnTo>
                    <a:lnTo>
                      <a:pt x="635" y="281"/>
                    </a:lnTo>
                    <a:lnTo>
                      <a:pt x="643" y="286"/>
                    </a:lnTo>
                    <a:lnTo>
                      <a:pt x="649" y="293"/>
                    </a:lnTo>
                    <a:lnTo>
                      <a:pt x="653" y="299"/>
                    </a:lnTo>
                    <a:lnTo>
                      <a:pt x="657" y="306"/>
                    </a:lnTo>
                    <a:lnTo>
                      <a:pt x="661" y="314"/>
                    </a:lnTo>
                    <a:lnTo>
                      <a:pt x="663" y="320"/>
                    </a:lnTo>
                    <a:lnTo>
                      <a:pt x="667" y="328"/>
                    </a:lnTo>
                    <a:lnTo>
                      <a:pt x="673" y="334"/>
                    </a:lnTo>
                    <a:lnTo>
                      <a:pt x="673" y="334"/>
                    </a:lnTo>
                    <a:lnTo>
                      <a:pt x="660" y="337"/>
                    </a:lnTo>
                    <a:lnTo>
                      <a:pt x="643" y="340"/>
                    </a:lnTo>
                    <a:lnTo>
                      <a:pt x="635" y="342"/>
                    </a:lnTo>
                    <a:lnTo>
                      <a:pt x="628" y="345"/>
                    </a:lnTo>
                    <a:lnTo>
                      <a:pt x="622" y="347"/>
                    </a:lnTo>
                    <a:lnTo>
                      <a:pt x="618" y="351"/>
                    </a:lnTo>
                    <a:lnTo>
                      <a:pt x="613" y="360"/>
                    </a:lnTo>
                    <a:lnTo>
                      <a:pt x="610" y="365"/>
                    </a:lnTo>
                    <a:lnTo>
                      <a:pt x="604" y="368"/>
                    </a:lnTo>
                    <a:lnTo>
                      <a:pt x="592" y="368"/>
                    </a:lnTo>
                    <a:lnTo>
                      <a:pt x="574" y="367"/>
                    </a:lnTo>
                    <a:lnTo>
                      <a:pt x="547" y="365"/>
                    </a:lnTo>
                    <a:lnTo>
                      <a:pt x="540" y="365"/>
                    </a:lnTo>
                    <a:lnTo>
                      <a:pt x="535" y="367"/>
                    </a:lnTo>
                    <a:lnTo>
                      <a:pt x="530" y="368"/>
                    </a:lnTo>
                    <a:lnTo>
                      <a:pt x="526" y="371"/>
                    </a:lnTo>
                    <a:lnTo>
                      <a:pt x="524" y="373"/>
                    </a:lnTo>
                    <a:lnTo>
                      <a:pt x="522" y="377"/>
                    </a:lnTo>
                    <a:lnTo>
                      <a:pt x="522" y="381"/>
                    </a:lnTo>
                    <a:lnTo>
                      <a:pt x="525" y="386"/>
                    </a:lnTo>
                    <a:lnTo>
                      <a:pt x="540" y="398"/>
                    </a:lnTo>
                    <a:lnTo>
                      <a:pt x="556" y="408"/>
                    </a:lnTo>
                    <a:lnTo>
                      <a:pt x="561" y="424"/>
                    </a:lnTo>
                    <a:lnTo>
                      <a:pt x="566" y="439"/>
                    </a:lnTo>
                    <a:lnTo>
                      <a:pt x="561" y="460"/>
                    </a:lnTo>
                    <a:lnTo>
                      <a:pt x="561" y="460"/>
                    </a:lnTo>
                    <a:lnTo>
                      <a:pt x="546" y="465"/>
                    </a:lnTo>
                    <a:lnTo>
                      <a:pt x="526" y="470"/>
                    </a:lnTo>
                    <a:lnTo>
                      <a:pt x="517" y="473"/>
                    </a:lnTo>
                    <a:lnTo>
                      <a:pt x="509" y="478"/>
                    </a:lnTo>
                    <a:lnTo>
                      <a:pt x="503" y="482"/>
                    </a:lnTo>
                    <a:lnTo>
                      <a:pt x="498" y="488"/>
                    </a:lnTo>
                    <a:lnTo>
                      <a:pt x="494" y="492"/>
                    </a:lnTo>
                    <a:lnTo>
                      <a:pt x="491" y="495"/>
                    </a:lnTo>
                    <a:lnTo>
                      <a:pt x="487" y="496"/>
                    </a:lnTo>
                    <a:lnTo>
                      <a:pt x="483" y="498"/>
                    </a:lnTo>
                    <a:lnTo>
                      <a:pt x="478" y="496"/>
                    </a:lnTo>
                    <a:lnTo>
                      <a:pt x="474" y="495"/>
                    </a:lnTo>
                    <a:lnTo>
                      <a:pt x="470" y="494"/>
                    </a:lnTo>
                    <a:lnTo>
                      <a:pt x="467" y="491"/>
                    </a:lnTo>
                    <a:lnTo>
                      <a:pt x="459" y="485"/>
                    </a:lnTo>
                    <a:lnTo>
                      <a:pt x="452" y="477"/>
                    </a:lnTo>
                    <a:lnTo>
                      <a:pt x="447" y="469"/>
                    </a:lnTo>
                    <a:lnTo>
                      <a:pt x="443" y="463"/>
                    </a:lnTo>
                    <a:lnTo>
                      <a:pt x="442" y="454"/>
                    </a:lnTo>
                    <a:lnTo>
                      <a:pt x="438" y="439"/>
                    </a:lnTo>
                    <a:lnTo>
                      <a:pt x="437" y="431"/>
                    </a:lnTo>
                    <a:lnTo>
                      <a:pt x="434" y="426"/>
                    </a:lnTo>
                    <a:lnTo>
                      <a:pt x="433" y="425"/>
                    </a:lnTo>
                    <a:lnTo>
                      <a:pt x="433" y="424"/>
                    </a:lnTo>
                    <a:lnTo>
                      <a:pt x="432" y="424"/>
                    </a:lnTo>
                    <a:lnTo>
                      <a:pt x="432" y="425"/>
                    </a:lnTo>
                    <a:lnTo>
                      <a:pt x="428" y="426"/>
                    </a:lnTo>
                    <a:lnTo>
                      <a:pt x="423" y="429"/>
                    </a:lnTo>
                    <a:lnTo>
                      <a:pt x="419" y="431"/>
                    </a:lnTo>
                    <a:lnTo>
                      <a:pt x="413" y="437"/>
                    </a:lnTo>
                    <a:lnTo>
                      <a:pt x="403" y="448"/>
                    </a:lnTo>
                    <a:lnTo>
                      <a:pt x="391" y="463"/>
                    </a:lnTo>
                    <a:lnTo>
                      <a:pt x="373" y="491"/>
                    </a:lnTo>
                    <a:lnTo>
                      <a:pt x="362" y="511"/>
                    </a:lnTo>
                    <a:lnTo>
                      <a:pt x="347" y="540"/>
                    </a:lnTo>
                    <a:lnTo>
                      <a:pt x="329" y="582"/>
                    </a:lnTo>
                    <a:lnTo>
                      <a:pt x="318" y="602"/>
                    </a:lnTo>
                    <a:lnTo>
                      <a:pt x="307" y="621"/>
                    </a:lnTo>
                    <a:lnTo>
                      <a:pt x="303" y="627"/>
                    </a:lnTo>
                    <a:lnTo>
                      <a:pt x="298" y="634"/>
                    </a:lnTo>
                    <a:lnTo>
                      <a:pt x="293" y="639"/>
                    </a:lnTo>
                    <a:lnTo>
                      <a:pt x="289" y="641"/>
                    </a:lnTo>
                    <a:lnTo>
                      <a:pt x="302" y="654"/>
                    </a:lnTo>
                    <a:lnTo>
                      <a:pt x="318" y="670"/>
                    </a:lnTo>
                    <a:lnTo>
                      <a:pt x="320" y="675"/>
                    </a:lnTo>
                    <a:lnTo>
                      <a:pt x="323" y="683"/>
                    </a:lnTo>
                    <a:lnTo>
                      <a:pt x="323" y="692"/>
                    </a:lnTo>
                    <a:lnTo>
                      <a:pt x="323" y="702"/>
                    </a:lnTo>
                    <a:lnTo>
                      <a:pt x="323" y="711"/>
                    </a:lnTo>
                    <a:lnTo>
                      <a:pt x="321" y="720"/>
                    </a:lnTo>
                    <a:lnTo>
                      <a:pt x="319" y="728"/>
                    </a:lnTo>
                    <a:lnTo>
                      <a:pt x="316" y="735"/>
                    </a:lnTo>
                    <a:lnTo>
                      <a:pt x="311" y="785"/>
                    </a:lnTo>
                    <a:lnTo>
                      <a:pt x="311" y="785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0" name="Freeform 125">
                <a:extLst>
                  <a:ext uri="{FF2B5EF4-FFF2-40B4-BE49-F238E27FC236}">
                    <a16:creationId xmlns:a16="http://schemas.microsoft.com/office/drawing/2014/main" id="{22F8D99E-1CC8-FA40-AB05-07DA1367FF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87255" y="5066815"/>
                <a:ext cx="573833" cy="567180"/>
              </a:xfrm>
              <a:custGeom>
                <a:avLst/>
                <a:gdLst/>
                <a:ahLst/>
                <a:cxnLst>
                  <a:cxn ang="0">
                    <a:pos x="723" y="1142"/>
                  </a:cxn>
                  <a:cxn ang="0">
                    <a:pos x="819" y="1221"/>
                  </a:cxn>
                  <a:cxn ang="0">
                    <a:pos x="861" y="1233"/>
                  </a:cxn>
                  <a:cxn ang="0">
                    <a:pos x="933" y="1216"/>
                  </a:cxn>
                  <a:cxn ang="0">
                    <a:pos x="909" y="1160"/>
                  </a:cxn>
                  <a:cxn ang="0">
                    <a:pos x="903" y="1075"/>
                  </a:cxn>
                  <a:cxn ang="0">
                    <a:pos x="924" y="1042"/>
                  </a:cxn>
                  <a:cxn ang="0">
                    <a:pos x="967" y="1020"/>
                  </a:cxn>
                  <a:cxn ang="0">
                    <a:pos x="968" y="980"/>
                  </a:cxn>
                  <a:cxn ang="0">
                    <a:pos x="988" y="918"/>
                  </a:cxn>
                  <a:cxn ang="0">
                    <a:pos x="1023" y="893"/>
                  </a:cxn>
                  <a:cxn ang="0">
                    <a:pos x="1059" y="909"/>
                  </a:cxn>
                  <a:cxn ang="0">
                    <a:pos x="1071" y="919"/>
                  </a:cxn>
                  <a:cxn ang="0">
                    <a:pos x="1100" y="895"/>
                  </a:cxn>
                  <a:cxn ang="0">
                    <a:pos x="1080" y="800"/>
                  </a:cxn>
                  <a:cxn ang="0">
                    <a:pos x="1244" y="763"/>
                  </a:cxn>
                  <a:cxn ang="0">
                    <a:pos x="1213" y="696"/>
                  </a:cxn>
                  <a:cxn ang="0">
                    <a:pos x="1179" y="637"/>
                  </a:cxn>
                  <a:cxn ang="0">
                    <a:pos x="1244" y="619"/>
                  </a:cxn>
                  <a:cxn ang="0">
                    <a:pos x="1260" y="603"/>
                  </a:cxn>
                  <a:cxn ang="0">
                    <a:pos x="1220" y="548"/>
                  </a:cxn>
                  <a:cxn ang="0">
                    <a:pos x="1147" y="471"/>
                  </a:cxn>
                  <a:cxn ang="0">
                    <a:pos x="1129" y="402"/>
                  </a:cxn>
                  <a:cxn ang="0">
                    <a:pos x="1152" y="327"/>
                  </a:cxn>
                  <a:cxn ang="0">
                    <a:pos x="1146" y="182"/>
                  </a:cxn>
                  <a:cxn ang="0">
                    <a:pos x="1060" y="168"/>
                  </a:cxn>
                  <a:cxn ang="0">
                    <a:pos x="1036" y="111"/>
                  </a:cxn>
                  <a:cxn ang="0">
                    <a:pos x="1014" y="66"/>
                  </a:cxn>
                  <a:cxn ang="0">
                    <a:pos x="885" y="68"/>
                  </a:cxn>
                  <a:cxn ang="0">
                    <a:pos x="817" y="57"/>
                  </a:cxn>
                  <a:cxn ang="0">
                    <a:pos x="752" y="60"/>
                  </a:cxn>
                  <a:cxn ang="0">
                    <a:pos x="672" y="58"/>
                  </a:cxn>
                  <a:cxn ang="0">
                    <a:pos x="608" y="51"/>
                  </a:cxn>
                  <a:cxn ang="0">
                    <a:pos x="559" y="40"/>
                  </a:cxn>
                  <a:cxn ang="0">
                    <a:pos x="438" y="2"/>
                  </a:cxn>
                  <a:cxn ang="0">
                    <a:pos x="363" y="5"/>
                  </a:cxn>
                  <a:cxn ang="0">
                    <a:pos x="288" y="45"/>
                  </a:cxn>
                  <a:cxn ang="0">
                    <a:pos x="208" y="103"/>
                  </a:cxn>
                  <a:cxn ang="0">
                    <a:pos x="149" y="73"/>
                  </a:cxn>
                  <a:cxn ang="0">
                    <a:pos x="70" y="13"/>
                  </a:cxn>
                  <a:cxn ang="0">
                    <a:pos x="32" y="57"/>
                  </a:cxn>
                  <a:cxn ang="0">
                    <a:pos x="7" y="127"/>
                  </a:cxn>
                  <a:cxn ang="0">
                    <a:pos x="4" y="212"/>
                  </a:cxn>
                  <a:cxn ang="0">
                    <a:pos x="65" y="273"/>
                  </a:cxn>
                  <a:cxn ang="0">
                    <a:pos x="100" y="339"/>
                  </a:cxn>
                  <a:cxn ang="0">
                    <a:pos x="138" y="462"/>
                  </a:cxn>
                  <a:cxn ang="0">
                    <a:pos x="192" y="544"/>
                  </a:cxn>
                  <a:cxn ang="0">
                    <a:pos x="282" y="633"/>
                  </a:cxn>
                  <a:cxn ang="0">
                    <a:pos x="337" y="721"/>
                  </a:cxn>
                  <a:cxn ang="0">
                    <a:pos x="459" y="830"/>
                  </a:cxn>
                  <a:cxn ang="0">
                    <a:pos x="504" y="844"/>
                  </a:cxn>
                  <a:cxn ang="0">
                    <a:pos x="513" y="874"/>
                  </a:cxn>
                  <a:cxn ang="0">
                    <a:pos x="538" y="931"/>
                  </a:cxn>
                  <a:cxn ang="0">
                    <a:pos x="583" y="987"/>
                  </a:cxn>
                  <a:cxn ang="0">
                    <a:pos x="629" y="1031"/>
                  </a:cxn>
                  <a:cxn ang="0">
                    <a:pos x="617" y="1094"/>
                  </a:cxn>
                </a:cxnLst>
                <a:rect l="0" t="0" r="r" b="b"/>
                <a:pathLst>
                  <a:path w="1260" h="1256">
                    <a:moveTo>
                      <a:pt x="633" y="1106"/>
                    </a:moveTo>
                    <a:lnTo>
                      <a:pt x="686" y="1101"/>
                    </a:lnTo>
                    <a:lnTo>
                      <a:pt x="695" y="1112"/>
                    </a:lnTo>
                    <a:lnTo>
                      <a:pt x="704" y="1123"/>
                    </a:lnTo>
                    <a:lnTo>
                      <a:pt x="713" y="1132"/>
                    </a:lnTo>
                    <a:lnTo>
                      <a:pt x="723" y="1142"/>
                    </a:lnTo>
                    <a:lnTo>
                      <a:pt x="743" y="1160"/>
                    </a:lnTo>
                    <a:lnTo>
                      <a:pt x="762" y="1174"/>
                    </a:lnTo>
                    <a:lnTo>
                      <a:pt x="783" y="1190"/>
                    </a:lnTo>
                    <a:lnTo>
                      <a:pt x="804" y="1206"/>
                    </a:lnTo>
                    <a:lnTo>
                      <a:pt x="811" y="1213"/>
                    </a:lnTo>
                    <a:lnTo>
                      <a:pt x="819" y="1221"/>
                    </a:lnTo>
                    <a:lnTo>
                      <a:pt x="823" y="1224"/>
                    </a:lnTo>
                    <a:lnTo>
                      <a:pt x="827" y="1226"/>
                    </a:lnTo>
                    <a:lnTo>
                      <a:pt x="833" y="1228"/>
                    </a:lnTo>
                    <a:lnTo>
                      <a:pt x="839" y="1229"/>
                    </a:lnTo>
                    <a:lnTo>
                      <a:pt x="850" y="1230"/>
                    </a:lnTo>
                    <a:lnTo>
                      <a:pt x="861" y="1233"/>
                    </a:lnTo>
                    <a:lnTo>
                      <a:pt x="871" y="1238"/>
                    </a:lnTo>
                    <a:lnTo>
                      <a:pt x="879" y="1244"/>
                    </a:lnTo>
                    <a:lnTo>
                      <a:pt x="889" y="1256"/>
                    </a:lnTo>
                    <a:lnTo>
                      <a:pt x="927" y="1243"/>
                    </a:lnTo>
                    <a:lnTo>
                      <a:pt x="931" y="1229"/>
                    </a:lnTo>
                    <a:lnTo>
                      <a:pt x="933" y="1216"/>
                    </a:lnTo>
                    <a:lnTo>
                      <a:pt x="932" y="1203"/>
                    </a:lnTo>
                    <a:lnTo>
                      <a:pt x="929" y="1191"/>
                    </a:lnTo>
                    <a:lnTo>
                      <a:pt x="925" y="1180"/>
                    </a:lnTo>
                    <a:lnTo>
                      <a:pt x="918" y="1169"/>
                    </a:lnTo>
                    <a:lnTo>
                      <a:pt x="914" y="1164"/>
                    </a:lnTo>
                    <a:lnTo>
                      <a:pt x="909" y="1160"/>
                    </a:lnTo>
                    <a:lnTo>
                      <a:pt x="903" y="1156"/>
                    </a:lnTo>
                    <a:lnTo>
                      <a:pt x="897" y="1152"/>
                    </a:lnTo>
                    <a:lnTo>
                      <a:pt x="897" y="1133"/>
                    </a:lnTo>
                    <a:lnTo>
                      <a:pt x="898" y="1114"/>
                    </a:lnTo>
                    <a:lnTo>
                      <a:pt x="901" y="1093"/>
                    </a:lnTo>
                    <a:lnTo>
                      <a:pt x="903" y="1075"/>
                    </a:lnTo>
                    <a:lnTo>
                      <a:pt x="907" y="1061"/>
                    </a:lnTo>
                    <a:lnTo>
                      <a:pt x="911" y="1051"/>
                    </a:lnTo>
                    <a:lnTo>
                      <a:pt x="915" y="1049"/>
                    </a:lnTo>
                    <a:lnTo>
                      <a:pt x="918" y="1046"/>
                    </a:lnTo>
                    <a:lnTo>
                      <a:pt x="922" y="1044"/>
                    </a:lnTo>
                    <a:lnTo>
                      <a:pt x="924" y="1042"/>
                    </a:lnTo>
                    <a:lnTo>
                      <a:pt x="944" y="1041"/>
                    </a:lnTo>
                    <a:lnTo>
                      <a:pt x="968" y="1041"/>
                    </a:lnTo>
                    <a:lnTo>
                      <a:pt x="968" y="1040"/>
                    </a:lnTo>
                    <a:lnTo>
                      <a:pt x="970" y="1040"/>
                    </a:lnTo>
                    <a:lnTo>
                      <a:pt x="970" y="1029"/>
                    </a:lnTo>
                    <a:lnTo>
                      <a:pt x="967" y="1020"/>
                    </a:lnTo>
                    <a:lnTo>
                      <a:pt x="964" y="1009"/>
                    </a:lnTo>
                    <a:lnTo>
                      <a:pt x="963" y="998"/>
                    </a:lnTo>
                    <a:lnTo>
                      <a:pt x="963" y="992"/>
                    </a:lnTo>
                    <a:lnTo>
                      <a:pt x="964" y="988"/>
                    </a:lnTo>
                    <a:lnTo>
                      <a:pt x="966" y="984"/>
                    </a:lnTo>
                    <a:lnTo>
                      <a:pt x="968" y="980"/>
                    </a:lnTo>
                    <a:lnTo>
                      <a:pt x="972" y="974"/>
                    </a:lnTo>
                    <a:lnTo>
                      <a:pt x="977" y="966"/>
                    </a:lnTo>
                    <a:lnTo>
                      <a:pt x="981" y="950"/>
                    </a:lnTo>
                    <a:lnTo>
                      <a:pt x="982" y="934"/>
                    </a:lnTo>
                    <a:lnTo>
                      <a:pt x="985" y="926"/>
                    </a:lnTo>
                    <a:lnTo>
                      <a:pt x="988" y="918"/>
                    </a:lnTo>
                    <a:lnTo>
                      <a:pt x="990" y="915"/>
                    </a:lnTo>
                    <a:lnTo>
                      <a:pt x="994" y="912"/>
                    </a:lnTo>
                    <a:lnTo>
                      <a:pt x="998" y="909"/>
                    </a:lnTo>
                    <a:lnTo>
                      <a:pt x="1002" y="906"/>
                    </a:lnTo>
                    <a:lnTo>
                      <a:pt x="1012" y="901"/>
                    </a:lnTo>
                    <a:lnTo>
                      <a:pt x="1023" y="893"/>
                    </a:lnTo>
                    <a:lnTo>
                      <a:pt x="1028" y="892"/>
                    </a:lnTo>
                    <a:lnTo>
                      <a:pt x="1033" y="891"/>
                    </a:lnTo>
                    <a:lnTo>
                      <a:pt x="1039" y="892"/>
                    </a:lnTo>
                    <a:lnTo>
                      <a:pt x="1047" y="896"/>
                    </a:lnTo>
                    <a:lnTo>
                      <a:pt x="1055" y="902"/>
                    </a:lnTo>
                    <a:lnTo>
                      <a:pt x="1059" y="909"/>
                    </a:lnTo>
                    <a:lnTo>
                      <a:pt x="1061" y="914"/>
                    </a:lnTo>
                    <a:lnTo>
                      <a:pt x="1063" y="918"/>
                    </a:lnTo>
                    <a:lnTo>
                      <a:pt x="1064" y="919"/>
                    </a:lnTo>
                    <a:lnTo>
                      <a:pt x="1065" y="919"/>
                    </a:lnTo>
                    <a:lnTo>
                      <a:pt x="1068" y="919"/>
                    </a:lnTo>
                    <a:lnTo>
                      <a:pt x="1071" y="919"/>
                    </a:lnTo>
                    <a:lnTo>
                      <a:pt x="1080" y="915"/>
                    </a:lnTo>
                    <a:lnTo>
                      <a:pt x="1094" y="908"/>
                    </a:lnTo>
                    <a:lnTo>
                      <a:pt x="1098" y="905"/>
                    </a:lnTo>
                    <a:lnTo>
                      <a:pt x="1099" y="901"/>
                    </a:lnTo>
                    <a:lnTo>
                      <a:pt x="1100" y="899"/>
                    </a:lnTo>
                    <a:lnTo>
                      <a:pt x="1100" y="895"/>
                    </a:lnTo>
                    <a:lnTo>
                      <a:pt x="1096" y="886"/>
                    </a:lnTo>
                    <a:lnTo>
                      <a:pt x="1091" y="877"/>
                    </a:lnTo>
                    <a:lnTo>
                      <a:pt x="1074" y="858"/>
                    </a:lnTo>
                    <a:lnTo>
                      <a:pt x="1061" y="845"/>
                    </a:lnTo>
                    <a:lnTo>
                      <a:pt x="1054" y="814"/>
                    </a:lnTo>
                    <a:lnTo>
                      <a:pt x="1080" y="800"/>
                    </a:lnTo>
                    <a:lnTo>
                      <a:pt x="1103" y="816"/>
                    </a:lnTo>
                    <a:lnTo>
                      <a:pt x="1160" y="810"/>
                    </a:lnTo>
                    <a:lnTo>
                      <a:pt x="1230" y="783"/>
                    </a:lnTo>
                    <a:lnTo>
                      <a:pt x="1236" y="777"/>
                    </a:lnTo>
                    <a:lnTo>
                      <a:pt x="1242" y="769"/>
                    </a:lnTo>
                    <a:lnTo>
                      <a:pt x="1244" y="763"/>
                    </a:lnTo>
                    <a:lnTo>
                      <a:pt x="1245" y="755"/>
                    </a:lnTo>
                    <a:lnTo>
                      <a:pt x="1244" y="747"/>
                    </a:lnTo>
                    <a:lnTo>
                      <a:pt x="1242" y="739"/>
                    </a:lnTo>
                    <a:lnTo>
                      <a:pt x="1239" y="733"/>
                    </a:lnTo>
                    <a:lnTo>
                      <a:pt x="1235" y="725"/>
                    </a:lnTo>
                    <a:lnTo>
                      <a:pt x="1213" y="696"/>
                    </a:lnTo>
                    <a:lnTo>
                      <a:pt x="1194" y="672"/>
                    </a:lnTo>
                    <a:lnTo>
                      <a:pt x="1188" y="663"/>
                    </a:lnTo>
                    <a:lnTo>
                      <a:pt x="1185" y="654"/>
                    </a:lnTo>
                    <a:lnTo>
                      <a:pt x="1181" y="647"/>
                    </a:lnTo>
                    <a:lnTo>
                      <a:pt x="1179" y="641"/>
                    </a:lnTo>
                    <a:lnTo>
                      <a:pt x="1179" y="637"/>
                    </a:lnTo>
                    <a:lnTo>
                      <a:pt x="1181" y="633"/>
                    </a:lnTo>
                    <a:lnTo>
                      <a:pt x="1182" y="630"/>
                    </a:lnTo>
                    <a:lnTo>
                      <a:pt x="1186" y="628"/>
                    </a:lnTo>
                    <a:lnTo>
                      <a:pt x="1207" y="624"/>
                    </a:lnTo>
                    <a:lnTo>
                      <a:pt x="1239" y="620"/>
                    </a:lnTo>
                    <a:lnTo>
                      <a:pt x="1244" y="619"/>
                    </a:lnTo>
                    <a:lnTo>
                      <a:pt x="1249" y="617"/>
                    </a:lnTo>
                    <a:lnTo>
                      <a:pt x="1253" y="615"/>
                    </a:lnTo>
                    <a:lnTo>
                      <a:pt x="1256" y="612"/>
                    </a:lnTo>
                    <a:lnTo>
                      <a:pt x="1258" y="610"/>
                    </a:lnTo>
                    <a:lnTo>
                      <a:pt x="1260" y="606"/>
                    </a:lnTo>
                    <a:lnTo>
                      <a:pt x="1260" y="603"/>
                    </a:lnTo>
                    <a:lnTo>
                      <a:pt x="1260" y="599"/>
                    </a:lnTo>
                    <a:lnTo>
                      <a:pt x="1257" y="592"/>
                    </a:lnTo>
                    <a:lnTo>
                      <a:pt x="1253" y="584"/>
                    </a:lnTo>
                    <a:lnTo>
                      <a:pt x="1247" y="575"/>
                    </a:lnTo>
                    <a:lnTo>
                      <a:pt x="1239" y="566"/>
                    </a:lnTo>
                    <a:lnTo>
                      <a:pt x="1220" y="548"/>
                    </a:lnTo>
                    <a:lnTo>
                      <a:pt x="1201" y="531"/>
                    </a:lnTo>
                    <a:lnTo>
                      <a:pt x="1183" y="516"/>
                    </a:lnTo>
                    <a:lnTo>
                      <a:pt x="1173" y="506"/>
                    </a:lnTo>
                    <a:lnTo>
                      <a:pt x="1163" y="493"/>
                    </a:lnTo>
                    <a:lnTo>
                      <a:pt x="1155" y="481"/>
                    </a:lnTo>
                    <a:lnTo>
                      <a:pt x="1147" y="471"/>
                    </a:lnTo>
                    <a:lnTo>
                      <a:pt x="1141" y="459"/>
                    </a:lnTo>
                    <a:lnTo>
                      <a:pt x="1137" y="448"/>
                    </a:lnTo>
                    <a:lnTo>
                      <a:pt x="1133" y="437"/>
                    </a:lnTo>
                    <a:lnTo>
                      <a:pt x="1130" y="426"/>
                    </a:lnTo>
                    <a:lnTo>
                      <a:pt x="1129" y="414"/>
                    </a:lnTo>
                    <a:lnTo>
                      <a:pt x="1129" y="402"/>
                    </a:lnTo>
                    <a:lnTo>
                      <a:pt x="1130" y="391"/>
                    </a:lnTo>
                    <a:lnTo>
                      <a:pt x="1133" y="379"/>
                    </a:lnTo>
                    <a:lnTo>
                      <a:pt x="1137" y="367"/>
                    </a:lnTo>
                    <a:lnTo>
                      <a:pt x="1141" y="354"/>
                    </a:lnTo>
                    <a:lnTo>
                      <a:pt x="1146" y="342"/>
                    </a:lnTo>
                    <a:lnTo>
                      <a:pt x="1152" y="327"/>
                    </a:lnTo>
                    <a:lnTo>
                      <a:pt x="1160" y="313"/>
                    </a:lnTo>
                    <a:lnTo>
                      <a:pt x="1198" y="230"/>
                    </a:lnTo>
                    <a:lnTo>
                      <a:pt x="1199" y="176"/>
                    </a:lnTo>
                    <a:lnTo>
                      <a:pt x="1185" y="178"/>
                    </a:lnTo>
                    <a:lnTo>
                      <a:pt x="1166" y="181"/>
                    </a:lnTo>
                    <a:lnTo>
                      <a:pt x="1146" y="182"/>
                    </a:lnTo>
                    <a:lnTo>
                      <a:pt x="1124" y="182"/>
                    </a:lnTo>
                    <a:lnTo>
                      <a:pt x="1103" y="181"/>
                    </a:lnTo>
                    <a:lnTo>
                      <a:pt x="1084" y="177"/>
                    </a:lnTo>
                    <a:lnTo>
                      <a:pt x="1074" y="174"/>
                    </a:lnTo>
                    <a:lnTo>
                      <a:pt x="1067" y="172"/>
                    </a:lnTo>
                    <a:lnTo>
                      <a:pt x="1060" y="168"/>
                    </a:lnTo>
                    <a:lnTo>
                      <a:pt x="1056" y="164"/>
                    </a:lnTo>
                    <a:lnTo>
                      <a:pt x="1050" y="155"/>
                    </a:lnTo>
                    <a:lnTo>
                      <a:pt x="1045" y="147"/>
                    </a:lnTo>
                    <a:lnTo>
                      <a:pt x="1041" y="138"/>
                    </a:lnTo>
                    <a:lnTo>
                      <a:pt x="1038" y="129"/>
                    </a:lnTo>
                    <a:lnTo>
                      <a:pt x="1036" y="111"/>
                    </a:lnTo>
                    <a:lnTo>
                      <a:pt x="1033" y="95"/>
                    </a:lnTo>
                    <a:lnTo>
                      <a:pt x="1032" y="88"/>
                    </a:lnTo>
                    <a:lnTo>
                      <a:pt x="1029" y="81"/>
                    </a:lnTo>
                    <a:lnTo>
                      <a:pt x="1025" y="75"/>
                    </a:lnTo>
                    <a:lnTo>
                      <a:pt x="1021" y="70"/>
                    </a:lnTo>
                    <a:lnTo>
                      <a:pt x="1014" y="66"/>
                    </a:lnTo>
                    <a:lnTo>
                      <a:pt x="1006" y="63"/>
                    </a:lnTo>
                    <a:lnTo>
                      <a:pt x="994" y="60"/>
                    </a:lnTo>
                    <a:lnTo>
                      <a:pt x="981" y="60"/>
                    </a:lnTo>
                    <a:lnTo>
                      <a:pt x="944" y="62"/>
                    </a:lnTo>
                    <a:lnTo>
                      <a:pt x="905" y="67"/>
                    </a:lnTo>
                    <a:lnTo>
                      <a:pt x="885" y="68"/>
                    </a:lnTo>
                    <a:lnTo>
                      <a:pt x="866" y="68"/>
                    </a:lnTo>
                    <a:lnTo>
                      <a:pt x="857" y="67"/>
                    </a:lnTo>
                    <a:lnTo>
                      <a:pt x="848" y="66"/>
                    </a:lnTo>
                    <a:lnTo>
                      <a:pt x="840" y="64"/>
                    </a:lnTo>
                    <a:lnTo>
                      <a:pt x="832" y="62"/>
                    </a:lnTo>
                    <a:lnTo>
                      <a:pt x="817" y="57"/>
                    </a:lnTo>
                    <a:lnTo>
                      <a:pt x="802" y="53"/>
                    </a:lnTo>
                    <a:lnTo>
                      <a:pt x="795" y="51"/>
                    </a:lnTo>
                    <a:lnTo>
                      <a:pt x="787" y="51"/>
                    </a:lnTo>
                    <a:lnTo>
                      <a:pt x="779" y="51"/>
                    </a:lnTo>
                    <a:lnTo>
                      <a:pt x="771" y="53"/>
                    </a:lnTo>
                    <a:lnTo>
                      <a:pt x="752" y="60"/>
                    </a:lnTo>
                    <a:lnTo>
                      <a:pt x="734" y="67"/>
                    </a:lnTo>
                    <a:lnTo>
                      <a:pt x="725" y="70"/>
                    </a:lnTo>
                    <a:lnTo>
                      <a:pt x="716" y="70"/>
                    </a:lnTo>
                    <a:lnTo>
                      <a:pt x="705" y="70"/>
                    </a:lnTo>
                    <a:lnTo>
                      <a:pt x="692" y="67"/>
                    </a:lnTo>
                    <a:lnTo>
                      <a:pt x="672" y="58"/>
                    </a:lnTo>
                    <a:lnTo>
                      <a:pt x="656" y="50"/>
                    </a:lnTo>
                    <a:lnTo>
                      <a:pt x="648" y="47"/>
                    </a:lnTo>
                    <a:lnTo>
                      <a:pt x="639" y="46"/>
                    </a:lnTo>
                    <a:lnTo>
                      <a:pt x="629" y="47"/>
                    </a:lnTo>
                    <a:lnTo>
                      <a:pt x="616" y="50"/>
                    </a:lnTo>
                    <a:lnTo>
                      <a:pt x="608" y="51"/>
                    </a:lnTo>
                    <a:lnTo>
                      <a:pt x="602" y="53"/>
                    </a:lnTo>
                    <a:lnTo>
                      <a:pt x="596" y="53"/>
                    </a:lnTo>
                    <a:lnTo>
                      <a:pt x="593" y="51"/>
                    </a:lnTo>
                    <a:lnTo>
                      <a:pt x="582" y="49"/>
                    </a:lnTo>
                    <a:lnTo>
                      <a:pt x="570" y="46"/>
                    </a:lnTo>
                    <a:lnTo>
                      <a:pt x="559" y="40"/>
                    </a:lnTo>
                    <a:lnTo>
                      <a:pt x="546" y="33"/>
                    </a:lnTo>
                    <a:lnTo>
                      <a:pt x="530" y="27"/>
                    </a:lnTo>
                    <a:lnTo>
                      <a:pt x="513" y="22"/>
                    </a:lnTo>
                    <a:lnTo>
                      <a:pt x="481" y="13"/>
                    </a:lnTo>
                    <a:lnTo>
                      <a:pt x="454" y="6"/>
                    </a:lnTo>
                    <a:lnTo>
                      <a:pt x="438" y="2"/>
                    </a:lnTo>
                    <a:lnTo>
                      <a:pt x="424" y="1"/>
                    </a:lnTo>
                    <a:lnTo>
                      <a:pt x="411" y="0"/>
                    </a:lnTo>
                    <a:lnTo>
                      <a:pt x="398" y="0"/>
                    </a:lnTo>
                    <a:lnTo>
                      <a:pt x="387" y="0"/>
                    </a:lnTo>
                    <a:lnTo>
                      <a:pt x="375" y="2"/>
                    </a:lnTo>
                    <a:lnTo>
                      <a:pt x="363" y="5"/>
                    </a:lnTo>
                    <a:lnTo>
                      <a:pt x="353" y="9"/>
                    </a:lnTo>
                    <a:lnTo>
                      <a:pt x="341" y="13"/>
                    </a:lnTo>
                    <a:lnTo>
                      <a:pt x="331" y="18"/>
                    </a:lnTo>
                    <a:lnTo>
                      <a:pt x="320" y="23"/>
                    </a:lnTo>
                    <a:lnTo>
                      <a:pt x="310" y="31"/>
                    </a:lnTo>
                    <a:lnTo>
                      <a:pt x="288" y="45"/>
                    </a:lnTo>
                    <a:lnTo>
                      <a:pt x="266" y="63"/>
                    </a:lnTo>
                    <a:lnTo>
                      <a:pt x="244" y="82"/>
                    </a:lnTo>
                    <a:lnTo>
                      <a:pt x="225" y="97"/>
                    </a:lnTo>
                    <a:lnTo>
                      <a:pt x="219" y="99"/>
                    </a:lnTo>
                    <a:lnTo>
                      <a:pt x="214" y="102"/>
                    </a:lnTo>
                    <a:lnTo>
                      <a:pt x="208" y="103"/>
                    </a:lnTo>
                    <a:lnTo>
                      <a:pt x="201" y="103"/>
                    </a:lnTo>
                    <a:lnTo>
                      <a:pt x="195" y="102"/>
                    </a:lnTo>
                    <a:lnTo>
                      <a:pt x="188" y="101"/>
                    </a:lnTo>
                    <a:lnTo>
                      <a:pt x="181" y="98"/>
                    </a:lnTo>
                    <a:lnTo>
                      <a:pt x="173" y="93"/>
                    </a:lnTo>
                    <a:lnTo>
                      <a:pt x="149" y="73"/>
                    </a:lnTo>
                    <a:lnTo>
                      <a:pt x="118" y="45"/>
                    </a:lnTo>
                    <a:lnTo>
                      <a:pt x="102" y="31"/>
                    </a:lnTo>
                    <a:lnTo>
                      <a:pt x="87" y="20"/>
                    </a:lnTo>
                    <a:lnTo>
                      <a:pt x="81" y="16"/>
                    </a:lnTo>
                    <a:lnTo>
                      <a:pt x="74" y="14"/>
                    </a:lnTo>
                    <a:lnTo>
                      <a:pt x="70" y="13"/>
                    </a:lnTo>
                    <a:lnTo>
                      <a:pt x="67" y="14"/>
                    </a:lnTo>
                    <a:lnTo>
                      <a:pt x="59" y="19"/>
                    </a:lnTo>
                    <a:lnTo>
                      <a:pt x="51" y="27"/>
                    </a:lnTo>
                    <a:lnTo>
                      <a:pt x="45" y="36"/>
                    </a:lnTo>
                    <a:lnTo>
                      <a:pt x="38" y="46"/>
                    </a:lnTo>
                    <a:lnTo>
                      <a:pt x="32" y="57"/>
                    </a:lnTo>
                    <a:lnTo>
                      <a:pt x="26" y="67"/>
                    </a:lnTo>
                    <a:lnTo>
                      <a:pt x="22" y="77"/>
                    </a:lnTo>
                    <a:lnTo>
                      <a:pt x="20" y="86"/>
                    </a:lnTo>
                    <a:lnTo>
                      <a:pt x="15" y="99"/>
                    </a:lnTo>
                    <a:lnTo>
                      <a:pt x="11" y="114"/>
                    </a:lnTo>
                    <a:lnTo>
                      <a:pt x="7" y="127"/>
                    </a:lnTo>
                    <a:lnTo>
                      <a:pt x="4" y="141"/>
                    </a:lnTo>
                    <a:lnTo>
                      <a:pt x="2" y="169"/>
                    </a:lnTo>
                    <a:lnTo>
                      <a:pt x="0" y="198"/>
                    </a:lnTo>
                    <a:lnTo>
                      <a:pt x="2" y="203"/>
                    </a:lnTo>
                    <a:lnTo>
                      <a:pt x="3" y="207"/>
                    </a:lnTo>
                    <a:lnTo>
                      <a:pt x="4" y="212"/>
                    </a:lnTo>
                    <a:lnTo>
                      <a:pt x="7" y="217"/>
                    </a:lnTo>
                    <a:lnTo>
                      <a:pt x="13" y="226"/>
                    </a:lnTo>
                    <a:lnTo>
                      <a:pt x="21" y="234"/>
                    </a:lnTo>
                    <a:lnTo>
                      <a:pt x="39" y="250"/>
                    </a:lnTo>
                    <a:lnTo>
                      <a:pt x="55" y="263"/>
                    </a:lnTo>
                    <a:lnTo>
                      <a:pt x="65" y="273"/>
                    </a:lnTo>
                    <a:lnTo>
                      <a:pt x="73" y="283"/>
                    </a:lnTo>
                    <a:lnTo>
                      <a:pt x="81" y="295"/>
                    </a:lnTo>
                    <a:lnTo>
                      <a:pt x="87" y="305"/>
                    </a:lnTo>
                    <a:lnTo>
                      <a:pt x="92" y="317"/>
                    </a:lnTo>
                    <a:lnTo>
                      <a:pt x="96" y="327"/>
                    </a:lnTo>
                    <a:lnTo>
                      <a:pt x="100" y="339"/>
                    </a:lnTo>
                    <a:lnTo>
                      <a:pt x="103" y="351"/>
                    </a:lnTo>
                    <a:lnTo>
                      <a:pt x="109" y="374"/>
                    </a:lnTo>
                    <a:lnTo>
                      <a:pt x="114" y="399"/>
                    </a:lnTo>
                    <a:lnTo>
                      <a:pt x="121" y="423"/>
                    </a:lnTo>
                    <a:lnTo>
                      <a:pt x="131" y="448"/>
                    </a:lnTo>
                    <a:lnTo>
                      <a:pt x="138" y="462"/>
                    </a:lnTo>
                    <a:lnTo>
                      <a:pt x="147" y="475"/>
                    </a:lnTo>
                    <a:lnTo>
                      <a:pt x="156" y="489"/>
                    </a:lnTo>
                    <a:lnTo>
                      <a:pt x="166" y="503"/>
                    </a:lnTo>
                    <a:lnTo>
                      <a:pt x="175" y="516"/>
                    </a:lnTo>
                    <a:lnTo>
                      <a:pt x="184" y="531"/>
                    </a:lnTo>
                    <a:lnTo>
                      <a:pt x="192" y="544"/>
                    </a:lnTo>
                    <a:lnTo>
                      <a:pt x="197" y="557"/>
                    </a:lnTo>
                    <a:lnTo>
                      <a:pt x="222" y="577"/>
                    </a:lnTo>
                    <a:lnTo>
                      <a:pt x="248" y="598"/>
                    </a:lnTo>
                    <a:lnTo>
                      <a:pt x="261" y="608"/>
                    </a:lnTo>
                    <a:lnTo>
                      <a:pt x="271" y="620"/>
                    </a:lnTo>
                    <a:lnTo>
                      <a:pt x="282" y="633"/>
                    </a:lnTo>
                    <a:lnTo>
                      <a:pt x="292" y="647"/>
                    </a:lnTo>
                    <a:lnTo>
                      <a:pt x="305" y="673"/>
                    </a:lnTo>
                    <a:lnTo>
                      <a:pt x="315" y="693"/>
                    </a:lnTo>
                    <a:lnTo>
                      <a:pt x="320" y="703"/>
                    </a:lnTo>
                    <a:lnTo>
                      <a:pt x="328" y="712"/>
                    </a:lnTo>
                    <a:lnTo>
                      <a:pt x="337" y="721"/>
                    </a:lnTo>
                    <a:lnTo>
                      <a:pt x="349" y="731"/>
                    </a:lnTo>
                    <a:lnTo>
                      <a:pt x="379" y="759"/>
                    </a:lnTo>
                    <a:lnTo>
                      <a:pt x="415" y="794"/>
                    </a:lnTo>
                    <a:lnTo>
                      <a:pt x="433" y="810"/>
                    </a:lnTo>
                    <a:lnTo>
                      <a:pt x="451" y="825"/>
                    </a:lnTo>
                    <a:lnTo>
                      <a:pt x="459" y="830"/>
                    </a:lnTo>
                    <a:lnTo>
                      <a:pt x="468" y="835"/>
                    </a:lnTo>
                    <a:lnTo>
                      <a:pt x="476" y="838"/>
                    </a:lnTo>
                    <a:lnTo>
                      <a:pt x="482" y="839"/>
                    </a:lnTo>
                    <a:lnTo>
                      <a:pt x="491" y="840"/>
                    </a:lnTo>
                    <a:lnTo>
                      <a:pt x="498" y="842"/>
                    </a:lnTo>
                    <a:lnTo>
                      <a:pt x="504" y="844"/>
                    </a:lnTo>
                    <a:lnTo>
                      <a:pt x="508" y="847"/>
                    </a:lnTo>
                    <a:lnTo>
                      <a:pt x="511" y="851"/>
                    </a:lnTo>
                    <a:lnTo>
                      <a:pt x="512" y="855"/>
                    </a:lnTo>
                    <a:lnTo>
                      <a:pt x="513" y="858"/>
                    </a:lnTo>
                    <a:lnTo>
                      <a:pt x="513" y="864"/>
                    </a:lnTo>
                    <a:lnTo>
                      <a:pt x="513" y="874"/>
                    </a:lnTo>
                    <a:lnTo>
                      <a:pt x="512" y="887"/>
                    </a:lnTo>
                    <a:lnTo>
                      <a:pt x="513" y="893"/>
                    </a:lnTo>
                    <a:lnTo>
                      <a:pt x="513" y="900"/>
                    </a:lnTo>
                    <a:lnTo>
                      <a:pt x="516" y="908"/>
                    </a:lnTo>
                    <a:lnTo>
                      <a:pt x="519" y="914"/>
                    </a:lnTo>
                    <a:lnTo>
                      <a:pt x="538" y="931"/>
                    </a:lnTo>
                    <a:lnTo>
                      <a:pt x="552" y="941"/>
                    </a:lnTo>
                    <a:lnTo>
                      <a:pt x="555" y="950"/>
                    </a:lnTo>
                    <a:lnTo>
                      <a:pt x="559" y="959"/>
                    </a:lnTo>
                    <a:lnTo>
                      <a:pt x="564" y="967"/>
                    </a:lnTo>
                    <a:lnTo>
                      <a:pt x="569" y="974"/>
                    </a:lnTo>
                    <a:lnTo>
                      <a:pt x="583" y="987"/>
                    </a:lnTo>
                    <a:lnTo>
                      <a:pt x="598" y="998"/>
                    </a:lnTo>
                    <a:lnTo>
                      <a:pt x="605" y="1004"/>
                    </a:lnTo>
                    <a:lnTo>
                      <a:pt x="612" y="1010"/>
                    </a:lnTo>
                    <a:lnTo>
                      <a:pt x="618" y="1016"/>
                    </a:lnTo>
                    <a:lnTo>
                      <a:pt x="624" y="1023"/>
                    </a:lnTo>
                    <a:lnTo>
                      <a:pt x="629" y="1031"/>
                    </a:lnTo>
                    <a:lnTo>
                      <a:pt x="631" y="1040"/>
                    </a:lnTo>
                    <a:lnTo>
                      <a:pt x="634" y="1049"/>
                    </a:lnTo>
                    <a:lnTo>
                      <a:pt x="634" y="1059"/>
                    </a:lnTo>
                    <a:lnTo>
                      <a:pt x="600" y="1084"/>
                    </a:lnTo>
                    <a:lnTo>
                      <a:pt x="609" y="1089"/>
                    </a:lnTo>
                    <a:lnTo>
                      <a:pt x="617" y="1094"/>
                    </a:lnTo>
                    <a:lnTo>
                      <a:pt x="625" y="1099"/>
                    </a:lnTo>
                    <a:lnTo>
                      <a:pt x="633" y="110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1" name="Freeform 126">
                <a:extLst>
                  <a:ext uri="{FF2B5EF4-FFF2-40B4-BE49-F238E27FC236}">
                    <a16:creationId xmlns:a16="http://schemas.microsoft.com/office/drawing/2014/main" id="{0F9C80BF-F88C-E149-BA6C-7A2D6A8F2E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87255" y="5066815"/>
                <a:ext cx="573833" cy="567180"/>
              </a:xfrm>
              <a:custGeom>
                <a:avLst/>
                <a:gdLst/>
                <a:ahLst/>
                <a:cxnLst>
                  <a:cxn ang="0">
                    <a:pos x="723" y="1142"/>
                  </a:cxn>
                  <a:cxn ang="0">
                    <a:pos x="819" y="1221"/>
                  </a:cxn>
                  <a:cxn ang="0">
                    <a:pos x="861" y="1233"/>
                  </a:cxn>
                  <a:cxn ang="0">
                    <a:pos x="931" y="1229"/>
                  </a:cxn>
                  <a:cxn ang="0">
                    <a:pos x="914" y="1164"/>
                  </a:cxn>
                  <a:cxn ang="0">
                    <a:pos x="901" y="1093"/>
                  </a:cxn>
                  <a:cxn ang="0">
                    <a:pos x="922" y="1044"/>
                  </a:cxn>
                  <a:cxn ang="0">
                    <a:pos x="970" y="1029"/>
                  </a:cxn>
                  <a:cxn ang="0">
                    <a:pos x="966" y="984"/>
                  </a:cxn>
                  <a:cxn ang="0">
                    <a:pos x="985" y="926"/>
                  </a:cxn>
                  <a:cxn ang="0">
                    <a:pos x="1012" y="901"/>
                  </a:cxn>
                  <a:cxn ang="0">
                    <a:pos x="1055" y="902"/>
                  </a:cxn>
                  <a:cxn ang="0">
                    <a:pos x="1068" y="919"/>
                  </a:cxn>
                  <a:cxn ang="0">
                    <a:pos x="1100" y="899"/>
                  </a:cxn>
                  <a:cxn ang="0">
                    <a:pos x="1054" y="814"/>
                  </a:cxn>
                  <a:cxn ang="0">
                    <a:pos x="1236" y="777"/>
                  </a:cxn>
                  <a:cxn ang="0">
                    <a:pos x="1239" y="733"/>
                  </a:cxn>
                  <a:cxn ang="0">
                    <a:pos x="1181" y="647"/>
                  </a:cxn>
                  <a:cxn ang="0">
                    <a:pos x="1207" y="624"/>
                  </a:cxn>
                  <a:cxn ang="0">
                    <a:pos x="1258" y="610"/>
                  </a:cxn>
                  <a:cxn ang="0">
                    <a:pos x="1247" y="575"/>
                  </a:cxn>
                  <a:cxn ang="0">
                    <a:pos x="1163" y="493"/>
                  </a:cxn>
                  <a:cxn ang="0">
                    <a:pos x="1130" y="426"/>
                  </a:cxn>
                  <a:cxn ang="0">
                    <a:pos x="1141" y="354"/>
                  </a:cxn>
                  <a:cxn ang="0">
                    <a:pos x="1199" y="176"/>
                  </a:cxn>
                  <a:cxn ang="0">
                    <a:pos x="1084" y="177"/>
                  </a:cxn>
                  <a:cxn ang="0">
                    <a:pos x="1045" y="147"/>
                  </a:cxn>
                  <a:cxn ang="0">
                    <a:pos x="1029" y="81"/>
                  </a:cxn>
                  <a:cxn ang="0">
                    <a:pos x="981" y="60"/>
                  </a:cxn>
                  <a:cxn ang="0">
                    <a:pos x="848" y="66"/>
                  </a:cxn>
                  <a:cxn ang="0">
                    <a:pos x="787" y="51"/>
                  </a:cxn>
                  <a:cxn ang="0">
                    <a:pos x="716" y="70"/>
                  </a:cxn>
                  <a:cxn ang="0">
                    <a:pos x="639" y="46"/>
                  </a:cxn>
                  <a:cxn ang="0">
                    <a:pos x="593" y="51"/>
                  </a:cxn>
                  <a:cxn ang="0">
                    <a:pos x="513" y="22"/>
                  </a:cxn>
                  <a:cxn ang="0">
                    <a:pos x="398" y="0"/>
                  </a:cxn>
                  <a:cxn ang="0">
                    <a:pos x="331" y="18"/>
                  </a:cxn>
                  <a:cxn ang="0">
                    <a:pos x="225" y="97"/>
                  </a:cxn>
                  <a:cxn ang="0">
                    <a:pos x="188" y="101"/>
                  </a:cxn>
                  <a:cxn ang="0">
                    <a:pos x="87" y="20"/>
                  </a:cxn>
                  <a:cxn ang="0">
                    <a:pos x="51" y="27"/>
                  </a:cxn>
                  <a:cxn ang="0">
                    <a:pos x="20" y="86"/>
                  </a:cxn>
                  <a:cxn ang="0">
                    <a:pos x="0" y="198"/>
                  </a:cxn>
                  <a:cxn ang="0">
                    <a:pos x="21" y="234"/>
                  </a:cxn>
                  <a:cxn ang="0">
                    <a:pos x="87" y="305"/>
                  </a:cxn>
                  <a:cxn ang="0">
                    <a:pos x="114" y="399"/>
                  </a:cxn>
                  <a:cxn ang="0">
                    <a:pos x="166" y="503"/>
                  </a:cxn>
                  <a:cxn ang="0">
                    <a:pos x="248" y="598"/>
                  </a:cxn>
                  <a:cxn ang="0">
                    <a:pos x="315" y="693"/>
                  </a:cxn>
                  <a:cxn ang="0">
                    <a:pos x="415" y="794"/>
                  </a:cxn>
                  <a:cxn ang="0">
                    <a:pos x="482" y="839"/>
                  </a:cxn>
                  <a:cxn ang="0">
                    <a:pos x="512" y="855"/>
                  </a:cxn>
                  <a:cxn ang="0">
                    <a:pos x="513" y="900"/>
                  </a:cxn>
                  <a:cxn ang="0">
                    <a:pos x="559" y="959"/>
                  </a:cxn>
                  <a:cxn ang="0">
                    <a:pos x="612" y="1010"/>
                  </a:cxn>
                  <a:cxn ang="0">
                    <a:pos x="634" y="1059"/>
                  </a:cxn>
                  <a:cxn ang="0">
                    <a:pos x="633" y="1106"/>
                  </a:cxn>
                </a:cxnLst>
                <a:rect l="0" t="0" r="r" b="b"/>
                <a:pathLst>
                  <a:path w="1260" h="1256">
                    <a:moveTo>
                      <a:pt x="633" y="1106"/>
                    </a:moveTo>
                    <a:lnTo>
                      <a:pt x="686" y="1101"/>
                    </a:lnTo>
                    <a:lnTo>
                      <a:pt x="695" y="1112"/>
                    </a:lnTo>
                    <a:lnTo>
                      <a:pt x="704" y="1123"/>
                    </a:lnTo>
                    <a:lnTo>
                      <a:pt x="713" y="1132"/>
                    </a:lnTo>
                    <a:lnTo>
                      <a:pt x="723" y="1142"/>
                    </a:lnTo>
                    <a:lnTo>
                      <a:pt x="743" y="1160"/>
                    </a:lnTo>
                    <a:lnTo>
                      <a:pt x="762" y="1174"/>
                    </a:lnTo>
                    <a:lnTo>
                      <a:pt x="783" y="1190"/>
                    </a:lnTo>
                    <a:lnTo>
                      <a:pt x="804" y="1206"/>
                    </a:lnTo>
                    <a:lnTo>
                      <a:pt x="811" y="1213"/>
                    </a:lnTo>
                    <a:lnTo>
                      <a:pt x="819" y="1221"/>
                    </a:lnTo>
                    <a:lnTo>
                      <a:pt x="823" y="1224"/>
                    </a:lnTo>
                    <a:lnTo>
                      <a:pt x="827" y="1226"/>
                    </a:lnTo>
                    <a:lnTo>
                      <a:pt x="833" y="1228"/>
                    </a:lnTo>
                    <a:lnTo>
                      <a:pt x="839" y="1229"/>
                    </a:lnTo>
                    <a:lnTo>
                      <a:pt x="850" y="1230"/>
                    </a:lnTo>
                    <a:lnTo>
                      <a:pt x="861" y="1233"/>
                    </a:lnTo>
                    <a:lnTo>
                      <a:pt x="871" y="1238"/>
                    </a:lnTo>
                    <a:lnTo>
                      <a:pt x="879" y="1244"/>
                    </a:lnTo>
                    <a:lnTo>
                      <a:pt x="889" y="1256"/>
                    </a:lnTo>
                    <a:lnTo>
                      <a:pt x="889" y="1256"/>
                    </a:lnTo>
                    <a:lnTo>
                      <a:pt x="927" y="1243"/>
                    </a:lnTo>
                    <a:lnTo>
                      <a:pt x="931" y="1229"/>
                    </a:lnTo>
                    <a:lnTo>
                      <a:pt x="933" y="1216"/>
                    </a:lnTo>
                    <a:lnTo>
                      <a:pt x="932" y="1203"/>
                    </a:lnTo>
                    <a:lnTo>
                      <a:pt x="929" y="1191"/>
                    </a:lnTo>
                    <a:lnTo>
                      <a:pt x="925" y="1180"/>
                    </a:lnTo>
                    <a:lnTo>
                      <a:pt x="918" y="1169"/>
                    </a:lnTo>
                    <a:lnTo>
                      <a:pt x="914" y="1164"/>
                    </a:lnTo>
                    <a:lnTo>
                      <a:pt x="909" y="1160"/>
                    </a:lnTo>
                    <a:lnTo>
                      <a:pt x="903" y="1156"/>
                    </a:lnTo>
                    <a:lnTo>
                      <a:pt x="897" y="1152"/>
                    </a:lnTo>
                    <a:lnTo>
                      <a:pt x="897" y="1133"/>
                    </a:lnTo>
                    <a:lnTo>
                      <a:pt x="898" y="1114"/>
                    </a:lnTo>
                    <a:lnTo>
                      <a:pt x="901" y="1093"/>
                    </a:lnTo>
                    <a:lnTo>
                      <a:pt x="903" y="1075"/>
                    </a:lnTo>
                    <a:lnTo>
                      <a:pt x="907" y="1061"/>
                    </a:lnTo>
                    <a:lnTo>
                      <a:pt x="911" y="1051"/>
                    </a:lnTo>
                    <a:lnTo>
                      <a:pt x="915" y="1049"/>
                    </a:lnTo>
                    <a:lnTo>
                      <a:pt x="918" y="1046"/>
                    </a:lnTo>
                    <a:lnTo>
                      <a:pt x="922" y="1044"/>
                    </a:lnTo>
                    <a:lnTo>
                      <a:pt x="924" y="1042"/>
                    </a:lnTo>
                    <a:lnTo>
                      <a:pt x="944" y="1041"/>
                    </a:lnTo>
                    <a:lnTo>
                      <a:pt x="968" y="1041"/>
                    </a:lnTo>
                    <a:lnTo>
                      <a:pt x="968" y="1040"/>
                    </a:lnTo>
                    <a:lnTo>
                      <a:pt x="970" y="1040"/>
                    </a:lnTo>
                    <a:lnTo>
                      <a:pt x="970" y="1029"/>
                    </a:lnTo>
                    <a:lnTo>
                      <a:pt x="967" y="1020"/>
                    </a:lnTo>
                    <a:lnTo>
                      <a:pt x="964" y="1009"/>
                    </a:lnTo>
                    <a:lnTo>
                      <a:pt x="963" y="998"/>
                    </a:lnTo>
                    <a:lnTo>
                      <a:pt x="963" y="992"/>
                    </a:lnTo>
                    <a:lnTo>
                      <a:pt x="964" y="988"/>
                    </a:lnTo>
                    <a:lnTo>
                      <a:pt x="966" y="984"/>
                    </a:lnTo>
                    <a:lnTo>
                      <a:pt x="968" y="980"/>
                    </a:lnTo>
                    <a:lnTo>
                      <a:pt x="972" y="974"/>
                    </a:lnTo>
                    <a:lnTo>
                      <a:pt x="977" y="966"/>
                    </a:lnTo>
                    <a:lnTo>
                      <a:pt x="981" y="950"/>
                    </a:lnTo>
                    <a:lnTo>
                      <a:pt x="982" y="934"/>
                    </a:lnTo>
                    <a:lnTo>
                      <a:pt x="985" y="926"/>
                    </a:lnTo>
                    <a:lnTo>
                      <a:pt x="988" y="918"/>
                    </a:lnTo>
                    <a:lnTo>
                      <a:pt x="990" y="915"/>
                    </a:lnTo>
                    <a:lnTo>
                      <a:pt x="994" y="912"/>
                    </a:lnTo>
                    <a:lnTo>
                      <a:pt x="998" y="909"/>
                    </a:lnTo>
                    <a:lnTo>
                      <a:pt x="1002" y="906"/>
                    </a:lnTo>
                    <a:lnTo>
                      <a:pt x="1012" y="901"/>
                    </a:lnTo>
                    <a:lnTo>
                      <a:pt x="1023" y="893"/>
                    </a:lnTo>
                    <a:lnTo>
                      <a:pt x="1028" y="892"/>
                    </a:lnTo>
                    <a:lnTo>
                      <a:pt x="1033" y="891"/>
                    </a:lnTo>
                    <a:lnTo>
                      <a:pt x="1039" y="892"/>
                    </a:lnTo>
                    <a:lnTo>
                      <a:pt x="1047" y="896"/>
                    </a:lnTo>
                    <a:lnTo>
                      <a:pt x="1055" y="902"/>
                    </a:lnTo>
                    <a:lnTo>
                      <a:pt x="1059" y="909"/>
                    </a:lnTo>
                    <a:lnTo>
                      <a:pt x="1061" y="914"/>
                    </a:lnTo>
                    <a:lnTo>
                      <a:pt x="1063" y="918"/>
                    </a:lnTo>
                    <a:lnTo>
                      <a:pt x="1064" y="919"/>
                    </a:lnTo>
                    <a:lnTo>
                      <a:pt x="1065" y="919"/>
                    </a:lnTo>
                    <a:lnTo>
                      <a:pt x="1068" y="919"/>
                    </a:lnTo>
                    <a:lnTo>
                      <a:pt x="1071" y="919"/>
                    </a:lnTo>
                    <a:lnTo>
                      <a:pt x="1080" y="915"/>
                    </a:lnTo>
                    <a:lnTo>
                      <a:pt x="1094" y="908"/>
                    </a:lnTo>
                    <a:lnTo>
                      <a:pt x="1098" y="905"/>
                    </a:lnTo>
                    <a:lnTo>
                      <a:pt x="1099" y="901"/>
                    </a:lnTo>
                    <a:lnTo>
                      <a:pt x="1100" y="899"/>
                    </a:lnTo>
                    <a:lnTo>
                      <a:pt x="1100" y="895"/>
                    </a:lnTo>
                    <a:lnTo>
                      <a:pt x="1096" y="886"/>
                    </a:lnTo>
                    <a:lnTo>
                      <a:pt x="1091" y="877"/>
                    </a:lnTo>
                    <a:lnTo>
                      <a:pt x="1074" y="858"/>
                    </a:lnTo>
                    <a:lnTo>
                      <a:pt x="1061" y="845"/>
                    </a:lnTo>
                    <a:lnTo>
                      <a:pt x="1054" y="814"/>
                    </a:lnTo>
                    <a:lnTo>
                      <a:pt x="1080" y="800"/>
                    </a:lnTo>
                    <a:lnTo>
                      <a:pt x="1103" y="816"/>
                    </a:lnTo>
                    <a:lnTo>
                      <a:pt x="1160" y="810"/>
                    </a:lnTo>
                    <a:lnTo>
                      <a:pt x="1160" y="810"/>
                    </a:lnTo>
                    <a:lnTo>
                      <a:pt x="1230" y="783"/>
                    </a:lnTo>
                    <a:lnTo>
                      <a:pt x="1236" y="777"/>
                    </a:lnTo>
                    <a:lnTo>
                      <a:pt x="1242" y="769"/>
                    </a:lnTo>
                    <a:lnTo>
                      <a:pt x="1244" y="763"/>
                    </a:lnTo>
                    <a:lnTo>
                      <a:pt x="1245" y="755"/>
                    </a:lnTo>
                    <a:lnTo>
                      <a:pt x="1244" y="747"/>
                    </a:lnTo>
                    <a:lnTo>
                      <a:pt x="1242" y="739"/>
                    </a:lnTo>
                    <a:lnTo>
                      <a:pt x="1239" y="733"/>
                    </a:lnTo>
                    <a:lnTo>
                      <a:pt x="1235" y="725"/>
                    </a:lnTo>
                    <a:lnTo>
                      <a:pt x="1213" y="696"/>
                    </a:lnTo>
                    <a:lnTo>
                      <a:pt x="1194" y="672"/>
                    </a:lnTo>
                    <a:lnTo>
                      <a:pt x="1188" y="663"/>
                    </a:lnTo>
                    <a:lnTo>
                      <a:pt x="1185" y="654"/>
                    </a:lnTo>
                    <a:lnTo>
                      <a:pt x="1181" y="647"/>
                    </a:lnTo>
                    <a:lnTo>
                      <a:pt x="1179" y="641"/>
                    </a:lnTo>
                    <a:lnTo>
                      <a:pt x="1179" y="637"/>
                    </a:lnTo>
                    <a:lnTo>
                      <a:pt x="1181" y="633"/>
                    </a:lnTo>
                    <a:lnTo>
                      <a:pt x="1182" y="630"/>
                    </a:lnTo>
                    <a:lnTo>
                      <a:pt x="1186" y="628"/>
                    </a:lnTo>
                    <a:lnTo>
                      <a:pt x="1207" y="624"/>
                    </a:lnTo>
                    <a:lnTo>
                      <a:pt x="1239" y="620"/>
                    </a:lnTo>
                    <a:lnTo>
                      <a:pt x="1244" y="619"/>
                    </a:lnTo>
                    <a:lnTo>
                      <a:pt x="1249" y="617"/>
                    </a:lnTo>
                    <a:lnTo>
                      <a:pt x="1253" y="615"/>
                    </a:lnTo>
                    <a:lnTo>
                      <a:pt x="1256" y="612"/>
                    </a:lnTo>
                    <a:lnTo>
                      <a:pt x="1258" y="610"/>
                    </a:lnTo>
                    <a:lnTo>
                      <a:pt x="1260" y="606"/>
                    </a:lnTo>
                    <a:lnTo>
                      <a:pt x="1260" y="603"/>
                    </a:lnTo>
                    <a:lnTo>
                      <a:pt x="1260" y="599"/>
                    </a:lnTo>
                    <a:lnTo>
                      <a:pt x="1257" y="592"/>
                    </a:lnTo>
                    <a:lnTo>
                      <a:pt x="1253" y="584"/>
                    </a:lnTo>
                    <a:lnTo>
                      <a:pt x="1247" y="575"/>
                    </a:lnTo>
                    <a:lnTo>
                      <a:pt x="1239" y="566"/>
                    </a:lnTo>
                    <a:lnTo>
                      <a:pt x="1220" y="548"/>
                    </a:lnTo>
                    <a:lnTo>
                      <a:pt x="1201" y="531"/>
                    </a:lnTo>
                    <a:lnTo>
                      <a:pt x="1183" y="516"/>
                    </a:lnTo>
                    <a:lnTo>
                      <a:pt x="1173" y="506"/>
                    </a:lnTo>
                    <a:lnTo>
                      <a:pt x="1163" y="493"/>
                    </a:lnTo>
                    <a:lnTo>
                      <a:pt x="1155" y="481"/>
                    </a:lnTo>
                    <a:lnTo>
                      <a:pt x="1147" y="471"/>
                    </a:lnTo>
                    <a:lnTo>
                      <a:pt x="1141" y="459"/>
                    </a:lnTo>
                    <a:lnTo>
                      <a:pt x="1137" y="448"/>
                    </a:lnTo>
                    <a:lnTo>
                      <a:pt x="1133" y="437"/>
                    </a:lnTo>
                    <a:lnTo>
                      <a:pt x="1130" y="426"/>
                    </a:lnTo>
                    <a:lnTo>
                      <a:pt x="1129" y="414"/>
                    </a:lnTo>
                    <a:lnTo>
                      <a:pt x="1129" y="402"/>
                    </a:lnTo>
                    <a:lnTo>
                      <a:pt x="1130" y="391"/>
                    </a:lnTo>
                    <a:lnTo>
                      <a:pt x="1133" y="379"/>
                    </a:lnTo>
                    <a:lnTo>
                      <a:pt x="1137" y="367"/>
                    </a:lnTo>
                    <a:lnTo>
                      <a:pt x="1141" y="354"/>
                    </a:lnTo>
                    <a:lnTo>
                      <a:pt x="1146" y="342"/>
                    </a:lnTo>
                    <a:lnTo>
                      <a:pt x="1152" y="327"/>
                    </a:lnTo>
                    <a:lnTo>
                      <a:pt x="1160" y="313"/>
                    </a:lnTo>
                    <a:lnTo>
                      <a:pt x="1198" y="230"/>
                    </a:lnTo>
                    <a:lnTo>
                      <a:pt x="1199" y="176"/>
                    </a:lnTo>
                    <a:lnTo>
                      <a:pt x="1199" y="176"/>
                    </a:lnTo>
                    <a:lnTo>
                      <a:pt x="1185" y="178"/>
                    </a:lnTo>
                    <a:lnTo>
                      <a:pt x="1166" y="181"/>
                    </a:lnTo>
                    <a:lnTo>
                      <a:pt x="1146" y="182"/>
                    </a:lnTo>
                    <a:lnTo>
                      <a:pt x="1124" y="182"/>
                    </a:lnTo>
                    <a:lnTo>
                      <a:pt x="1103" y="181"/>
                    </a:lnTo>
                    <a:lnTo>
                      <a:pt x="1084" y="177"/>
                    </a:lnTo>
                    <a:lnTo>
                      <a:pt x="1074" y="174"/>
                    </a:lnTo>
                    <a:lnTo>
                      <a:pt x="1067" y="172"/>
                    </a:lnTo>
                    <a:lnTo>
                      <a:pt x="1060" y="168"/>
                    </a:lnTo>
                    <a:lnTo>
                      <a:pt x="1056" y="164"/>
                    </a:lnTo>
                    <a:lnTo>
                      <a:pt x="1050" y="155"/>
                    </a:lnTo>
                    <a:lnTo>
                      <a:pt x="1045" y="147"/>
                    </a:lnTo>
                    <a:lnTo>
                      <a:pt x="1041" y="138"/>
                    </a:lnTo>
                    <a:lnTo>
                      <a:pt x="1038" y="129"/>
                    </a:lnTo>
                    <a:lnTo>
                      <a:pt x="1036" y="111"/>
                    </a:lnTo>
                    <a:lnTo>
                      <a:pt x="1033" y="95"/>
                    </a:lnTo>
                    <a:lnTo>
                      <a:pt x="1032" y="88"/>
                    </a:lnTo>
                    <a:lnTo>
                      <a:pt x="1029" y="81"/>
                    </a:lnTo>
                    <a:lnTo>
                      <a:pt x="1025" y="75"/>
                    </a:lnTo>
                    <a:lnTo>
                      <a:pt x="1021" y="70"/>
                    </a:lnTo>
                    <a:lnTo>
                      <a:pt x="1014" y="66"/>
                    </a:lnTo>
                    <a:lnTo>
                      <a:pt x="1006" y="63"/>
                    </a:lnTo>
                    <a:lnTo>
                      <a:pt x="994" y="60"/>
                    </a:lnTo>
                    <a:lnTo>
                      <a:pt x="981" y="60"/>
                    </a:lnTo>
                    <a:lnTo>
                      <a:pt x="944" y="62"/>
                    </a:lnTo>
                    <a:lnTo>
                      <a:pt x="905" y="67"/>
                    </a:lnTo>
                    <a:lnTo>
                      <a:pt x="885" y="68"/>
                    </a:lnTo>
                    <a:lnTo>
                      <a:pt x="866" y="68"/>
                    </a:lnTo>
                    <a:lnTo>
                      <a:pt x="857" y="67"/>
                    </a:lnTo>
                    <a:lnTo>
                      <a:pt x="848" y="66"/>
                    </a:lnTo>
                    <a:lnTo>
                      <a:pt x="840" y="64"/>
                    </a:lnTo>
                    <a:lnTo>
                      <a:pt x="832" y="62"/>
                    </a:lnTo>
                    <a:lnTo>
                      <a:pt x="817" y="57"/>
                    </a:lnTo>
                    <a:lnTo>
                      <a:pt x="802" y="53"/>
                    </a:lnTo>
                    <a:lnTo>
                      <a:pt x="795" y="51"/>
                    </a:lnTo>
                    <a:lnTo>
                      <a:pt x="787" y="51"/>
                    </a:lnTo>
                    <a:lnTo>
                      <a:pt x="779" y="51"/>
                    </a:lnTo>
                    <a:lnTo>
                      <a:pt x="771" y="53"/>
                    </a:lnTo>
                    <a:lnTo>
                      <a:pt x="752" y="60"/>
                    </a:lnTo>
                    <a:lnTo>
                      <a:pt x="734" y="67"/>
                    </a:lnTo>
                    <a:lnTo>
                      <a:pt x="725" y="70"/>
                    </a:lnTo>
                    <a:lnTo>
                      <a:pt x="716" y="70"/>
                    </a:lnTo>
                    <a:lnTo>
                      <a:pt x="705" y="70"/>
                    </a:lnTo>
                    <a:lnTo>
                      <a:pt x="692" y="67"/>
                    </a:lnTo>
                    <a:lnTo>
                      <a:pt x="672" y="58"/>
                    </a:lnTo>
                    <a:lnTo>
                      <a:pt x="656" y="50"/>
                    </a:lnTo>
                    <a:lnTo>
                      <a:pt x="648" y="47"/>
                    </a:lnTo>
                    <a:lnTo>
                      <a:pt x="639" y="46"/>
                    </a:lnTo>
                    <a:lnTo>
                      <a:pt x="629" y="47"/>
                    </a:lnTo>
                    <a:lnTo>
                      <a:pt x="616" y="50"/>
                    </a:lnTo>
                    <a:lnTo>
                      <a:pt x="608" y="51"/>
                    </a:lnTo>
                    <a:lnTo>
                      <a:pt x="602" y="53"/>
                    </a:lnTo>
                    <a:lnTo>
                      <a:pt x="596" y="53"/>
                    </a:lnTo>
                    <a:lnTo>
                      <a:pt x="593" y="51"/>
                    </a:lnTo>
                    <a:lnTo>
                      <a:pt x="582" y="49"/>
                    </a:lnTo>
                    <a:lnTo>
                      <a:pt x="570" y="46"/>
                    </a:lnTo>
                    <a:lnTo>
                      <a:pt x="559" y="40"/>
                    </a:lnTo>
                    <a:lnTo>
                      <a:pt x="546" y="33"/>
                    </a:lnTo>
                    <a:lnTo>
                      <a:pt x="530" y="27"/>
                    </a:lnTo>
                    <a:lnTo>
                      <a:pt x="513" y="22"/>
                    </a:lnTo>
                    <a:lnTo>
                      <a:pt x="481" y="13"/>
                    </a:lnTo>
                    <a:lnTo>
                      <a:pt x="454" y="6"/>
                    </a:lnTo>
                    <a:lnTo>
                      <a:pt x="438" y="2"/>
                    </a:lnTo>
                    <a:lnTo>
                      <a:pt x="424" y="1"/>
                    </a:lnTo>
                    <a:lnTo>
                      <a:pt x="411" y="0"/>
                    </a:lnTo>
                    <a:lnTo>
                      <a:pt x="398" y="0"/>
                    </a:lnTo>
                    <a:lnTo>
                      <a:pt x="387" y="0"/>
                    </a:lnTo>
                    <a:lnTo>
                      <a:pt x="375" y="2"/>
                    </a:lnTo>
                    <a:lnTo>
                      <a:pt x="363" y="5"/>
                    </a:lnTo>
                    <a:lnTo>
                      <a:pt x="353" y="9"/>
                    </a:lnTo>
                    <a:lnTo>
                      <a:pt x="341" y="13"/>
                    </a:lnTo>
                    <a:lnTo>
                      <a:pt x="331" y="18"/>
                    </a:lnTo>
                    <a:lnTo>
                      <a:pt x="320" y="23"/>
                    </a:lnTo>
                    <a:lnTo>
                      <a:pt x="310" y="31"/>
                    </a:lnTo>
                    <a:lnTo>
                      <a:pt x="288" y="45"/>
                    </a:lnTo>
                    <a:lnTo>
                      <a:pt x="266" y="63"/>
                    </a:lnTo>
                    <a:lnTo>
                      <a:pt x="244" y="82"/>
                    </a:lnTo>
                    <a:lnTo>
                      <a:pt x="225" y="97"/>
                    </a:lnTo>
                    <a:lnTo>
                      <a:pt x="219" y="99"/>
                    </a:lnTo>
                    <a:lnTo>
                      <a:pt x="214" y="102"/>
                    </a:lnTo>
                    <a:lnTo>
                      <a:pt x="208" y="103"/>
                    </a:lnTo>
                    <a:lnTo>
                      <a:pt x="201" y="103"/>
                    </a:lnTo>
                    <a:lnTo>
                      <a:pt x="195" y="102"/>
                    </a:lnTo>
                    <a:lnTo>
                      <a:pt x="188" y="101"/>
                    </a:lnTo>
                    <a:lnTo>
                      <a:pt x="181" y="98"/>
                    </a:lnTo>
                    <a:lnTo>
                      <a:pt x="173" y="93"/>
                    </a:lnTo>
                    <a:lnTo>
                      <a:pt x="149" y="73"/>
                    </a:lnTo>
                    <a:lnTo>
                      <a:pt x="118" y="45"/>
                    </a:lnTo>
                    <a:lnTo>
                      <a:pt x="102" y="31"/>
                    </a:lnTo>
                    <a:lnTo>
                      <a:pt x="87" y="20"/>
                    </a:lnTo>
                    <a:lnTo>
                      <a:pt x="81" y="16"/>
                    </a:lnTo>
                    <a:lnTo>
                      <a:pt x="74" y="14"/>
                    </a:lnTo>
                    <a:lnTo>
                      <a:pt x="70" y="13"/>
                    </a:lnTo>
                    <a:lnTo>
                      <a:pt x="67" y="14"/>
                    </a:lnTo>
                    <a:lnTo>
                      <a:pt x="59" y="19"/>
                    </a:lnTo>
                    <a:lnTo>
                      <a:pt x="51" y="27"/>
                    </a:lnTo>
                    <a:lnTo>
                      <a:pt x="45" y="36"/>
                    </a:lnTo>
                    <a:lnTo>
                      <a:pt x="38" y="46"/>
                    </a:lnTo>
                    <a:lnTo>
                      <a:pt x="32" y="57"/>
                    </a:lnTo>
                    <a:lnTo>
                      <a:pt x="26" y="67"/>
                    </a:lnTo>
                    <a:lnTo>
                      <a:pt x="22" y="77"/>
                    </a:lnTo>
                    <a:lnTo>
                      <a:pt x="20" y="86"/>
                    </a:lnTo>
                    <a:lnTo>
                      <a:pt x="15" y="99"/>
                    </a:lnTo>
                    <a:lnTo>
                      <a:pt x="11" y="114"/>
                    </a:lnTo>
                    <a:lnTo>
                      <a:pt x="7" y="127"/>
                    </a:lnTo>
                    <a:lnTo>
                      <a:pt x="4" y="141"/>
                    </a:lnTo>
                    <a:lnTo>
                      <a:pt x="2" y="169"/>
                    </a:lnTo>
                    <a:lnTo>
                      <a:pt x="0" y="198"/>
                    </a:lnTo>
                    <a:lnTo>
                      <a:pt x="2" y="203"/>
                    </a:lnTo>
                    <a:lnTo>
                      <a:pt x="3" y="207"/>
                    </a:lnTo>
                    <a:lnTo>
                      <a:pt x="4" y="212"/>
                    </a:lnTo>
                    <a:lnTo>
                      <a:pt x="7" y="217"/>
                    </a:lnTo>
                    <a:lnTo>
                      <a:pt x="13" y="226"/>
                    </a:lnTo>
                    <a:lnTo>
                      <a:pt x="21" y="234"/>
                    </a:lnTo>
                    <a:lnTo>
                      <a:pt x="39" y="250"/>
                    </a:lnTo>
                    <a:lnTo>
                      <a:pt x="55" y="263"/>
                    </a:lnTo>
                    <a:lnTo>
                      <a:pt x="65" y="273"/>
                    </a:lnTo>
                    <a:lnTo>
                      <a:pt x="73" y="283"/>
                    </a:lnTo>
                    <a:lnTo>
                      <a:pt x="81" y="295"/>
                    </a:lnTo>
                    <a:lnTo>
                      <a:pt x="87" y="305"/>
                    </a:lnTo>
                    <a:lnTo>
                      <a:pt x="92" y="317"/>
                    </a:lnTo>
                    <a:lnTo>
                      <a:pt x="96" y="327"/>
                    </a:lnTo>
                    <a:lnTo>
                      <a:pt x="100" y="339"/>
                    </a:lnTo>
                    <a:lnTo>
                      <a:pt x="103" y="351"/>
                    </a:lnTo>
                    <a:lnTo>
                      <a:pt x="109" y="374"/>
                    </a:lnTo>
                    <a:lnTo>
                      <a:pt x="114" y="399"/>
                    </a:lnTo>
                    <a:lnTo>
                      <a:pt x="121" y="423"/>
                    </a:lnTo>
                    <a:lnTo>
                      <a:pt x="131" y="448"/>
                    </a:lnTo>
                    <a:lnTo>
                      <a:pt x="138" y="462"/>
                    </a:lnTo>
                    <a:lnTo>
                      <a:pt x="147" y="475"/>
                    </a:lnTo>
                    <a:lnTo>
                      <a:pt x="156" y="489"/>
                    </a:lnTo>
                    <a:lnTo>
                      <a:pt x="166" y="503"/>
                    </a:lnTo>
                    <a:lnTo>
                      <a:pt x="175" y="516"/>
                    </a:lnTo>
                    <a:lnTo>
                      <a:pt x="184" y="531"/>
                    </a:lnTo>
                    <a:lnTo>
                      <a:pt x="192" y="544"/>
                    </a:lnTo>
                    <a:lnTo>
                      <a:pt x="197" y="557"/>
                    </a:lnTo>
                    <a:lnTo>
                      <a:pt x="222" y="577"/>
                    </a:lnTo>
                    <a:lnTo>
                      <a:pt x="248" y="598"/>
                    </a:lnTo>
                    <a:lnTo>
                      <a:pt x="261" y="608"/>
                    </a:lnTo>
                    <a:lnTo>
                      <a:pt x="271" y="620"/>
                    </a:lnTo>
                    <a:lnTo>
                      <a:pt x="282" y="633"/>
                    </a:lnTo>
                    <a:lnTo>
                      <a:pt x="292" y="647"/>
                    </a:lnTo>
                    <a:lnTo>
                      <a:pt x="305" y="673"/>
                    </a:lnTo>
                    <a:lnTo>
                      <a:pt x="315" y="693"/>
                    </a:lnTo>
                    <a:lnTo>
                      <a:pt x="320" y="703"/>
                    </a:lnTo>
                    <a:lnTo>
                      <a:pt x="328" y="712"/>
                    </a:lnTo>
                    <a:lnTo>
                      <a:pt x="337" y="721"/>
                    </a:lnTo>
                    <a:lnTo>
                      <a:pt x="349" y="731"/>
                    </a:lnTo>
                    <a:lnTo>
                      <a:pt x="379" y="759"/>
                    </a:lnTo>
                    <a:lnTo>
                      <a:pt x="415" y="794"/>
                    </a:lnTo>
                    <a:lnTo>
                      <a:pt x="433" y="810"/>
                    </a:lnTo>
                    <a:lnTo>
                      <a:pt x="451" y="825"/>
                    </a:lnTo>
                    <a:lnTo>
                      <a:pt x="459" y="830"/>
                    </a:lnTo>
                    <a:lnTo>
                      <a:pt x="468" y="835"/>
                    </a:lnTo>
                    <a:lnTo>
                      <a:pt x="476" y="838"/>
                    </a:lnTo>
                    <a:lnTo>
                      <a:pt x="482" y="839"/>
                    </a:lnTo>
                    <a:lnTo>
                      <a:pt x="491" y="840"/>
                    </a:lnTo>
                    <a:lnTo>
                      <a:pt x="498" y="842"/>
                    </a:lnTo>
                    <a:lnTo>
                      <a:pt x="504" y="844"/>
                    </a:lnTo>
                    <a:lnTo>
                      <a:pt x="508" y="847"/>
                    </a:lnTo>
                    <a:lnTo>
                      <a:pt x="511" y="851"/>
                    </a:lnTo>
                    <a:lnTo>
                      <a:pt x="512" y="855"/>
                    </a:lnTo>
                    <a:lnTo>
                      <a:pt x="513" y="858"/>
                    </a:lnTo>
                    <a:lnTo>
                      <a:pt x="513" y="864"/>
                    </a:lnTo>
                    <a:lnTo>
                      <a:pt x="513" y="874"/>
                    </a:lnTo>
                    <a:lnTo>
                      <a:pt x="512" y="887"/>
                    </a:lnTo>
                    <a:lnTo>
                      <a:pt x="513" y="893"/>
                    </a:lnTo>
                    <a:lnTo>
                      <a:pt x="513" y="900"/>
                    </a:lnTo>
                    <a:lnTo>
                      <a:pt x="516" y="908"/>
                    </a:lnTo>
                    <a:lnTo>
                      <a:pt x="519" y="914"/>
                    </a:lnTo>
                    <a:lnTo>
                      <a:pt x="538" y="931"/>
                    </a:lnTo>
                    <a:lnTo>
                      <a:pt x="552" y="941"/>
                    </a:lnTo>
                    <a:lnTo>
                      <a:pt x="555" y="950"/>
                    </a:lnTo>
                    <a:lnTo>
                      <a:pt x="559" y="959"/>
                    </a:lnTo>
                    <a:lnTo>
                      <a:pt x="564" y="967"/>
                    </a:lnTo>
                    <a:lnTo>
                      <a:pt x="569" y="974"/>
                    </a:lnTo>
                    <a:lnTo>
                      <a:pt x="583" y="987"/>
                    </a:lnTo>
                    <a:lnTo>
                      <a:pt x="598" y="998"/>
                    </a:lnTo>
                    <a:lnTo>
                      <a:pt x="605" y="1004"/>
                    </a:lnTo>
                    <a:lnTo>
                      <a:pt x="612" y="1010"/>
                    </a:lnTo>
                    <a:lnTo>
                      <a:pt x="618" y="1016"/>
                    </a:lnTo>
                    <a:lnTo>
                      <a:pt x="624" y="1023"/>
                    </a:lnTo>
                    <a:lnTo>
                      <a:pt x="629" y="1031"/>
                    </a:lnTo>
                    <a:lnTo>
                      <a:pt x="631" y="1040"/>
                    </a:lnTo>
                    <a:lnTo>
                      <a:pt x="634" y="1049"/>
                    </a:lnTo>
                    <a:lnTo>
                      <a:pt x="634" y="1059"/>
                    </a:lnTo>
                    <a:lnTo>
                      <a:pt x="600" y="1084"/>
                    </a:lnTo>
                    <a:lnTo>
                      <a:pt x="600" y="1084"/>
                    </a:lnTo>
                    <a:lnTo>
                      <a:pt x="609" y="1089"/>
                    </a:lnTo>
                    <a:lnTo>
                      <a:pt x="617" y="1094"/>
                    </a:lnTo>
                    <a:lnTo>
                      <a:pt x="625" y="1099"/>
                    </a:lnTo>
                    <a:lnTo>
                      <a:pt x="633" y="1106"/>
                    </a:lnTo>
                    <a:lnTo>
                      <a:pt x="633" y="110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2" name="Freeform 127">
                <a:extLst>
                  <a:ext uri="{FF2B5EF4-FFF2-40B4-BE49-F238E27FC236}">
                    <a16:creationId xmlns:a16="http://schemas.microsoft.com/office/drawing/2014/main" id="{450E01CB-675F-3341-BB0A-C3CF34859BF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557529" y="4772388"/>
                <a:ext cx="876234" cy="897734"/>
              </a:xfrm>
              <a:custGeom>
                <a:avLst/>
                <a:gdLst/>
                <a:ahLst/>
                <a:cxnLst>
                  <a:cxn ang="0">
                    <a:pos x="290" y="754"/>
                  </a:cxn>
                  <a:cxn ang="0">
                    <a:pos x="316" y="842"/>
                  </a:cxn>
                  <a:cxn ang="0">
                    <a:pos x="339" y="722"/>
                  </a:cxn>
                  <a:cxn ang="0">
                    <a:pos x="369" y="696"/>
                  </a:cxn>
                  <a:cxn ang="0">
                    <a:pos x="366" y="737"/>
                  </a:cxn>
                  <a:cxn ang="0">
                    <a:pos x="427" y="982"/>
                  </a:cxn>
                  <a:cxn ang="0">
                    <a:pos x="523" y="1079"/>
                  </a:cxn>
                  <a:cxn ang="0">
                    <a:pos x="237" y="883"/>
                  </a:cxn>
                  <a:cxn ang="0">
                    <a:pos x="295" y="999"/>
                  </a:cxn>
                  <a:cxn ang="0">
                    <a:pos x="415" y="1188"/>
                  </a:cxn>
                  <a:cxn ang="0">
                    <a:pos x="476" y="1255"/>
                  </a:cxn>
                  <a:cxn ang="0">
                    <a:pos x="496" y="1190"/>
                  </a:cxn>
                  <a:cxn ang="0">
                    <a:pos x="576" y="1285"/>
                  </a:cxn>
                  <a:cxn ang="0">
                    <a:pos x="694" y="1433"/>
                  </a:cxn>
                  <a:cxn ang="0">
                    <a:pos x="949" y="1554"/>
                  </a:cxn>
                  <a:cxn ang="0">
                    <a:pos x="1011" y="1604"/>
                  </a:cxn>
                  <a:cxn ang="0">
                    <a:pos x="1027" y="1640"/>
                  </a:cxn>
                  <a:cxn ang="0">
                    <a:pos x="934" y="1672"/>
                  </a:cxn>
                  <a:cxn ang="0">
                    <a:pos x="1136" y="1671"/>
                  </a:cxn>
                  <a:cxn ang="0">
                    <a:pos x="1032" y="1727"/>
                  </a:cxn>
                  <a:cxn ang="0">
                    <a:pos x="1075" y="1771"/>
                  </a:cxn>
                  <a:cxn ang="0">
                    <a:pos x="1110" y="1738"/>
                  </a:cxn>
                  <a:cxn ang="0">
                    <a:pos x="1243" y="1858"/>
                  </a:cxn>
                  <a:cxn ang="0">
                    <a:pos x="1349" y="1860"/>
                  </a:cxn>
                  <a:cxn ang="0">
                    <a:pos x="1181" y="1720"/>
                  </a:cxn>
                  <a:cxn ang="0">
                    <a:pos x="1353" y="1802"/>
                  </a:cxn>
                  <a:cxn ang="0">
                    <a:pos x="1557" y="1931"/>
                  </a:cxn>
                  <a:cxn ang="0">
                    <a:pos x="1413" y="1824"/>
                  </a:cxn>
                  <a:cxn ang="0">
                    <a:pos x="1545" y="1876"/>
                  </a:cxn>
                  <a:cxn ang="0">
                    <a:pos x="1221" y="1671"/>
                  </a:cxn>
                  <a:cxn ang="0">
                    <a:pos x="957" y="1483"/>
                  </a:cxn>
                  <a:cxn ang="0">
                    <a:pos x="789" y="1487"/>
                  </a:cxn>
                  <a:cxn ang="0">
                    <a:pos x="594" y="1240"/>
                  </a:cxn>
                  <a:cxn ang="0">
                    <a:pos x="579" y="1122"/>
                  </a:cxn>
                  <a:cxn ang="0">
                    <a:pos x="563" y="1036"/>
                  </a:cxn>
                  <a:cxn ang="0">
                    <a:pos x="443" y="707"/>
                  </a:cxn>
                  <a:cxn ang="0">
                    <a:pos x="264" y="657"/>
                  </a:cxn>
                  <a:cxn ang="0">
                    <a:pos x="133" y="834"/>
                  </a:cxn>
                  <a:cxn ang="0">
                    <a:pos x="2" y="563"/>
                  </a:cxn>
                  <a:cxn ang="0">
                    <a:pos x="225" y="553"/>
                  </a:cxn>
                  <a:cxn ang="0">
                    <a:pos x="366" y="471"/>
                  </a:cxn>
                  <a:cxn ang="0">
                    <a:pos x="576" y="553"/>
                  </a:cxn>
                  <a:cxn ang="0">
                    <a:pos x="744" y="385"/>
                  </a:cxn>
                  <a:cxn ang="0">
                    <a:pos x="726" y="227"/>
                  </a:cxn>
                  <a:cxn ang="0">
                    <a:pos x="921" y="149"/>
                  </a:cxn>
                  <a:cxn ang="0">
                    <a:pos x="1000" y="17"/>
                  </a:cxn>
                  <a:cxn ang="0">
                    <a:pos x="1149" y="215"/>
                  </a:cxn>
                  <a:cxn ang="0">
                    <a:pos x="1406" y="408"/>
                  </a:cxn>
                  <a:cxn ang="0">
                    <a:pos x="1676" y="385"/>
                  </a:cxn>
                  <a:cxn ang="0">
                    <a:pos x="1798" y="518"/>
                  </a:cxn>
                  <a:cxn ang="0">
                    <a:pos x="1900" y="663"/>
                  </a:cxn>
                  <a:cxn ang="0">
                    <a:pos x="1921" y="828"/>
                  </a:cxn>
                  <a:cxn ang="0">
                    <a:pos x="1755" y="747"/>
                  </a:cxn>
                  <a:cxn ang="0">
                    <a:pos x="1554" y="714"/>
                  </a:cxn>
                  <a:cxn ang="0">
                    <a:pos x="1361" y="698"/>
                  </a:cxn>
                  <a:cxn ang="0">
                    <a:pos x="1146" y="653"/>
                  </a:cxn>
                  <a:cxn ang="0">
                    <a:pos x="936" y="754"/>
                  </a:cxn>
                  <a:cxn ang="0">
                    <a:pos x="773" y="679"/>
                  </a:cxn>
                  <a:cxn ang="0">
                    <a:pos x="729" y="869"/>
                  </a:cxn>
                  <a:cxn ang="0">
                    <a:pos x="853" y="1100"/>
                  </a:cxn>
                  <a:cxn ang="0">
                    <a:pos x="1037" y="1345"/>
                  </a:cxn>
                  <a:cxn ang="0">
                    <a:pos x="1230" y="1499"/>
                  </a:cxn>
                  <a:cxn ang="0">
                    <a:pos x="1291" y="1626"/>
                  </a:cxn>
                </a:cxnLst>
                <a:rect l="0" t="0" r="r" b="b"/>
                <a:pathLst>
                  <a:path w="1921" h="1987">
                    <a:moveTo>
                      <a:pt x="282" y="860"/>
                    </a:moveTo>
                    <a:lnTo>
                      <a:pt x="274" y="851"/>
                    </a:lnTo>
                    <a:lnTo>
                      <a:pt x="268" y="842"/>
                    </a:lnTo>
                    <a:lnTo>
                      <a:pt x="266" y="837"/>
                    </a:lnTo>
                    <a:lnTo>
                      <a:pt x="264" y="832"/>
                    </a:lnTo>
                    <a:lnTo>
                      <a:pt x="263" y="826"/>
                    </a:lnTo>
                    <a:lnTo>
                      <a:pt x="263" y="820"/>
                    </a:lnTo>
                    <a:lnTo>
                      <a:pt x="264" y="812"/>
                    </a:lnTo>
                    <a:lnTo>
                      <a:pt x="268" y="806"/>
                    </a:lnTo>
                    <a:lnTo>
                      <a:pt x="272" y="801"/>
                    </a:lnTo>
                    <a:lnTo>
                      <a:pt x="276" y="794"/>
                    </a:lnTo>
                    <a:lnTo>
                      <a:pt x="278" y="784"/>
                    </a:lnTo>
                    <a:lnTo>
                      <a:pt x="282" y="768"/>
                    </a:lnTo>
                    <a:lnTo>
                      <a:pt x="285" y="762"/>
                    </a:lnTo>
                    <a:lnTo>
                      <a:pt x="287" y="755"/>
                    </a:lnTo>
                    <a:lnTo>
                      <a:pt x="290" y="754"/>
                    </a:lnTo>
                    <a:lnTo>
                      <a:pt x="291" y="751"/>
                    </a:lnTo>
                    <a:lnTo>
                      <a:pt x="294" y="751"/>
                    </a:lnTo>
                    <a:lnTo>
                      <a:pt x="296" y="751"/>
                    </a:lnTo>
                    <a:lnTo>
                      <a:pt x="299" y="754"/>
                    </a:lnTo>
                    <a:lnTo>
                      <a:pt x="301" y="756"/>
                    </a:lnTo>
                    <a:lnTo>
                      <a:pt x="303" y="760"/>
                    </a:lnTo>
                    <a:lnTo>
                      <a:pt x="305" y="766"/>
                    </a:lnTo>
                    <a:lnTo>
                      <a:pt x="308" y="775"/>
                    </a:lnTo>
                    <a:lnTo>
                      <a:pt x="308" y="782"/>
                    </a:lnTo>
                    <a:lnTo>
                      <a:pt x="308" y="790"/>
                    </a:lnTo>
                    <a:lnTo>
                      <a:pt x="307" y="798"/>
                    </a:lnTo>
                    <a:lnTo>
                      <a:pt x="307" y="807"/>
                    </a:lnTo>
                    <a:lnTo>
                      <a:pt x="308" y="815"/>
                    </a:lnTo>
                    <a:lnTo>
                      <a:pt x="311" y="823"/>
                    </a:lnTo>
                    <a:lnTo>
                      <a:pt x="314" y="833"/>
                    </a:lnTo>
                    <a:lnTo>
                      <a:pt x="316" y="842"/>
                    </a:lnTo>
                    <a:lnTo>
                      <a:pt x="317" y="851"/>
                    </a:lnTo>
                    <a:lnTo>
                      <a:pt x="318" y="860"/>
                    </a:lnTo>
                    <a:lnTo>
                      <a:pt x="318" y="870"/>
                    </a:lnTo>
                    <a:lnTo>
                      <a:pt x="317" y="874"/>
                    </a:lnTo>
                    <a:lnTo>
                      <a:pt x="314" y="878"/>
                    </a:lnTo>
                    <a:lnTo>
                      <a:pt x="312" y="881"/>
                    </a:lnTo>
                    <a:lnTo>
                      <a:pt x="309" y="882"/>
                    </a:lnTo>
                    <a:lnTo>
                      <a:pt x="305" y="883"/>
                    </a:lnTo>
                    <a:lnTo>
                      <a:pt x="301" y="883"/>
                    </a:lnTo>
                    <a:lnTo>
                      <a:pt x="298" y="882"/>
                    </a:lnTo>
                    <a:lnTo>
                      <a:pt x="294" y="880"/>
                    </a:lnTo>
                    <a:lnTo>
                      <a:pt x="282" y="860"/>
                    </a:lnTo>
                    <a:close/>
                    <a:moveTo>
                      <a:pt x="366" y="737"/>
                    </a:moveTo>
                    <a:lnTo>
                      <a:pt x="356" y="732"/>
                    </a:lnTo>
                    <a:lnTo>
                      <a:pt x="345" y="725"/>
                    </a:lnTo>
                    <a:lnTo>
                      <a:pt x="339" y="722"/>
                    </a:lnTo>
                    <a:lnTo>
                      <a:pt x="330" y="716"/>
                    </a:lnTo>
                    <a:lnTo>
                      <a:pt x="322" y="710"/>
                    </a:lnTo>
                    <a:lnTo>
                      <a:pt x="320" y="703"/>
                    </a:lnTo>
                    <a:lnTo>
                      <a:pt x="320" y="699"/>
                    </a:lnTo>
                    <a:lnTo>
                      <a:pt x="322" y="694"/>
                    </a:lnTo>
                    <a:lnTo>
                      <a:pt x="325" y="689"/>
                    </a:lnTo>
                    <a:lnTo>
                      <a:pt x="329" y="685"/>
                    </a:lnTo>
                    <a:lnTo>
                      <a:pt x="335" y="676"/>
                    </a:lnTo>
                    <a:lnTo>
                      <a:pt x="342" y="668"/>
                    </a:lnTo>
                    <a:lnTo>
                      <a:pt x="345" y="668"/>
                    </a:lnTo>
                    <a:lnTo>
                      <a:pt x="348" y="670"/>
                    </a:lnTo>
                    <a:lnTo>
                      <a:pt x="352" y="671"/>
                    </a:lnTo>
                    <a:lnTo>
                      <a:pt x="355" y="674"/>
                    </a:lnTo>
                    <a:lnTo>
                      <a:pt x="360" y="680"/>
                    </a:lnTo>
                    <a:lnTo>
                      <a:pt x="365" y="688"/>
                    </a:lnTo>
                    <a:lnTo>
                      <a:pt x="369" y="696"/>
                    </a:lnTo>
                    <a:lnTo>
                      <a:pt x="374" y="703"/>
                    </a:lnTo>
                    <a:lnTo>
                      <a:pt x="379" y="710"/>
                    </a:lnTo>
                    <a:lnTo>
                      <a:pt x="384" y="715"/>
                    </a:lnTo>
                    <a:lnTo>
                      <a:pt x="390" y="720"/>
                    </a:lnTo>
                    <a:lnTo>
                      <a:pt x="393" y="725"/>
                    </a:lnTo>
                    <a:lnTo>
                      <a:pt x="397" y="731"/>
                    </a:lnTo>
                    <a:lnTo>
                      <a:pt x="399" y="737"/>
                    </a:lnTo>
                    <a:lnTo>
                      <a:pt x="400" y="741"/>
                    </a:lnTo>
                    <a:lnTo>
                      <a:pt x="399" y="745"/>
                    </a:lnTo>
                    <a:lnTo>
                      <a:pt x="397" y="749"/>
                    </a:lnTo>
                    <a:lnTo>
                      <a:pt x="395" y="753"/>
                    </a:lnTo>
                    <a:lnTo>
                      <a:pt x="392" y="755"/>
                    </a:lnTo>
                    <a:lnTo>
                      <a:pt x="390" y="758"/>
                    </a:lnTo>
                    <a:lnTo>
                      <a:pt x="386" y="759"/>
                    </a:lnTo>
                    <a:lnTo>
                      <a:pt x="383" y="759"/>
                    </a:lnTo>
                    <a:lnTo>
                      <a:pt x="366" y="737"/>
                    </a:lnTo>
                    <a:close/>
                    <a:moveTo>
                      <a:pt x="483" y="1001"/>
                    </a:moveTo>
                    <a:lnTo>
                      <a:pt x="472" y="992"/>
                    </a:lnTo>
                    <a:lnTo>
                      <a:pt x="462" y="983"/>
                    </a:lnTo>
                    <a:lnTo>
                      <a:pt x="453" y="973"/>
                    </a:lnTo>
                    <a:lnTo>
                      <a:pt x="443" y="962"/>
                    </a:lnTo>
                    <a:lnTo>
                      <a:pt x="437" y="957"/>
                    </a:lnTo>
                    <a:lnTo>
                      <a:pt x="430" y="948"/>
                    </a:lnTo>
                    <a:lnTo>
                      <a:pt x="422" y="942"/>
                    </a:lnTo>
                    <a:lnTo>
                      <a:pt x="415" y="939"/>
                    </a:lnTo>
                    <a:lnTo>
                      <a:pt x="412" y="939"/>
                    </a:lnTo>
                    <a:lnTo>
                      <a:pt x="409" y="940"/>
                    </a:lnTo>
                    <a:lnTo>
                      <a:pt x="408" y="943"/>
                    </a:lnTo>
                    <a:lnTo>
                      <a:pt x="408" y="947"/>
                    </a:lnTo>
                    <a:lnTo>
                      <a:pt x="410" y="955"/>
                    </a:lnTo>
                    <a:lnTo>
                      <a:pt x="414" y="964"/>
                    </a:lnTo>
                    <a:lnTo>
                      <a:pt x="427" y="982"/>
                    </a:lnTo>
                    <a:lnTo>
                      <a:pt x="436" y="992"/>
                    </a:lnTo>
                    <a:lnTo>
                      <a:pt x="450" y="1009"/>
                    </a:lnTo>
                    <a:lnTo>
                      <a:pt x="465" y="1025"/>
                    </a:lnTo>
                    <a:lnTo>
                      <a:pt x="472" y="1036"/>
                    </a:lnTo>
                    <a:lnTo>
                      <a:pt x="479" y="1049"/>
                    </a:lnTo>
                    <a:lnTo>
                      <a:pt x="483" y="1056"/>
                    </a:lnTo>
                    <a:lnTo>
                      <a:pt x="487" y="1062"/>
                    </a:lnTo>
                    <a:lnTo>
                      <a:pt x="492" y="1067"/>
                    </a:lnTo>
                    <a:lnTo>
                      <a:pt x="497" y="1074"/>
                    </a:lnTo>
                    <a:lnTo>
                      <a:pt x="501" y="1076"/>
                    </a:lnTo>
                    <a:lnTo>
                      <a:pt x="507" y="1082"/>
                    </a:lnTo>
                    <a:lnTo>
                      <a:pt x="511" y="1083"/>
                    </a:lnTo>
                    <a:lnTo>
                      <a:pt x="515" y="1084"/>
                    </a:lnTo>
                    <a:lnTo>
                      <a:pt x="518" y="1084"/>
                    </a:lnTo>
                    <a:lnTo>
                      <a:pt x="520" y="1083"/>
                    </a:lnTo>
                    <a:lnTo>
                      <a:pt x="523" y="1079"/>
                    </a:lnTo>
                    <a:lnTo>
                      <a:pt x="523" y="1074"/>
                    </a:lnTo>
                    <a:lnTo>
                      <a:pt x="522" y="1069"/>
                    </a:lnTo>
                    <a:lnTo>
                      <a:pt x="520" y="1063"/>
                    </a:lnTo>
                    <a:lnTo>
                      <a:pt x="513" y="1054"/>
                    </a:lnTo>
                    <a:lnTo>
                      <a:pt x="506" y="1048"/>
                    </a:lnTo>
                    <a:lnTo>
                      <a:pt x="483" y="1001"/>
                    </a:lnTo>
                    <a:close/>
                    <a:moveTo>
                      <a:pt x="294" y="952"/>
                    </a:moveTo>
                    <a:lnTo>
                      <a:pt x="285" y="940"/>
                    </a:lnTo>
                    <a:lnTo>
                      <a:pt x="278" y="926"/>
                    </a:lnTo>
                    <a:lnTo>
                      <a:pt x="272" y="915"/>
                    </a:lnTo>
                    <a:lnTo>
                      <a:pt x="263" y="902"/>
                    </a:lnTo>
                    <a:lnTo>
                      <a:pt x="259" y="895"/>
                    </a:lnTo>
                    <a:lnTo>
                      <a:pt x="253" y="890"/>
                    </a:lnTo>
                    <a:lnTo>
                      <a:pt x="248" y="886"/>
                    </a:lnTo>
                    <a:lnTo>
                      <a:pt x="243" y="883"/>
                    </a:lnTo>
                    <a:lnTo>
                      <a:pt x="237" y="883"/>
                    </a:lnTo>
                    <a:lnTo>
                      <a:pt x="233" y="885"/>
                    </a:lnTo>
                    <a:lnTo>
                      <a:pt x="230" y="887"/>
                    </a:lnTo>
                    <a:lnTo>
                      <a:pt x="229" y="891"/>
                    </a:lnTo>
                    <a:lnTo>
                      <a:pt x="228" y="896"/>
                    </a:lnTo>
                    <a:lnTo>
                      <a:pt x="229" y="902"/>
                    </a:lnTo>
                    <a:lnTo>
                      <a:pt x="229" y="905"/>
                    </a:lnTo>
                    <a:lnTo>
                      <a:pt x="231" y="909"/>
                    </a:lnTo>
                    <a:lnTo>
                      <a:pt x="243" y="925"/>
                    </a:lnTo>
                    <a:lnTo>
                      <a:pt x="255" y="940"/>
                    </a:lnTo>
                    <a:lnTo>
                      <a:pt x="263" y="950"/>
                    </a:lnTo>
                    <a:lnTo>
                      <a:pt x="269" y="959"/>
                    </a:lnTo>
                    <a:lnTo>
                      <a:pt x="276" y="969"/>
                    </a:lnTo>
                    <a:lnTo>
                      <a:pt x="282" y="979"/>
                    </a:lnTo>
                    <a:lnTo>
                      <a:pt x="287" y="987"/>
                    </a:lnTo>
                    <a:lnTo>
                      <a:pt x="292" y="995"/>
                    </a:lnTo>
                    <a:lnTo>
                      <a:pt x="295" y="999"/>
                    </a:lnTo>
                    <a:lnTo>
                      <a:pt x="298" y="1000"/>
                    </a:lnTo>
                    <a:lnTo>
                      <a:pt x="300" y="1000"/>
                    </a:lnTo>
                    <a:lnTo>
                      <a:pt x="301" y="999"/>
                    </a:lnTo>
                    <a:lnTo>
                      <a:pt x="303" y="994"/>
                    </a:lnTo>
                    <a:lnTo>
                      <a:pt x="303" y="987"/>
                    </a:lnTo>
                    <a:lnTo>
                      <a:pt x="294" y="952"/>
                    </a:lnTo>
                    <a:close/>
                    <a:moveTo>
                      <a:pt x="470" y="1281"/>
                    </a:moveTo>
                    <a:lnTo>
                      <a:pt x="462" y="1271"/>
                    </a:lnTo>
                    <a:lnTo>
                      <a:pt x="457" y="1262"/>
                    </a:lnTo>
                    <a:lnTo>
                      <a:pt x="450" y="1251"/>
                    </a:lnTo>
                    <a:lnTo>
                      <a:pt x="444" y="1241"/>
                    </a:lnTo>
                    <a:lnTo>
                      <a:pt x="437" y="1228"/>
                    </a:lnTo>
                    <a:lnTo>
                      <a:pt x="431" y="1214"/>
                    </a:lnTo>
                    <a:lnTo>
                      <a:pt x="425" y="1203"/>
                    </a:lnTo>
                    <a:lnTo>
                      <a:pt x="418" y="1193"/>
                    </a:lnTo>
                    <a:lnTo>
                      <a:pt x="415" y="1188"/>
                    </a:lnTo>
                    <a:lnTo>
                      <a:pt x="414" y="1183"/>
                    </a:lnTo>
                    <a:lnTo>
                      <a:pt x="413" y="1177"/>
                    </a:lnTo>
                    <a:lnTo>
                      <a:pt x="413" y="1171"/>
                    </a:lnTo>
                    <a:lnTo>
                      <a:pt x="413" y="1168"/>
                    </a:lnTo>
                    <a:lnTo>
                      <a:pt x="414" y="1167"/>
                    </a:lnTo>
                    <a:lnTo>
                      <a:pt x="415" y="1167"/>
                    </a:lnTo>
                    <a:lnTo>
                      <a:pt x="417" y="1167"/>
                    </a:lnTo>
                    <a:lnTo>
                      <a:pt x="421" y="1170"/>
                    </a:lnTo>
                    <a:lnTo>
                      <a:pt x="425" y="1174"/>
                    </a:lnTo>
                    <a:lnTo>
                      <a:pt x="431" y="1184"/>
                    </a:lnTo>
                    <a:lnTo>
                      <a:pt x="435" y="1189"/>
                    </a:lnTo>
                    <a:lnTo>
                      <a:pt x="444" y="1207"/>
                    </a:lnTo>
                    <a:lnTo>
                      <a:pt x="454" y="1224"/>
                    </a:lnTo>
                    <a:lnTo>
                      <a:pt x="462" y="1234"/>
                    </a:lnTo>
                    <a:lnTo>
                      <a:pt x="470" y="1245"/>
                    </a:lnTo>
                    <a:lnTo>
                      <a:pt x="476" y="1255"/>
                    </a:lnTo>
                    <a:lnTo>
                      <a:pt x="483" y="1267"/>
                    </a:lnTo>
                    <a:lnTo>
                      <a:pt x="485" y="1273"/>
                    </a:lnTo>
                    <a:lnTo>
                      <a:pt x="489" y="1282"/>
                    </a:lnTo>
                    <a:lnTo>
                      <a:pt x="491" y="1286"/>
                    </a:lnTo>
                    <a:lnTo>
                      <a:pt x="489" y="1289"/>
                    </a:lnTo>
                    <a:lnTo>
                      <a:pt x="488" y="1291"/>
                    </a:lnTo>
                    <a:lnTo>
                      <a:pt x="483" y="1290"/>
                    </a:lnTo>
                    <a:lnTo>
                      <a:pt x="470" y="1281"/>
                    </a:lnTo>
                    <a:close/>
                    <a:moveTo>
                      <a:pt x="551" y="1268"/>
                    </a:moveTo>
                    <a:lnTo>
                      <a:pt x="539" y="1255"/>
                    </a:lnTo>
                    <a:lnTo>
                      <a:pt x="528" y="1242"/>
                    </a:lnTo>
                    <a:lnTo>
                      <a:pt x="519" y="1229"/>
                    </a:lnTo>
                    <a:lnTo>
                      <a:pt x="509" y="1215"/>
                    </a:lnTo>
                    <a:lnTo>
                      <a:pt x="502" y="1206"/>
                    </a:lnTo>
                    <a:lnTo>
                      <a:pt x="497" y="1194"/>
                    </a:lnTo>
                    <a:lnTo>
                      <a:pt x="496" y="1190"/>
                    </a:lnTo>
                    <a:lnTo>
                      <a:pt x="497" y="1189"/>
                    </a:lnTo>
                    <a:lnTo>
                      <a:pt x="501" y="1189"/>
                    </a:lnTo>
                    <a:lnTo>
                      <a:pt x="507" y="1194"/>
                    </a:lnTo>
                    <a:lnTo>
                      <a:pt x="524" y="1209"/>
                    </a:lnTo>
                    <a:lnTo>
                      <a:pt x="541" y="1223"/>
                    </a:lnTo>
                    <a:lnTo>
                      <a:pt x="553" y="1232"/>
                    </a:lnTo>
                    <a:lnTo>
                      <a:pt x="563" y="1242"/>
                    </a:lnTo>
                    <a:lnTo>
                      <a:pt x="573" y="1253"/>
                    </a:lnTo>
                    <a:lnTo>
                      <a:pt x="581" y="1264"/>
                    </a:lnTo>
                    <a:lnTo>
                      <a:pt x="588" y="1272"/>
                    </a:lnTo>
                    <a:lnTo>
                      <a:pt x="592" y="1280"/>
                    </a:lnTo>
                    <a:lnTo>
                      <a:pt x="592" y="1284"/>
                    </a:lnTo>
                    <a:lnTo>
                      <a:pt x="589" y="1285"/>
                    </a:lnTo>
                    <a:lnTo>
                      <a:pt x="586" y="1286"/>
                    </a:lnTo>
                    <a:lnTo>
                      <a:pt x="584" y="1286"/>
                    </a:lnTo>
                    <a:lnTo>
                      <a:pt x="576" y="1285"/>
                    </a:lnTo>
                    <a:lnTo>
                      <a:pt x="572" y="1282"/>
                    </a:lnTo>
                    <a:lnTo>
                      <a:pt x="551" y="1268"/>
                    </a:lnTo>
                    <a:close/>
                    <a:moveTo>
                      <a:pt x="710" y="1413"/>
                    </a:moveTo>
                    <a:lnTo>
                      <a:pt x="698" y="1407"/>
                    </a:lnTo>
                    <a:lnTo>
                      <a:pt x="686" y="1400"/>
                    </a:lnTo>
                    <a:lnTo>
                      <a:pt x="680" y="1398"/>
                    </a:lnTo>
                    <a:lnTo>
                      <a:pt x="673" y="1396"/>
                    </a:lnTo>
                    <a:lnTo>
                      <a:pt x="669" y="1396"/>
                    </a:lnTo>
                    <a:lnTo>
                      <a:pt x="665" y="1398"/>
                    </a:lnTo>
                    <a:lnTo>
                      <a:pt x="664" y="1403"/>
                    </a:lnTo>
                    <a:lnTo>
                      <a:pt x="665" y="1408"/>
                    </a:lnTo>
                    <a:lnTo>
                      <a:pt x="675" y="1415"/>
                    </a:lnTo>
                    <a:lnTo>
                      <a:pt x="684" y="1421"/>
                    </a:lnTo>
                    <a:lnTo>
                      <a:pt x="686" y="1428"/>
                    </a:lnTo>
                    <a:lnTo>
                      <a:pt x="690" y="1433"/>
                    </a:lnTo>
                    <a:lnTo>
                      <a:pt x="694" y="1433"/>
                    </a:lnTo>
                    <a:lnTo>
                      <a:pt x="698" y="1433"/>
                    </a:lnTo>
                    <a:lnTo>
                      <a:pt x="702" y="1431"/>
                    </a:lnTo>
                    <a:lnTo>
                      <a:pt x="706" y="1429"/>
                    </a:lnTo>
                    <a:lnTo>
                      <a:pt x="710" y="1413"/>
                    </a:lnTo>
                    <a:close/>
                    <a:moveTo>
                      <a:pt x="1050" y="1574"/>
                    </a:moveTo>
                    <a:lnTo>
                      <a:pt x="1033" y="1569"/>
                    </a:lnTo>
                    <a:lnTo>
                      <a:pt x="1017" y="1564"/>
                    </a:lnTo>
                    <a:lnTo>
                      <a:pt x="1004" y="1558"/>
                    </a:lnTo>
                    <a:lnTo>
                      <a:pt x="989" y="1552"/>
                    </a:lnTo>
                    <a:lnTo>
                      <a:pt x="983" y="1549"/>
                    </a:lnTo>
                    <a:lnTo>
                      <a:pt x="975" y="1547"/>
                    </a:lnTo>
                    <a:lnTo>
                      <a:pt x="969" y="1545"/>
                    </a:lnTo>
                    <a:lnTo>
                      <a:pt x="962" y="1545"/>
                    </a:lnTo>
                    <a:lnTo>
                      <a:pt x="957" y="1548"/>
                    </a:lnTo>
                    <a:lnTo>
                      <a:pt x="952" y="1551"/>
                    </a:lnTo>
                    <a:lnTo>
                      <a:pt x="949" y="1554"/>
                    </a:lnTo>
                    <a:lnTo>
                      <a:pt x="947" y="1560"/>
                    </a:lnTo>
                    <a:lnTo>
                      <a:pt x="945" y="1565"/>
                    </a:lnTo>
                    <a:lnTo>
                      <a:pt x="945" y="1570"/>
                    </a:lnTo>
                    <a:lnTo>
                      <a:pt x="945" y="1575"/>
                    </a:lnTo>
                    <a:lnTo>
                      <a:pt x="948" y="1580"/>
                    </a:lnTo>
                    <a:lnTo>
                      <a:pt x="949" y="1584"/>
                    </a:lnTo>
                    <a:lnTo>
                      <a:pt x="953" y="1588"/>
                    </a:lnTo>
                    <a:lnTo>
                      <a:pt x="956" y="1591"/>
                    </a:lnTo>
                    <a:lnTo>
                      <a:pt x="960" y="1592"/>
                    </a:lnTo>
                    <a:lnTo>
                      <a:pt x="967" y="1595"/>
                    </a:lnTo>
                    <a:lnTo>
                      <a:pt x="976" y="1595"/>
                    </a:lnTo>
                    <a:lnTo>
                      <a:pt x="984" y="1596"/>
                    </a:lnTo>
                    <a:lnTo>
                      <a:pt x="992" y="1597"/>
                    </a:lnTo>
                    <a:lnTo>
                      <a:pt x="998" y="1599"/>
                    </a:lnTo>
                    <a:lnTo>
                      <a:pt x="1005" y="1601"/>
                    </a:lnTo>
                    <a:lnTo>
                      <a:pt x="1011" y="1604"/>
                    </a:lnTo>
                    <a:lnTo>
                      <a:pt x="1019" y="1606"/>
                    </a:lnTo>
                    <a:lnTo>
                      <a:pt x="1027" y="1608"/>
                    </a:lnTo>
                    <a:lnTo>
                      <a:pt x="1035" y="1608"/>
                    </a:lnTo>
                    <a:lnTo>
                      <a:pt x="1048" y="1608"/>
                    </a:lnTo>
                    <a:lnTo>
                      <a:pt x="1059" y="1605"/>
                    </a:lnTo>
                    <a:lnTo>
                      <a:pt x="1064" y="1602"/>
                    </a:lnTo>
                    <a:lnTo>
                      <a:pt x="1068" y="1599"/>
                    </a:lnTo>
                    <a:lnTo>
                      <a:pt x="1070" y="1593"/>
                    </a:lnTo>
                    <a:lnTo>
                      <a:pt x="1071" y="1586"/>
                    </a:lnTo>
                    <a:lnTo>
                      <a:pt x="1050" y="1574"/>
                    </a:lnTo>
                    <a:close/>
                    <a:moveTo>
                      <a:pt x="1107" y="1652"/>
                    </a:moveTo>
                    <a:lnTo>
                      <a:pt x="1093" y="1654"/>
                    </a:lnTo>
                    <a:lnTo>
                      <a:pt x="1077" y="1654"/>
                    </a:lnTo>
                    <a:lnTo>
                      <a:pt x="1061" y="1653"/>
                    </a:lnTo>
                    <a:lnTo>
                      <a:pt x="1046" y="1650"/>
                    </a:lnTo>
                    <a:lnTo>
                      <a:pt x="1027" y="1640"/>
                    </a:lnTo>
                    <a:lnTo>
                      <a:pt x="1006" y="1628"/>
                    </a:lnTo>
                    <a:lnTo>
                      <a:pt x="996" y="1624"/>
                    </a:lnTo>
                    <a:lnTo>
                      <a:pt x="987" y="1623"/>
                    </a:lnTo>
                    <a:lnTo>
                      <a:pt x="982" y="1624"/>
                    </a:lnTo>
                    <a:lnTo>
                      <a:pt x="976" y="1626"/>
                    </a:lnTo>
                    <a:lnTo>
                      <a:pt x="973" y="1630"/>
                    </a:lnTo>
                    <a:lnTo>
                      <a:pt x="967" y="1633"/>
                    </a:lnTo>
                    <a:lnTo>
                      <a:pt x="954" y="1641"/>
                    </a:lnTo>
                    <a:lnTo>
                      <a:pt x="936" y="1652"/>
                    </a:lnTo>
                    <a:lnTo>
                      <a:pt x="932" y="1656"/>
                    </a:lnTo>
                    <a:lnTo>
                      <a:pt x="930" y="1658"/>
                    </a:lnTo>
                    <a:lnTo>
                      <a:pt x="927" y="1661"/>
                    </a:lnTo>
                    <a:lnTo>
                      <a:pt x="927" y="1663"/>
                    </a:lnTo>
                    <a:lnTo>
                      <a:pt x="927" y="1666"/>
                    </a:lnTo>
                    <a:lnTo>
                      <a:pt x="930" y="1670"/>
                    </a:lnTo>
                    <a:lnTo>
                      <a:pt x="934" y="1672"/>
                    </a:lnTo>
                    <a:lnTo>
                      <a:pt x="939" y="1675"/>
                    </a:lnTo>
                    <a:lnTo>
                      <a:pt x="949" y="1678"/>
                    </a:lnTo>
                    <a:lnTo>
                      <a:pt x="961" y="1679"/>
                    </a:lnTo>
                    <a:lnTo>
                      <a:pt x="971" y="1679"/>
                    </a:lnTo>
                    <a:lnTo>
                      <a:pt x="983" y="1679"/>
                    </a:lnTo>
                    <a:lnTo>
                      <a:pt x="1005" y="1678"/>
                    </a:lnTo>
                    <a:lnTo>
                      <a:pt x="1026" y="1678"/>
                    </a:lnTo>
                    <a:lnTo>
                      <a:pt x="1036" y="1679"/>
                    </a:lnTo>
                    <a:lnTo>
                      <a:pt x="1046" y="1680"/>
                    </a:lnTo>
                    <a:lnTo>
                      <a:pt x="1057" y="1681"/>
                    </a:lnTo>
                    <a:lnTo>
                      <a:pt x="1066" y="1681"/>
                    </a:lnTo>
                    <a:lnTo>
                      <a:pt x="1080" y="1678"/>
                    </a:lnTo>
                    <a:lnTo>
                      <a:pt x="1093" y="1672"/>
                    </a:lnTo>
                    <a:lnTo>
                      <a:pt x="1111" y="1672"/>
                    </a:lnTo>
                    <a:lnTo>
                      <a:pt x="1129" y="1672"/>
                    </a:lnTo>
                    <a:lnTo>
                      <a:pt x="1136" y="1671"/>
                    </a:lnTo>
                    <a:lnTo>
                      <a:pt x="1140" y="1668"/>
                    </a:lnTo>
                    <a:lnTo>
                      <a:pt x="1142" y="1665"/>
                    </a:lnTo>
                    <a:lnTo>
                      <a:pt x="1144" y="1661"/>
                    </a:lnTo>
                    <a:lnTo>
                      <a:pt x="1142" y="1657"/>
                    </a:lnTo>
                    <a:lnTo>
                      <a:pt x="1140" y="1654"/>
                    </a:lnTo>
                    <a:lnTo>
                      <a:pt x="1136" y="1652"/>
                    </a:lnTo>
                    <a:lnTo>
                      <a:pt x="1129" y="1650"/>
                    </a:lnTo>
                    <a:lnTo>
                      <a:pt x="1107" y="1652"/>
                    </a:lnTo>
                    <a:close/>
                    <a:moveTo>
                      <a:pt x="1110" y="1738"/>
                    </a:moveTo>
                    <a:lnTo>
                      <a:pt x="1102" y="1738"/>
                    </a:lnTo>
                    <a:lnTo>
                      <a:pt x="1094" y="1738"/>
                    </a:lnTo>
                    <a:lnTo>
                      <a:pt x="1087" y="1737"/>
                    </a:lnTo>
                    <a:lnTo>
                      <a:pt x="1079" y="1735"/>
                    </a:lnTo>
                    <a:lnTo>
                      <a:pt x="1063" y="1729"/>
                    </a:lnTo>
                    <a:lnTo>
                      <a:pt x="1048" y="1727"/>
                    </a:lnTo>
                    <a:lnTo>
                      <a:pt x="1032" y="1727"/>
                    </a:lnTo>
                    <a:lnTo>
                      <a:pt x="1020" y="1728"/>
                    </a:lnTo>
                    <a:lnTo>
                      <a:pt x="1018" y="1731"/>
                    </a:lnTo>
                    <a:lnTo>
                      <a:pt x="1015" y="1736"/>
                    </a:lnTo>
                    <a:lnTo>
                      <a:pt x="1014" y="1742"/>
                    </a:lnTo>
                    <a:lnTo>
                      <a:pt x="1015" y="1751"/>
                    </a:lnTo>
                    <a:lnTo>
                      <a:pt x="1017" y="1759"/>
                    </a:lnTo>
                    <a:lnTo>
                      <a:pt x="1018" y="1766"/>
                    </a:lnTo>
                    <a:lnTo>
                      <a:pt x="1019" y="1769"/>
                    </a:lnTo>
                    <a:lnTo>
                      <a:pt x="1023" y="1773"/>
                    </a:lnTo>
                    <a:lnTo>
                      <a:pt x="1026" y="1776"/>
                    </a:lnTo>
                    <a:lnTo>
                      <a:pt x="1031" y="1777"/>
                    </a:lnTo>
                    <a:lnTo>
                      <a:pt x="1037" y="1776"/>
                    </a:lnTo>
                    <a:lnTo>
                      <a:pt x="1044" y="1773"/>
                    </a:lnTo>
                    <a:lnTo>
                      <a:pt x="1054" y="1771"/>
                    </a:lnTo>
                    <a:lnTo>
                      <a:pt x="1064" y="1769"/>
                    </a:lnTo>
                    <a:lnTo>
                      <a:pt x="1075" y="1771"/>
                    </a:lnTo>
                    <a:lnTo>
                      <a:pt x="1085" y="1771"/>
                    </a:lnTo>
                    <a:lnTo>
                      <a:pt x="1101" y="1771"/>
                    </a:lnTo>
                    <a:lnTo>
                      <a:pt x="1116" y="1771"/>
                    </a:lnTo>
                    <a:lnTo>
                      <a:pt x="1133" y="1771"/>
                    </a:lnTo>
                    <a:lnTo>
                      <a:pt x="1147" y="1769"/>
                    </a:lnTo>
                    <a:lnTo>
                      <a:pt x="1151" y="1768"/>
                    </a:lnTo>
                    <a:lnTo>
                      <a:pt x="1154" y="1767"/>
                    </a:lnTo>
                    <a:lnTo>
                      <a:pt x="1155" y="1766"/>
                    </a:lnTo>
                    <a:lnTo>
                      <a:pt x="1156" y="1763"/>
                    </a:lnTo>
                    <a:lnTo>
                      <a:pt x="1156" y="1760"/>
                    </a:lnTo>
                    <a:lnTo>
                      <a:pt x="1156" y="1758"/>
                    </a:lnTo>
                    <a:lnTo>
                      <a:pt x="1154" y="1755"/>
                    </a:lnTo>
                    <a:lnTo>
                      <a:pt x="1151" y="1754"/>
                    </a:lnTo>
                    <a:lnTo>
                      <a:pt x="1136" y="1747"/>
                    </a:lnTo>
                    <a:lnTo>
                      <a:pt x="1120" y="1742"/>
                    </a:lnTo>
                    <a:lnTo>
                      <a:pt x="1110" y="1738"/>
                    </a:lnTo>
                    <a:close/>
                    <a:moveTo>
                      <a:pt x="1318" y="1841"/>
                    </a:moveTo>
                    <a:lnTo>
                      <a:pt x="1300" y="1836"/>
                    </a:lnTo>
                    <a:lnTo>
                      <a:pt x="1280" y="1830"/>
                    </a:lnTo>
                    <a:lnTo>
                      <a:pt x="1269" y="1829"/>
                    </a:lnTo>
                    <a:lnTo>
                      <a:pt x="1259" y="1828"/>
                    </a:lnTo>
                    <a:lnTo>
                      <a:pt x="1248" y="1828"/>
                    </a:lnTo>
                    <a:lnTo>
                      <a:pt x="1238" y="1829"/>
                    </a:lnTo>
                    <a:lnTo>
                      <a:pt x="1232" y="1829"/>
                    </a:lnTo>
                    <a:lnTo>
                      <a:pt x="1225" y="1832"/>
                    </a:lnTo>
                    <a:lnTo>
                      <a:pt x="1221" y="1834"/>
                    </a:lnTo>
                    <a:lnTo>
                      <a:pt x="1219" y="1837"/>
                    </a:lnTo>
                    <a:lnTo>
                      <a:pt x="1217" y="1841"/>
                    </a:lnTo>
                    <a:lnTo>
                      <a:pt x="1220" y="1845"/>
                    </a:lnTo>
                    <a:lnTo>
                      <a:pt x="1224" y="1849"/>
                    </a:lnTo>
                    <a:lnTo>
                      <a:pt x="1230" y="1854"/>
                    </a:lnTo>
                    <a:lnTo>
                      <a:pt x="1243" y="1858"/>
                    </a:lnTo>
                    <a:lnTo>
                      <a:pt x="1258" y="1860"/>
                    </a:lnTo>
                    <a:lnTo>
                      <a:pt x="1273" y="1861"/>
                    </a:lnTo>
                    <a:lnTo>
                      <a:pt x="1286" y="1863"/>
                    </a:lnTo>
                    <a:lnTo>
                      <a:pt x="1302" y="1867"/>
                    </a:lnTo>
                    <a:lnTo>
                      <a:pt x="1316" y="1873"/>
                    </a:lnTo>
                    <a:lnTo>
                      <a:pt x="1330" y="1878"/>
                    </a:lnTo>
                    <a:lnTo>
                      <a:pt x="1346" y="1882"/>
                    </a:lnTo>
                    <a:lnTo>
                      <a:pt x="1349" y="1883"/>
                    </a:lnTo>
                    <a:lnTo>
                      <a:pt x="1356" y="1883"/>
                    </a:lnTo>
                    <a:lnTo>
                      <a:pt x="1361" y="1882"/>
                    </a:lnTo>
                    <a:lnTo>
                      <a:pt x="1365" y="1880"/>
                    </a:lnTo>
                    <a:lnTo>
                      <a:pt x="1365" y="1876"/>
                    </a:lnTo>
                    <a:lnTo>
                      <a:pt x="1364" y="1872"/>
                    </a:lnTo>
                    <a:lnTo>
                      <a:pt x="1361" y="1869"/>
                    </a:lnTo>
                    <a:lnTo>
                      <a:pt x="1357" y="1865"/>
                    </a:lnTo>
                    <a:lnTo>
                      <a:pt x="1349" y="1860"/>
                    </a:lnTo>
                    <a:lnTo>
                      <a:pt x="1343" y="1856"/>
                    </a:lnTo>
                    <a:lnTo>
                      <a:pt x="1318" y="1841"/>
                    </a:lnTo>
                    <a:close/>
                    <a:moveTo>
                      <a:pt x="1286" y="1754"/>
                    </a:moveTo>
                    <a:lnTo>
                      <a:pt x="1259" y="1740"/>
                    </a:lnTo>
                    <a:lnTo>
                      <a:pt x="1221" y="1718"/>
                    </a:lnTo>
                    <a:lnTo>
                      <a:pt x="1203" y="1707"/>
                    </a:lnTo>
                    <a:lnTo>
                      <a:pt x="1185" y="1700"/>
                    </a:lnTo>
                    <a:lnTo>
                      <a:pt x="1178" y="1697"/>
                    </a:lnTo>
                    <a:lnTo>
                      <a:pt x="1172" y="1697"/>
                    </a:lnTo>
                    <a:lnTo>
                      <a:pt x="1167" y="1697"/>
                    </a:lnTo>
                    <a:lnTo>
                      <a:pt x="1163" y="1698"/>
                    </a:lnTo>
                    <a:lnTo>
                      <a:pt x="1164" y="1702"/>
                    </a:lnTo>
                    <a:lnTo>
                      <a:pt x="1166" y="1706"/>
                    </a:lnTo>
                    <a:lnTo>
                      <a:pt x="1168" y="1710"/>
                    </a:lnTo>
                    <a:lnTo>
                      <a:pt x="1172" y="1714"/>
                    </a:lnTo>
                    <a:lnTo>
                      <a:pt x="1181" y="1720"/>
                    </a:lnTo>
                    <a:lnTo>
                      <a:pt x="1193" y="1728"/>
                    </a:lnTo>
                    <a:lnTo>
                      <a:pt x="1216" y="1741"/>
                    </a:lnTo>
                    <a:lnTo>
                      <a:pt x="1233" y="1749"/>
                    </a:lnTo>
                    <a:lnTo>
                      <a:pt x="1243" y="1755"/>
                    </a:lnTo>
                    <a:lnTo>
                      <a:pt x="1254" y="1763"/>
                    </a:lnTo>
                    <a:lnTo>
                      <a:pt x="1264" y="1769"/>
                    </a:lnTo>
                    <a:lnTo>
                      <a:pt x="1274" y="1775"/>
                    </a:lnTo>
                    <a:lnTo>
                      <a:pt x="1291" y="1779"/>
                    </a:lnTo>
                    <a:lnTo>
                      <a:pt x="1309" y="1784"/>
                    </a:lnTo>
                    <a:lnTo>
                      <a:pt x="1318" y="1789"/>
                    </a:lnTo>
                    <a:lnTo>
                      <a:pt x="1329" y="1794"/>
                    </a:lnTo>
                    <a:lnTo>
                      <a:pt x="1334" y="1797"/>
                    </a:lnTo>
                    <a:lnTo>
                      <a:pt x="1339" y="1799"/>
                    </a:lnTo>
                    <a:lnTo>
                      <a:pt x="1344" y="1801"/>
                    </a:lnTo>
                    <a:lnTo>
                      <a:pt x="1349" y="1802"/>
                    </a:lnTo>
                    <a:lnTo>
                      <a:pt x="1353" y="1802"/>
                    </a:lnTo>
                    <a:lnTo>
                      <a:pt x="1356" y="1801"/>
                    </a:lnTo>
                    <a:lnTo>
                      <a:pt x="1357" y="1799"/>
                    </a:lnTo>
                    <a:lnTo>
                      <a:pt x="1357" y="1797"/>
                    </a:lnTo>
                    <a:lnTo>
                      <a:pt x="1353" y="1792"/>
                    </a:lnTo>
                    <a:lnTo>
                      <a:pt x="1347" y="1785"/>
                    </a:lnTo>
                    <a:lnTo>
                      <a:pt x="1331" y="1773"/>
                    </a:lnTo>
                    <a:lnTo>
                      <a:pt x="1321" y="1767"/>
                    </a:lnTo>
                    <a:lnTo>
                      <a:pt x="1286" y="1754"/>
                    </a:lnTo>
                    <a:close/>
                    <a:moveTo>
                      <a:pt x="1624" y="1987"/>
                    </a:moveTo>
                    <a:lnTo>
                      <a:pt x="1618" y="1978"/>
                    </a:lnTo>
                    <a:lnTo>
                      <a:pt x="1611" y="1969"/>
                    </a:lnTo>
                    <a:lnTo>
                      <a:pt x="1603" y="1961"/>
                    </a:lnTo>
                    <a:lnTo>
                      <a:pt x="1593" y="1953"/>
                    </a:lnTo>
                    <a:lnTo>
                      <a:pt x="1577" y="1944"/>
                    </a:lnTo>
                    <a:lnTo>
                      <a:pt x="1563" y="1937"/>
                    </a:lnTo>
                    <a:lnTo>
                      <a:pt x="1557" y="1931"/>
                    </a:lnTo>
                    <a:lnTo>
                      <a:pt x="1552" y="1926"/>
                    </a:lnTo>
                    <a:lnTo>
                      <a:pt x="1545" y="1920"/>
                    </a:lnTo>
                    <a:lnTo>
                      <a:pt x="1539" y="1911"/>
                    </a:lnTo>
                    <a:lnTo>
                      <a:pt x="1522" y="1889"/>
                    </a:lnTo>
                    <a:lnTo>
                      <a:pt x="1504" y="1868"/>
                    </a:lnTo>
                    <a:lnTo>
                      <a:pt x="1498" y="1864"/>
                    </a:lnTo>
                    <a:lnTo>
                      <a:pt x="1493" y="1860"/>
                    </a:lnTo>
                    <a:lnTo>
                      <a:pt x="1488" y="1858"/>
                    </a:lnTo>
                    <a:lnTo>
                      <a:pt x="1482" y="1855"/>
                    </a:lnTo>
                    <a:lnTo>
                      <a:pt x="1475" y="1852"/>
                    </a:lnTo>
                    <a:lnTo>
                      <a:pt x="1467" y="1852"/>
                    </a:lnTo>
                    <a:lnTo>
                      <a:pt x="1460" y="1852"/>
                    </a:lnTo>
                    <a:lnTo>
                      <a:pt x="1452" y="1854"/>
                    </a:lnTo>
                    <a:lnTo>
                      <a:pt x="1438" y="1845"/>
                    </a:lnTo>
                    <a:lnTo>
                      <a:pt x="1425" y="1836"/>
                    </a:lnTo>
                    <a:lnTo>
                      <a:pt x="1413" y="1824"/>
                    </a:lnTo>
                    <a:lnTo>
                      <a:pt x="1401" y="1811"/>
                    </a:lnTo>
                    <a:lnTo>
                      <a:pt x="1379" y="1785"/>
                    </a:lnTo>
                    <a:lnTo>
                      <a:pt x="1357" y="1762"/>
                    </a:lnTo>
                    <a:lnTo>
                      <a:pt x="1355" y="1758"/>
                    </a:lnTo>
                    <a:lnTo>
                      <a:pt x="1408" y="1753"/>
                    </a:lnTo>
                    <a:lnTo>
                      <a:pt x="1417" y="1764"/>
                    </a:lnTo>
                    <a:lnTo>
                      <a:pt x="1426" y="1775"/>
                    </a:lnTo>
                    <a:lnTo>
                      <a:pt x="1435" y="1784"/>
                    </a:lnTo>
                    <a:lnTo>
                      <a:pt x="1445" y="1794"/>
                    </a:lnTo>
                    <a:lnTo>
                      <a:pt x="1465" y="1812"/>
                    </a:lnTo>
                    <a:lnTo>
                      <a:pt x="1484" y="1826"/>
                    </a:lnTo>
                    <a:lnTo>
                      <a:pt x="1505" y="1842"/>
                    </a:lnTo>
                    <a:lnTo>
                      <a:pt x="1526" y="1858"/>
                    </a:lnTo>
                    <a:lnTo>
                      <a:pt x="1533" y="1865"/>
                    </a:lnTo>
                    <a:lnTo>
                      <a:pt x="1541" y="1873"/>
                    </a:lnTo>
                    <a:lnTo>
                      <a:pt x="1545" y="1876"/>
                    </a:lnTo>
                    <a:lnTo>
                      <a:pt x="1549" y="1878"/>
                    </a:lnTo>
                    <a:lnTo>
                      <a:pt x="1555" y="1880"/>
                    </a:lnTo>
                    <a:lnTo>
                      <a:pt x="1561" y="1881"/>
                    </a:lnTo>
                    <a:lnTo>
                      <a:pt x="1572" y="1882"/>
                    </a:lnTo>
                    <a:lnTo>
                      <a:pt x="1583" y="1885"/>
                    </a:lnTo>
                    <a:lnTo>
                      <a:pt x="1593" y="1890"/>
                    </a:lnTo>
                    <a:lnTo>
                      <a:pt x="1601" y="1896"/>
                    </a:lnTo>
                    <a:lnTo>
                      <a:pt x="1611" y="1908"/>
                    </a:lnTo>
                    <a:lnTo>
                      <a:pt x="1627" y="1957"/>
                    </a:lnTo>
                    <a:lnTo>
                      <a:pt x="1624" y="1987"/>
                    </a:lnTo>
                    <a:close/>
                    <a:moveTo>
                      <a:pt x="1322" y="1736"/>
                    </a:moveTo>
                    <a:lnTo>
                      <a:pt x="1303" y="1727"/>
                    </a:lnTo>
                    <a:lnTo>
                      <a:pt x="1283" y="1718"/>
                    </a:lnTo>
                    <a:lnTo>
                      <a:pt x="1265" y="1707"/>
                    </a:lnTo>
                    <a:lnTo>
                      <a:pt x="1248" y="1694"/>
                    </a:lnTo>
                    <a:lnTo>
                      <a:pt x="1221" y="1671"/>
                    </a:lnTo>
                    <a:lnTo>
                      <a:pt x="1195" y="1645"/>
                    </a:lnTo>
                    <a:lnTo>
                      <a:pt x="1168" y="1618"/>
                    </a:lnTo>
                    <a:lnTo>
                      <a:pt x="1141" y="1592"/>
                    </a:lnTo>
                    <a:lnTo>
                      <a:pt x="1114" y="1567"/>
                    </a:lnTo>
                    <a:lnTo>
                      <a:pt x="1085" y="1545"/>
                    </a:lnTo>
                    <a:lnTo>
                      <a:pt x="1070" y="1535"/>
                    </a:lnTo>
                    <a:lnTo>
                      <a:pt x="1054" y="1526"/>
                    </a:lnTo>
                    <a:lnTo>
                      <a:pt x="1037" y="1517"/>
                    </a:lnTo>
                    <a:lnTo>
                      <a:pt x="1020" y="1510"/>
                    </a:lnTo>
                    <a:lnTo>
                      <a:pt x="1006" y="1505"/>
                    </a:lnTo>
                    <a:lnTo>
                      <a:pt x="987" y="1501"/>
                    </a:lnTo>
                    <a:lnTo>
                      <a:pt x="978" y="1499"/>
                    </a:lnTo>
                    <a:lnTo>
                      <a:pt x="970" y="1496"/>
                    </a:lnTo>
                    <a:lnTo>
                      <a:pt x="962" y="1494"/>
                    </a:lnTo>
                    <a:lnTo>
                      <a:pt x="957" y="1490"/>
                    </a:lnTo>
                    <a:lnTo>
                      <a:pt x="957" y="1483"/>
                    </a:lnTo>
                    <a:lnTo>
                      <a:pt x="973" y="1464"/>
                    </a:lnTo>
                    <a:lnTo>
                      <a:pt x="973" y="1461"/>
                    </a:lnTo>
                    <a:lnTo>
                      <a:pt x="967" y="1459"/>
                    </a:lnTo>
                    <a:lnTo>
                      <a:pt x="960" y="1457"/>
                    </a:lnTo>
                    <a:lnTo>
                      <a:pt x="950" y="1456"/>
                    </a:lnTo>
                    <a:lnTo>
                      <a:pt x="939" y="1457"/>
                    </a:lnTo>
                    <a:lnTo>
                      <a:pt x="914" y="1460"/>
                    </a:lnTo>
                    <a:lnTo>
                      <a:pt x="887" y="1466"/>
                    </a:lnTo>
                    <a:lnTo>
                      <a:pt x="860" y="1474"/>
                    </a:lnTo>
                    <a:lnTo>
                      <a:pt x="835" y="1482"/>
                    </a:lnTo>
                    <a:lnTo>
                      <a:pt x="814" y="1491"/>
                    </a:lnTo>
                    <a:lnTo>
                      <a:pt x="801" y="1497"/>
                    </a:lnTo>
                    <a:lnTo>
                      <a:pt x="798" y="1499"/>
                    </a:lnTo>
                    <a:lnTo>
                      <a:pt x="795" y="1496"/>
                    </a:lnTo>
                    <a:lnTo>
                      <a:pt x="791" y="1492"/>
                    </a:lnTo>
                    <a:lnTo>
                      <a:pt x="789" y="1487"/>
                    </a:lnTo>
                    <a:lnTo>
                      <a:pt x="781" y="1470"/>
                    </a:lnTo>
                    <a:lnTo>
                      <a:pt x="774" y="1451"/>
                    </a:lnTo>
                    <a:lnTo>
                      <a:pt x="761" y="1408"/>
                    </a:lnTo>
                    <a:lnTo>
                      <a:pt x="751" y="1377"/>
                    </a:lnTo>
                    <a:lnTo>
                      <a:pt x="738" y="1358"/>
                    </a:lnTo>
                    <a:lnTo>
                      <a:pt x="728" y="1343"/>
                    </a:lnTo>
                    <a:lnTo>
                      <a:pt x="717" y="1332"/>
                    </a:lnTo>
                    <a:lnTo>
                      <a:pt x="707" y="1321"/>
                    </a:lnTo>
                    <a:lnTo>
                      <a:pt x="697" y="1312"/>
                    </a:lnTo>
                    <a:lnTo>
                      <a:pt x="684" y="1304"/>
                    </a:lnTo>
                    <a:lnTo>
                      <a:pt x="667" y="1295"/>
                    </a:lnTo>
                    <a:lnTo>
                      <a:pt x="647" y="1285"/>
                    </a:lnTo>
                    <a:lnTo>
                      <a:pt x="632" y="1277"/>
                    </a:lnTo>
                    <a:lnTo>
                      <a:pt x="619" y="1266"/>
                    </a:lnTo>
                    <a:lnTo>
                      <a:pt x="606" y="1253"/>
                    </a:lnTo>
                    <a:lnTo>
                      <a:pt x="594" y="1240"/>
                    </a:lnTo>
                    <a:lnTo>
                      <a:pt x="573" y="1210"/>
                    </a:lnTo>
                    <a:lnTo>
                      <a:pt x="555" y="1180"/>
                    </a:lnTo>
                    <a:lnTo>
                      <a:pt x="542" y="1165"/>
                    </a:lnTo>
                    <a:lnTo>
                      <a:pt x="526" y="1146"/>
                    </a:lnTo>
                    <a:lnTo>
                      <a:pt x="523" y="1143"/>
                    </a:lnTo>
                    <a:lnTo>
                      <a:pt x="520" y="1139"/>
                    </a:lnTo>
                    <a:lnTo>
                      <a:pt x="520" y="1135"/>
                    </a:lnTo>
                    <a:lnTo>
                      <a:pt x="520" y="1132"/>
                    </a:lnTo>
                    <a:lnTo>
                      <a:pt x="522" y="1130"/>
                    </a:lnTo>
                    <a:lnTo>
                      <a:pt x="526" y="1128"/>
                    </a:lnTo>
                    <a:lnTo>
                      <a:pt x="532" y="1127"/>
                    </a:lnTo>
                    <a:lnTo>
                      <a:pt x="539" y="1126"/>
                    </a:lnTo>
                    <a:lnTo>
                      <a:pt x="551" y="1126"/>
                    </a:lnTo>
                    <a:lnTo>
                      <a:pt x="561" y="1126"/>
                    </a:lnTo>
                    <a:lnTo>
                      <a:pt x="570" y="1123"/>
                    </a:lnTo>
                    <a:lnTo>
                      <a:pt x="579" y="1122"/>
                    </a:lnTo>
                    <a:lnTo>
                      <a:pt x="594" y="1115"/>
                    </a:lnTo>
                    <a:lnTo>
                      <a:pt x="612" y="1105"/>
                    </a:lnTo>
                    <a:lnTo>
                      <a:pt x="627" y="1110"/>
                    </a:lnTo>
                    <a:lnTo>
                      <a:pt x="655" y="1123"/>
                    </a:lnTo>
                    <a:lnTo>
                      <a:pt x="668" y="1128"/>
                    </a:lnTo>
                    <a:lnTo>
                      <a:pt x="676" y="1130"/>
                    </a:lnTo>
                    <a:lnTo>
                      <a:pt x="678" y="1128"/>
                    </a:lnTo>
                    <a:lnTo>
                      <a:pt x="678" y="1126"/>
                    </a:lnTo>
                    <a:lnTo>
                      <a:pt x="676" y="1122"/>
                    </a:lnTo>
                    <a:lnTo>
                      <a:pt x="672" y="1115"/>
                    </a:lnTo>
                    <a:lnTo>
                      <a:pt x="663" y="1106"/>
                    </a:lnTo>
                    <a:lnTo>
                      <a:pt x="651" y="1100"/>
                    </a:lnTo>
                    <a:lnTo>
                      <a:pt x="629" y="1087"/>
                    </a:lnTo>
                    <a:lnTo>
                      <a:pt x="606" y="1071"/>
                    </a:lnTo>
                    <a:lnTo>
                      <a:pt x="584" y="1054"/>
                    </a:lnTo>
                    <a:lnTo>
                      <a:pt x="563" y="1036"/>
                    </a:lnTo>
                    <a:lnTo>
                      <a:pt x="542" y="1018"/>
                    </a:lnTo>
                    <a:lnTo>
                      <a:pt x="523" y="999"/>
                    </a:lnTo>
                    <a:lnTo>
                      <a:pt x="505" y="978"/>
                    </a:lnTo>
                    <a:lnTo>
                      <a:pt x="488" y="959"/>
                    </a:lnTo>
                    <a:lnTo>
                      <a:pt x="476" y="940"/>
                    </a:lnTo>
                    <a:lnTo>
                      <a:pt x="467" y="925"/>
                    </a:lnTo>
                    <a:lnTo>
                      <a:pt x="461" y="909"/>
                    </a:lnTo>
                    <a:lnTo>
                      <a:pt x="456" y="893"/>
                    </a:lnTo>
                    <a:lnTo>
                      <a:pt x="448" y="860"/>
                    </a:lnTo>
                    <a:lnTo>
                      <a:pt x="436" y="824"/>
                    </a:lnTo>
                    <a:lnTo>
                      <a:pt x="440" y="786"/>
                    </a:lnTo>
                    <a:lnTo>
                      <a:pt x="444" y="759"/>
                    </a:lnTo>
                    <a:lnTo>
                      <a:pt x="447" y="737"/>
                    </a:lnTo>
                    <a:lnTo>
                      <a:pt x="448" y="722"/>
                    </a:lnTo>
                    <a:lnTo>
                      <a:pt x="447" y="714"/>
                    </a:lnTo>
                    <a:lnTo>
                      <a:pt x="443" y="707"/>
                    </a:lnTo>
                    <a:lnTo>
                      <a:pt x="439" y="699"/>
                    </a:lnTo>
                    <a:lnTo>
                      <a:pt x="432" y="692"/>
                    </a:lnTo>
                    <a:lnTo>
                      <a:pt x="413" y="674"/>
                    </a:lnTo>
                    <a:lnTo>
                      <a:pt x="384" y="650"/>
                    </a:lnTo>
                    <a:lnTo>
                      <a:pt x="361" y="633"/>
                    </a:lnTo>
                    <a:lnTo>
                      <a:pt x="340" y="620"/>
                    </a:lnTo>
                    <a:lnTo>
                      <a:pt x="331" y="617"/>
                    </a:lnTo>
                    <a:lnTo>
                      <a:pt x="322" y="614"/>
                    </a:lnTo>
                    <a:lnTo>
                      <a:pt x="314" y="613"/>
                    </a:lnTo>
                    <a:lnTo>
                      <a:pt x="305" y="613"/>
                    </a:lnTo>
                    <a:lnTo>
                      <a:pt x="299" y="615"/>
                    </a:lnTo>
                    <a:lnTo>
                      <a:pt x="291" y="619"/>
                    </a:lnTo>
                    <a:lnTo>
                      <a:pt x="283" y="626"/>
                    </a:lnTo>
                    <a:lnTo>
                      <a:pt x="277" y="633"/>
                    </a:lnTo>
                    <a:lnTo>
                      <a:pt x="270" y="644"/>
                    </a:lnTo>
                    <a:lnTo>
                      <a:pt x="264" y="657"/>
                    </a:lnTo>
                    <a:lnTo>
                      <a:pt x="257" y="671"/>
                    </a:lnTo>
                    <a:lnTo>
                      <a:pt x="251" y="689"/>
                    </a:lnTo>
                    <a:lnTo>
                      <a:pt x="246" y="699"/>
                    </a:lnTo>
                    <a:lnTo>
                      <a:pt x="242" y="709"/>
                    </a:lnTo>
                    <a:lnTo>
                      <a:pt x="237" y="718"/>
                    </a:lnTo>
                    <a:lnTo>
                      <a:pt x="233" y="724"/>
                    </a:lnTo>
                    <a:lnTo>
                      <a:pt x="222" y="736"/>
                    </a:lnTo>
                    <a:lnTo>
                      <a:pt x="212" y="745"/>
                    </a:lnTo>
                    <a:lnTo>
                      <a:pt x="200" y="753"/>
                    </a:lnTo>
                    <a:lnTo>
                      <a:pt x="189" y="762"/>
                    </a:lnTo>
                    <a:lnTo>
                      <a:pt x="176" y="772"/>
                    </a:lnTo>
                    <a:lnTo>
                      <a:pt x="162" y="786"/>
                    </a:lnTo>
                    <a:lnTo>
                      <a:pt x="154" y="801"/>
                    </a:lnTo>
                    <a:lnTo>
                      <a:pt x="145" y="819"/>
                    </a:lnTo>
                    <a:lnTo>
                      <a:pt x="139" y="828"/>
                    </a:lnTo>
                    <a:lnTo>
                      <a:pt x="133" y="834"/>
                    </a:lnTo>
                    <a:lnTo>
                      <a:pt x="130" y="837"/>
                    </a:lnTo>
                    <a:lnTo>
                      <a:pt x="128" y="838"/>
                    </a:lnTo>
                    <a:lnTo>
                      <a:pt x="124" y="839"/>
                    </a:lnTo>
                    <a:lnTo>
                      <a:pt x="120" y="838"/>
                    </a:lnTo>
                    <a:lnTo>
                      <a:pt x="116" y="837"/>
                    </a:lnTo>
                    <a:lnTo>
                      <a:pt x="111" y="833"/>
                    </a:lnTo>
                    <a:lnTo>
                      <a:pt x="106" y="828"/>
                    </a:lnTo>
                    <a:lnTo>
                      <a:pt x="101" y="821"/>
                    </a:lnTo>
                    <a:lnTo>
                      <a:pt x="89" y="804"/>
                    </a:lnTo>
                    <a:lnTo>
                      <a:pt x="79" y="786"/>
                    </a:lnTo>
                    <a:lnTo>
                      <a:pt x="59" y="747"/>
                    </a:lnTo>
                    <a:lnTo>
                      <a:pt x="46" y="719"/>
                    </a:lnTo>
                    <a:lnTo>
                      <a:pt x="33" y="679"/>
                    </a:lnTo>
                    <a:lnTo>
                      <a:pt x="15" y="620"/>
                    </a:lnTo>
                    <a:lnTo>
                      <a:pt x="9" y="591"/>
                    </a:lnTo>
                    <a:lnTo>
                      <a:pt x="2" y="563"/>
                    </a:lnTo>
                    <a:lnTo>
                      <a:pt x="1" y="551"/>
                    </a:lnTo>
                    <a:lnTo>
                      <a:pt x="0" y="540"/>
                    </a:lnTo>
                    <a:lnTo>
                      <a:pt x="0" y="532"/>
                    </a:lnTo>
                    <a:lnTo>
                      <a:pt x="1" y="526"/>
                    </a:lnTo>
                    <a:lnTo>
                      <a:pt x="2" y="522"/>
                    </a:lnTo>
                    <a:lnTo>
                      <a:pt x="5" y="518"/>
                    </a:lnTo>
                    <a:lnTo>
                      <a:pt x="9" y="516"/>
                    </a:lnTo>
                    <a:lnTo>
                      <a:pt x="13" y="513"/>
                    </a:lnTo>
                    <a:lnTo>
                      <a:pt x="22" y="508"/>
                    </a:lnTo>
                    <a:lnTo>
                      <a:pt x="32" y="505"/>
                    </a:lnTo>
                    <a:lnTo>
                      <a:pt x="102" y="531"/>
                    </a:lnTo>
                    <a:lnTo>
                      <a:pt x="121" y="539"/>
                    </a:lnTo>
                    <a:lnTo>
                      <a:pt x="147" y="545"/>
                    </a:lnTo>
                    <a:lnTo>
                      <a:pt x="178" y="551"/>
                    </a:lnTo>
                    <a:lnTo>
                      <a:pt x="209" y="553"/>
                    </a:lnTo>
                    <a:lnTo>
                      <a:pt x="225" y="553"/>
                    </a:lnTo>
                    <a:lnTo>
                      <a:pt x="241" y="553"/>
                    </a:lnTo>
                    <a:lnTo>
                      <a:pt x="256" y="552"/>
                    </a:lnTo>
                    <a:lnTo>
                      <a:pt x="270" y="549"/>
                    </a:lnTo>
                    <a:lnTo>
                      <a:pt x="283" y="547"/>
                    </a:lnTo>
                    <a:lnTo>
                      <a:pt x="295" y="541"/>
                    </a:lnTo>
                    <a:lnTo>
                      <a:pt x="305" y="536"/>
                    </a:lnTo>
                    <a:lnTo>
                      <a:pt x="313" y="528"/>
                    </a:lnTo>
                    <a:lnTo>
                      <a:pt x="321" y="514"/>
                    </a:lnTo>
                    <a:lnTo>
                      <a:pt x="330" y="491"/>
                    </a:lnTo>
                    <a:lnTo>
                      <a:pt x="334" y="481"/>
                    </a:lnTo>
                    <a:lnTo>
                      <a:pt x="339" y="470"/>
                    </a:lnTo>
                    <a:lnTo>
                      <a:pt x="342" y="466"/>
                    </a:lnTo>
                    <a:lnTo>
                      <a:pt x="344" y="464"/>
                    </a:lnTo>
                    <a:lnTo>
                      <a:pt x="347" y="461"/>
                    </a:lnTo>
                    <a:lnTo>
                      <a:pt x="349" y="460"/>
                    </a:lnTo>
                    <a:lnTo>
                      <a:pt x="366" y="471"/>
                    </a:lnTo>
                    <a:lnTo>
                      <a:pt x="402" y="500"/>
                    </a:lnTo>
                    <a:lnTo>
                      <a:pt x="423" y="516"/>
                    </a:lnTo>
                    <a:lnTo>
                      <a:pt x="443" y="530"/>
                    </a:lnTo>
                    <a:lnTo>
                      <a:pt x="458" y="540"/>
                    </a:lnTo>
                    <a:lnTo>
                      <a:pt x="470" y="547"/>
                    </a:lnTo>
                    <a:lnTo>
                      <a:pt x="498" y="558"/>
                    </a:lnTo>
                    <a:lnTo>
                      <a:pt x="520" y="565"/>
                    </a:lnTo>
                    <a:lnTo>
                      <a:pt x="531" y="567"/>
                    </a:lnTo>
                    <a:lnTo>
                      <a:pt x="539" y="569"/>
                    </a:lnTo>
                    <a:lnTo>
                      <a:pt x="546" y="569"/>
                    </a:lnTo>
                    <a:lnTo>
                      <a:pt x="553" y="569"/>
                    </a:lnTo>
                    <a:lnTo>
                      <a:pt x="558" y="567"/>
                    </a:lnTo>
                    <a:lnTo>
                      <a:pt x="563" y="566"/>
                    </a:lnTo>
                    <a:lnTo>
                      <a:pt x="567" y="563"/>
                    </a:lnTo>
                    <a:lnTo>
                      <a:pt x="571" y="560"/>
                    </a:lnTo>
                    <a:lnTo>
                      <a:pt x="576" y="553"/>
                    </a:lnTo>
                    <a:lnTo>
                      <a:pt x="580" y="543"/>
                    </a:lnTo>
                    <a:lnTo>
                      <a:pt x="586" y="521"/>
                    </a:lnTo>
                    <a:lnTo>
                      <a:pt x="594" y="495"/>
                    </a:lnTo>
                    <a:lnTo>
                      <a:pt x="601" y="482"/>
                    </a:lnTo>
                    <a:lnTo>
                      <a:pt x="608" y="470"/>
                    </a:lnTo>
                    <a:lnTo>
                      <a:pt x="614" y="465"/>
                    </a:lnTo>
                    <a:lnTo>
                      <a:pt x="620" y="459"/>
                    </a:lnTo>
                    <a:lnTo>
                      <a:pt x="627" y="453"/>
                    </a:lnTo>
                    <a:lnTo>
                      <a:pt x="636" y="449"/>
                    </a:lnTo>
                    <a:lnTo>
                      <a:pt x="665" y="437"/>
                    </a:lnTo>
                    <a:lnTo>
                      <a:pt x="699" y="424"/>
                    </a:lnTo>
                    <a:lnTo>
                      <a:pt x="715" y="416"/>
                    </a:lnTo>
                    <a:lnTo>
                      <a:pt x="729" y="405"/>
                    </a:lnTo>
                    <a:lnTo>
                      <a:pt x="734" y="399"/>
                    </a:lnTo>
                    <a:lnTo>
                      <a:pt x="739" y="392"/>
                    </a:lnTo>
                    <a:lnTo>
                      <a:pt x="744" y="385"/>
                    </a:lnTo>
                    <a:lnTo>
                      <a:pt x="747" y="377"/>
                    </a:lnTo>
                    <a:lnTo>
                      <a:pt x="750" y="369"/>
                    </a:lnTo>
                    <a:lnTo>
                      <a:pt x="750" y="361"/>
                    </a:lnTo>
                    <a:lnTo>
                      <a:pt x="750" y="352"/>
                    </a:lnTo>
                    <a:lnTo>
                      <a:pt x="747" y="345"/>
                    </a:lnTo>
                    <a:lnTo>
                      <a:pt x="741" y="328"/>
                    </a:lnTo>
                    <a:lnTo>
                      <a:pt x="733" y="311"/>
                    </a:lnTo>
                    <a:lnTo>
                      <a:pt x="724" y="293"/>
                    </a:lnTo>
                    <a:lnTo>
                      <a:pt x="715" y="275"/>
                    </a:lnTo>
                    <a:lnTo>
                      <a:pt x="712" y="266"/>
                    </a:lnTo>
                    <a:lnTo>
                      <a:pt x="710" y="256"/>
                    </a:lnTo>
                    <a:lnTo>
                      <a:pt x="708" y="246"/>
                    </a:lnTo>
                    <a:lnTo>
                      <a:pt x="708" y="236"/>
                    </a:lnTo>
                    <a:lnTo>
                      <a:pt x="715" y="234"/>
                    </a:lnTo>
                    <a:lnTo>
                      <a:pt x="721" y="231"/>
                    </a:lnTo>
                    <a:lnTo>
                      <a:pt x="726" y="227"/>
                    </a:lnTo>
                    <a:lnTo>
                      <a:pt x="732" y="221"/>
                    </a:lnTo>
                    <a:lnTo>
                      <a:pt x="742" y="211"/>
                    </a:lnTo>
                    <a:lnTo>
                      <a:pt x="754" y="201"/>
                    </a:lnTo>
                    <a:lnTo>
                      <a:pt x="763" y="196"/>
                    </a:lnTo>
                    <a:lnTo>
                      <a:pt x="774" y="192"/>
                    </a:lnTo>
                    <a:lnTo>
                      <a:pt x="785" y="188"/>
                    </a:lnTo>
                    <a:lnTo>
                      <a:pt x="796" y="185"/>
                    </a:lnTo>
                    <a:lnTo>
                      <a:pt x="821" y="181"/>
                    </a:lnTo>
                    <a:lnTo>
                      <a:pt x="846" y="177"/>
                    </a:lnTo>
                    <a:lnTo>
                      <a:pt x="858" y="176"/>
                    </a:lnTo>
                    <a:lnTo>
                      <a:pt x="870" y="174"/>
                    </a:lnTo>
                    <a:lnTo>
                      <a:pt x="882" y="171"/>
                    </a:lnTo>
                    <a:lnTo>
                      <a:pt x="892" y="167"/>
                    </a:lnTo>
                    <a:lnTo>
                      <a:pt x="903" y="162"/>
                    </a:lnTo>
                    <a:lnTo>
                      <a:pt x="912" y="155"/>
                    </a:lnTo>
                    <a:lnTo>
                      <a:pt x="921" y="149"/>
                    </a:lnTo>
                    <a:lnTo>
                      <a:pt x="927" y="140"/>
                    </a:lnTo>
                    <a:lnTo>
                      <a:pt x="938" y="123"/>
                    </a:lnTo>
                    <a:lnTo>
                      <a:pt x="945" y="109"/>
                    </a:lnTo>
                    <a:lnTo>
                      <a:pt x="948" y="100"/>
                    </a:lnTo>
                    <a:lnTo>
                      <a:pt x="949" y="92"/>
                    </a:lnTo>
                    <a:lnTo>
                      <a:pt x="950" y="83"/>
                    </a:lnTo>
                    <a:lnTo>
                      <a:pt x="950" y="73"/>
                    </a:lnTo>
                    <a:lnTo>
                      <a:pt x="950" y="61"/>
                    </a:lnTo>
                    <a:lnTo>
                      <a:pt x="952" y="50"/>
                    </a:lnTo>
                    <a:lnTo>
                      <a:pt x="953" y="41"/>
                    </a:lnTo>
                    <a:lnTo>
                      <a:pt x="956" y="34"/>
                    </a:lnTo>
                    <a:lnTo>
                      <a:pt x="962" y="18"/>
                    </a:lnTo>
                    <a:lnTo>
                      <a:pt x="973" y="0"/>
                    </a:lnTo>
                    <a:lnTo>
                      <a:pt x="983" y="4"/>
                    </a:lnTo>
                    <a:lnTo>
                      <a:pt x="992" y="9"/>
                    </a:lnTo>
                    <a:lnTo>
                      <a:pt x="1000" y="17"/>
                    </a:lnTo>
                    <a:lnTo>
                      <a:pt x="1006" y="26"/>
                    </a:lnTo>
                    <a:lnTo>
                      <a:pt x="1017" y="45"/>
                    </a:lnTo>
                    <a:lnTo>
                      <a:pt x="1027" y="65"/>
                    </a:lnTo>
                    <a:lnTo>
                      <a:pt x="1036" y="80"/>
                    </a:lnTo>
                    <a:lnTo>
                      <a:pt x="1048" y="92"/>
                    </a:lnTo>
                    <a:lnTo>
                      <a:pt x="1059" y="104"/>
                    </a:lnTo>
                    <a:lnTo>
                      <a:pt x="1072" y="114"/>
                    </a:lnTo>
                    <a:lnTo>
                      <a:pt x="1085" y="124"/>
                    </a:lnTo>
                    <a:lnTo>
                      <a:pt x="1097" y="136"/>
                    </a:lnTo>
                    <a:lnTo>
                      <a:pt x="1102" y="142"/>
                    </a:lnTo>
                    <a:lnTo>
                      <a:pt x="1107" y="149"/>
                    </a:lnTo>
                    <a:lnTo>
                      <a:pt x="1111" y="157"/>
                    </a:lnTo>
                    <a:lnTo>
                      <a:pt x="1115" y="164"/>
                    </a:lnTo>
                    <a:lnTo>
                      <a:pt x="1124" y="184"/>
                    </a:lnTo>
                    <a:lnTo>
                      <a:pt x="1136" y="201"/>
                    </a:lnTo>
                    <a:lnTo>
                      <a:pt x="1149" y="215"/>
                    </a:lnTo>
                    <a:lnTo>
                      <a:pt x="1162" y="228"/>
                    </a:lnTo>
                    <a:lnTo>
                      <a:pt x="1177" y="241"/>
                    </a:lnTo>
                    <a:lnTo>
                      <a:pt x="1194" y="251"/>
                    </a:lnTo>
                    <a:lnTo>
                      <a:pt x="1211" y="262"/>
                    </a:lnTo>
                    <a:lnTo>
                      <a:pt x="1229" y="272"/>
                    </a:lnTo>
                    <a:lnTo>
                      <a:pt x="1250" y="293"/>
                    </a:lnTo>
                    <a:lnTo>
                      <a:pt x="1269" y="315"/>
                    </a:lnTo>
                    <a:lnTo>
                      <a:pt x="1280" y="325"/>
                    </a:lnTo>
                    <a:lnTo>
                      <a:pt x="1289" y="335"/>
                    </a:lnTo>
                    <a:lnTo>
                      <a:pt x="1300" y="346"/>
                    </a:lnTo>
                    <a:lnTo>
                      <a:pt x="1311" y="355"/>
                    </a:lnTo>
                    <a:lnTo>
                      <a:pt x="1330" y="368"/>
                    </a:lnTo>
                    <a:lnTo>
                      <a:pt x="1351" y="381"/>
                    </a:lnTo>
                    <a:lnTo>
                      <a:pt x="1373" y="392"/>
                    </a:lnTo>
                    <a:lnTo>
                      <a:pt x="1395" y="404"/>
                    </a:lnTo>
                    <a:lnTo>
                      <a:pt x="1406" y="408"/>
                    </a:lnTo>
                    <a:lnTo>
                      <a:pt x="1418" y="412"/>
                    </a:lnTo>
                    <a:lnTo>
                      <a:pt x="1430" y="416"/>
                    </a:lnTo>
                    <a:lnTo>
                      <a:pt x="1441" y="418"/>
                    </a:lnTo>
                    <a:lnTo>
                      <a:pt x="1453" y="420"/>
                    </a:lnTo>
                    <a:lnTo>
                      <a:pt x="1466" y="420"/>
                    </a:lnTo>
                    <a:lnTo>
                      <a:pt x="1478" y="420"/>
                    </a:lnTo>
                    <a:lnTo>
                      <a:pt x="1489" y="417"/>
                    </a:lnTo>
                    <a:lnTo>
                      <a:pt x="1513" y="413"/>
                    </a:lnTo>
                    <a:lnTo>
                      <a:pt x="1537" y="411"/>
                    </a:lnTo>
                    <a:lnTo>
                      <a:pt x="1563" y="408"/>
                    </a:lnTo>
                    <a:lnTo>
                      <a:pt x="1589" y="405"/>
                    </a:lnTo>
                    <a:lnTo>
                      <a:pt x="1616" y="402"/>
                    </a:lnTo>
                    <a:lnTo>
                      <a:pt x="1641" y="396"/>
                    </a:lnTo>
                    <a:lnTo>
                      <a:pt x="1653" y="392"/>
                    </a:lnTo>
                    <a:lnTo>
                      <a:pt x="1664" y="389"/>
                    </a:lnTo>
                    <a:lnTo>
                      <a:pt x="1676" y="385"/>
                    </a:lnTo>
                    <a:lnTo>
                      <a:pt x="1686" y="380"/>
                    </a:lnTo>
                    <a:lnTo>
                      <a:pt x="1755" y="346"/>
                    </a:lnTo>
                    <a:lnTo>
                      <a:pt x="1754" y="346"/>
                    </a:lnTo>
                    <a:lnTo>
                      <a:pt x="1754" y="357"/>
                    </a:lnTo>
                    <a:lnTo>
                      <a:pt x="1754" y="369"/>
                    </a:lnTo>
                    <a:lnTo>
                      <a:pt x="1752" y="382"/>
                    </a:lnTo>
                    <a:lnTo>
                      <a:pt x="1751" y="395"/>
                    </a:lnTo>
                    <a:lnTo>
                      <a:pt x="1751" y="405"/>
                    </a:lnTo>
                    <a:lnTo>
                      <a:pt x="1752" y="420"/>
                    </a:lnTo>
                    <a:lnTo>
                      <a:pt x="1755" y="435"/>
                    </a:lnTo>
                    <a:lnTo>
                      <a:pt x="1759" y="452"/>
                    </a:lnTo>
                    <a:lnTo>
                      <a:pt x="1764" y="470"/>
                    </a:lnTo>
                    <a:lnTo>
                      <a:pt x="1769" y="486"/>
                    </a:lnTo>
                    <a:lnTo>
                      <a:pt x="1774" y="497"/>
                    </a:lnTo>
                    <a:lnTo>
                      <a:pt x="1781" y="506"/>
                    </a:lnTo>
                    <a:lnTo>
                      <a:pt x="1798" y="518"/>
                    </a:lnTo>
                    <a:lnTo>
                      <a:pt x="1813" y="526"/>
                    </a:lnTo>
                    <a:lnTo>
                      <a:pt x="1820" y="531"/>
                    </a:lnTo>
                    <a:lnTo>
                      <a:pt x="1825" y="538"/>
                    </a:lnTo>
                    <a:lnTo>
                      <a:pt x="1830" y="545"/>
                    </a:lnTo>
                    <a:lnTo>
                      <a:pt x="1833" y="557"/>
                    </a:lnTo>
                    <a:lnTo>
                      <a:pt x="1837" y="578"/>
                    </a:lnTo>
                    <a:lnTo>
                      <a:pt x="1840" y="596"/>
                    </a:lnTo>
                    <a:lnTo>
                      <a:pt x="1846" y="611"/>
                    </a:lnTo>
                    <a:lnTo>
                      <a:pt x="1852" y="626"/>
                    </a:lnTo>
                    <a:lnTo>
                      <a:pt x="1856" y="632"/>
                    </a:lnTo>
                    <a:lnTo>
                      <a:pt x="1861" y="639"/>
                    </a:lnTo>
                    <a:lnTo>
                      <a:pt x="1866" y="644"/>
                    </a:lnTo>
                    <a:lnTo>
                      <a:pt x="1873" y="649"/>
                    </a:lnTo>
                    <a:lnTo>
                      <a:pt x="1881" y="654"/>
                    </a:lnTo>
                    <a:lnTo>
                      <a:pt x="1890" y="659"/>
                    </a:lnTo>
                    <a:lnTo>
                      <a:pt x="1900" y="663"/>
                    </a:lnTo>
                    <a:lnTo>
                      <a:pt x="1912" y="667"/>
                    </a:lnTo>
                    <a:lnTo>
                      <a:pt x="1910" y="675"/>
                    </a:lnTo>
                    <a:lnTo>
                      <a:pt x="1909" y="677"/>
                    </a:lnTo>
                    <a:lnTo>
                      <a:pt x="1908" y="680"/>
                    </a:lnTo>
                    <a:lnTo>
                      <a:pt x="1905" y="684"/>
                    </a:lnTo>
                    <a:lnTo>
                      <a:pt x="1901" y="694"/>
                    </a:lnTo>
                    <a:lnTo>
                      <a:pt x="1899" y="705"/>
                    </a:lnTo>
                    <a:lnTo>
                      <a:pt x="1897" y="710"/>
                    </a:lnTo>
                    <a:lnTo>
                      <a:pt x="1899" y="715"/>
                    </a:lnTo>
                    <a:lnTo>
                      <a:pt x="1899" y="720"/>
                    </a:lnTo>
                    <a:lnTo>
                      <a:pt x="1901" y="725"/>
                    </a:lnTo>
                    <a:lnTo>
                      <a:pt x="1907" y="737"/>
                    </a:lnTo>
                    <a:lnTo>
                      <a:pt x="1910" y="749"/>
                    </a:lnTo>
                    <a:lnTo>
                      <a:pt x="1914" y="760"/>
                    </a:lnTo>
                    <a:lnTo>
                      <a:pt x="1916" y="773"/>
                    </a:lnTo>
                    <a:lnTo>
                      <a:pt x="1921" y="828"/>
                    </a:lnTo>
                    <a:lnTo>
                      <a:pt x="1907" y="830"/>
                    </a:lnTo>
                    <a:lnTo>
                      <a:pt x="1888" y="833"/>
                    </a:lnTo>
                    <a:lnTo>
                      <a:pt x="1868" y="834"/>
                    </a:lnTo>
                    <a:lnTo>
                      <a:pt x="1846" y="834"/>
                    </a:lnTo>
                    <a:lnTo>
                      <a:pt x="1825" y="833"/>
                    </a:lnTo>
                    <a:lnTo>
                      <a:pt x="1806" y="829"/>
                    </a:lnTo>
                    <a:lnTo>
                      <a:pt x="1796" y="826"/>
                    </a:lnTo>
                    <a:lnTo>
                      <a:pt x="1789" y="824"/>
                    </a:lnTo>
                    <a:lnTo>
                      <a:pt x="1782" y="820"/>
                    </a:lnTo>
                    <a:lnTo>
                      <a:pt x="1778" y="816"/>
                    </a:lnTo>
                    <a:lnTo>
                      <a:pt x="1772" y="807"/>
                    </a:lnTo>
                    <a:lnTo>
                      <a:pt x="1767" y="799"/>
                    </a:lnTo>
                    <a:lnTo>
                      <a:pt x="1763" y="790"/>
                    </a:lnTo>
                    <a:lnTo>
                      <a:pt x="1760" y="781"/>
                    </a:lnTo>
                    <a:lnTo>
                      <a:pt x="1758" y="763"/>
                    </a:lnTo>
                    <a:lnTo>
                      <a:pt x="1755" y="747"/>
                    </a:lnTo>
                    <a:lnTo>
                      <a:pt x="1754" y="740"/>
                    </a:lnTo>
                    <a:lnTo>
                      <a:pt x="1751" y="733"/>
                    </a:lnTo>
                    <a:lnTo>
                      <a:pt x="1747" y="727"/>
                    </a:lnTo>
                    <a:lnTo>
                      <a:pt x="1743" y="722"/>
                    </a:lnTo>
                    <a:lnTo>
                      <a:pt x="1736" y="718"/>
                    </a:lnTo>
                    <a:lnTo>
                      <a:pt x="1728" y="715"/>
                    </a:lnTo>
                    <a:lnTo>
                      <a:pt x="1716" y="712"/>
                    </a:lnTo>
                    <a:lnTo>
                      <a:pt x="1703" y="712"/>
                    </a:lnTo>
                    <a:lnTo>
                      <a:pt x="1666" y="714"/>
                    </a:lnTo>
                    <a:lnTo>
                      <a:pt x="1627" y="719"/>
                    </a:lnTo>
                    <a:lnTo>
                      <a:pt x="1607" y="720"/>
                    </a:lnTo>
                    <a:lnTo>
                      <a:pt x="1588" y="720"/>
                    </a:lnTo>
                    <a:lnTo>
                      <a:pt x="1579" y="719"/>
                    </a:lnTo>
                    <a:lnTo>
                      <a:pt x="1570" y="718"/>
                    </a:lnTo>
                    <a:lnTo>
                      <a:pt x="1562" y="716"/>
                    </a:lnTo>
                    <a:lnTo>
                      <a:pt x="1554" y="714"/>
                    </a:lnTo>
                    <a:lnTo>
                      <a:pt x="1539" y="709"/>
                    </a:lnTo>
                    <a:lnTo>
                      <a:pt x="1524" y="705"/>
                    </a:lnTo>
                    <a:lnTo>
                      <a:pt x="1517" y="703"/>
                    </a:lnTo>
                    <a:lnTo>
                      <a:pt x="1509" y="703"/>
                    </a:lnTo>
                    <a:lnTo>
                      <a:pt x="1501" y="703"/>
                    </a:lnTo>
                    <a:lnTo>
                      <a:pt x="1493" y="705"/>
                    </a:lnTo>
                    <a:lnTo>
                      <a:pt x="1474" y="712"/>
                    </a:lnTo>
                    <a:lnTo>
                      <a:pt x="1456" y="719"/>
                    </a:lnTo>
                    <a:lnTo>
                      <a:pt x="1447" y="722"/>
                    </a:lnTo>
                    <a:lnTo>
                      <a:pt x="1438" y="722"/>
                    </a:lnTo>
                    <a:lnTo>
                      <a:pt x="1427" y="722"/>
                    </a:lnTo>
                    <a:lnTo>
                      <a:pt x="1414" y="719"/>
                    </a:lnTo>
                    <a:lnTo>
                      <a:pt x="1394" y="710"/>
                    </a:lnTo>
                    <a:lnTo>
                      <a:pt x="1378" y="702"/>
                    </a:lnTo>
                    <a:lnTo>
                      <a:pt x="1370" y="699"/>
                    </a:lnTo>
                    <a:lnTo>
                      <a:pt x="1361" y="698"/>
                    </a:lnTo>
                    <a:lnTo>
                      <a:pt x="1351" y="699"/>
                    </a:lnTo>
                    <a:lnTo>
                      <a:pt x="1338" y="702"/>
                    </a:lnTo>
                    <a:lnTo>
                      <a:pt x="1330" y="703"/>
                    </a:lnTo>
                    <a:lnTo>
                      <a:pt x="1324" y="705"/>
                    </a:lnTo>
                    <a:lnTo>
                      <a:pt x="1318" y="705"/>
                    </a:lnTo>
                    <a:lnTo>
                      <a:pt x="1315" y="703"/>
                    </a:lnTo>
                    <a:lnTo>
                      <a:pt x="1304" y="701"/>
                    </a:lnTo>
                    <a:lnTo>
                      <a:pt x="1292" y="698"/>
                    </a:lnTo>
                    <a:lnTo>
                      <a:pt x="1281" y="692"/>
                    </a:lnTo>
                    <a:lnTo>
                      <a:pt x="1268" y="685"/>
                    </a:lnTo>
                    <a:lnTo>
                      <a:pt x="1252" y="679"/>
                    </a:lnTo>
                    <a:lnTo>
                      <a:pt x="1235" y="674"/>
                    </a:lnTo>
                    <a:lnTo>
                      <a:pt x="1203" y="665"/>
                    </a:lnTo>
                    <a:lnTo>
                      <a:pt x="1176" y="658"/>
                    </a:lnTo>
                    <a:lnTo>
                      <a:pt x="1160" y="654"/>
                    </a:lnTo>
                    <a:lnTo>
                      <a:pt x="1146" y="653"/>
                    </a:lnTo>
                    <a:lnTo>
                      <a:pt x="1133" y="652"/>
                    </a:lnTo>
                    <a:lnTo>
                      <a:pt x="1120" y="652"/>
                    </a:lnTo>
                    <a:lnTo>
                      <a:pt x="1109" y="652"/>
                    </a:lnTo>
                    <a:lnTo>
                      <a:pt x="1097" y="654"/>
                    </a:lnTo>
                    <a:lnTo>
                      <a:pt x="1085" y="657"/>
                    </a:lnTo>
                    <a:lnTo>
                      <a:pt x="1075" y="661"/>
                    </a:lnTo>
                    <a:lnTo>
                      <a:pt x="1063" y="665"/>
                    </a:lnTo>
                    <a:lnTo>
                      <a:pt x="1053" y="670"/>
                    </a:lnTo>
                    <a:lnTo>
                      <a:pt x="1042" y="675"/>
                    </a:lnTo>
                    <a:lnTo>
                      <a:pt x="1032" y="683"/>
                    </a:lnTo>
                    <a:lnTo>
                      <a:pt x="1010" y="697"/>
                    </a:lnTo>
                    <a:lnTo>
                      <a:pt x="988" y="715"/>
                    </a:lnTo>
                    <a:lnTo>
                      <a:pt x="966" y="734"/>
                    </a:lnTo>
                    <a:lnTo>
                      <a:pt x="947" y="749"/>
                    </a:lnTo>
                    <a:lnTo>
                      <a:pt x="941" y="751"/>
                    </a:lnTo>
                    <a:lnTo>
                      <a:pt x="936" y="754"/>
                    </a:lnTo>
                    <a:lnTo>
                      <a:pt x="930" y="755"/>
                    </a:lnTo>
                    <a:lnTo>
                      <a:pt x="923" y="755"/>
                    </a:lnTo>
                    <a:lnTo>
                      <a:pt x="917" y="754"/>
                    </a:lnTo>
                    <a:lnTo>
                      <a:pt x="910" y="753"/>
                    </a:lnTo>
                    <a:lnTo>
                      <a:pt x="903" y="750"/>
                    </a:lnTo>
                    <a:lnTo>
                      <a:pt x="895" y="745"/>
                    </a:lnTo>
                    <a:lnTo>
                      <a:pt x="871" y="725"/>
                    </a:lnTo>
                    <a:lnTo>
                      <a:pt x="840" y="697"/>
                    </a:lnTo>
                    <a:lnTo>
                      <a:pt x="824" y="683"/>
                    </a:lnTo>
                    <a:lnTo>
                      <a:pt x="809" y="672"/>
                    </a:lnTo>
                    <a:lnTo>
                      <a:pt x="803" y="668"/>
                    </a:lnTo>
                    <a:lnTo>
                      <a:pt x="796" y="666"/>
                    </a:lnTo>
                    <a:lnTo>
                      <a:pt x="792" y="665"/>
                    </a:lnTo>
                    <a:lnTo>
                      <a:pt x="789" y="666"/>
                    </a:lnTo>
                    <a:lnTo>
                      <a:pt x="781" y="671"/>
                    </a:lnTo>
                    <a:lnTo>
                      <a:pt x="773" y="679"/>
                    </a:lnTo>
                    <a:lnTo>
                      <a:pt x="767" y="688"/>
                    </a:lnTo>
                    <a:lnTo>
                      <a:pt x="760" y="698"/>
                    </a:lnTo>
                    <a:lnTo>
                      <a:pt x="754" y="709"/>
                    </a:lnTo>
                    <a:lnTo>
                      <a:pt x="748" y="719"/>
                    </a:lnTo>
                    <a:lnTo>
                      <a:pt x="744" y="729"/>
                    </a:lnTo>
                    <a:lnTo>
                      <a:pt x="742" y="738"/>
                    </a:lnTo>
                    <a:lnTo>
                      <a:pt x="737" y="751"/>
                    </a:lnTo>
                    <a:lnTo>
                      <a:pt x="733" y="766"/>
                    </a:lnTo>
                    <a:lnTo>
                      <a:pt x="729" y="779"/>
                    </a:lnTo>
                    <a:lnTo>
                      <a:pt x="726" y="793"/>
                    </a:lnTo>
                    <a:lnTo>
                      <a:pt x="724" y="821"/>
                    </a:lnTo>
                    <a:lnTo>
                      <a:pt x="722" y="850"/>
                    </a:lnTo>
                    <a:lnTo>
                      <a:pt x="724" y="855"/>
                    </a:lnTo>
                    <a:lnTo>
                      <a:pt x="725" y="859"/>
                    </a:lnTo>
                    <a:lnTo>
                      <a:pt x="726" y="864"/>
                    </a:lnTo>
                    <a:lnTo>
                      <a:pt x="729" y="869"/>
                    </a:lnTo>
                    <a:lnTo>
                      <a:pt x="735" y="878"/>
                    </a:lnTo>
                    <a:lnTo>
                      <a:pt x="743" y="886"/>
                    </a:lnTo>
                    <a:lnTo>
                      <a:pt x="761" y="902"/>
                    </a:lnTo>
                    <a:lnTo>
                      <a:pt x="777" y="915"/>
                    </a:lnTo>
                    <a:lnTo>
                      <a:pt x="787" y="925"/>
                    </a:lnTo>
                    <a:lnTo>
                      <a:pt x="795" y="935"/>
                    </a:lnTo>
                    <a:lnTo>
                      <a:pt x="803" y="947"/>
                    </a:lnTo>
                    <a:lnTo>
                      <a:pt x="809" y="957"/>
                    </a:lnTo>
                    <a:lnTo>
                      <a:pt x="814" y="969"/>
                    </a:lnTo>
                    <a:lnTo>
                      <a:pt x="818" y="979"/>
                    </a:lnTo>
                    <a:lnTo>
                      <a:pt x="822" y="991"/>
                    </a:lnTo>
                    <a:lnTo>
                      <a:pt x="825" y="1003"/>
                    </a:lnTo>
                    <a:lnTo>
                      <a:pt x="831" y="1026"/>
                    </a:lnTo>
                    <a:lnTo>
                      <a:pt x="836" y="1051"/>
                    </a:lnTo>
                    <a:lnTo>
                      <a:pt x="843" y="1075"/>
                    </a:lnTo>
                    <a:lnTo>
                      <a:pt x="853" y="1100"/>
                    </a:lnTo>
                    <a:lnTo>
                      <a:pt x="860" y="1114"/>
                    </a:lnTo>
                    <a:lnTo>
                      <a:pt x="869" y="1127"/>
                    </a:lnTo>
                    <a:lnTo>
                      <a:pt x="878" y="1141"/>
                    </a:lnTo>
                    <a:lnTo>
                      <a:pt x="888" y="1155"/>
                    </a:lnTo>
                    <a:lnTo>
                      <a:pt x="897" y="1168"/>
                    </a:lnTo>
                    <a:lnTo>
                      <a:pt x="906" y="1183"/>
                    </a:lnTo>
                    <a:lnTo>
                      <a:pt x="914" y="1196"/>
                    </a:lnTo>
                    <a:lnTo>
                      <a:pt x="919" y="1209"/>
                    </a:lnTo>
                    <a:lnTo>
                      <a:pt x="944" y="1229"/>
                    </a:lnTo>
                    <a:lnTo>
                      <a:pt x="970" y="1250"/>
                    </a:lnTo>
                    <a:lnTo>
                      <a:pt x="983" y="1260"/>
                    </a:lnTo>
                    <a:lnTo>
                      <a:pt x="993" y="1272"/>
                    </a:lnTo>
                    <a:lnTo>
                      <a:pt x="1004" y="1285"/>
                    </a:lnTo>
                    <a:lnTo>
                      <a:pt x="1014" y="1299"/>
                    </a:lnTo>
                    <a:lnTo>
                      <a:pt x="1027" y="1325"/>
                    </a:lnTo>
                    <a:lnTo>
                      <a:pt x="1037" y="1345"/>
                    </a:lnTo>
                    <a:lnTo>
                      <a:pt x="1042" y="1355"/>
                    </a:lnTo>
                    <a:lnTo>
                      <a:pt x="1050" y="1364"/>
                    </a:lnTo>
                    <a:lnTo>
                      <a:pt x="1059" y="1373"/>
                    </a:lnTo>
                    <a:lnTo>
                      <a:pt x="1071" y="1383"/>
                    </a:lnTo>
                    <a:lnTo>
                      <a:pt x="1101" y="1411"/>
                    </a:lnTo>
                    <a:lnTo>
                      <a:pt x="1137" y="1446"/>
                    </a:lnTo>
                    <a:lnTo>
                      <a:pt x="1155" y="1462"/>
                    </a:lnTo>
                    <a:lnTo>
                      <a:pt x="1173" y="1477"/>
                    </a:lnTo>
                    <a:lnTo>
                      <a:pt x="1181" y="1482"/>
                    </a:lnTo>
                    <a:lnTo>
                      <a:pt x="1190" y="1487"/>
                    </a:lnTo>
                    <a:lnTo>
                      <a:pt x="1198" y="1490"/>
                    </a:lnTo>
                    <a:lnTo>
                      <a:pt x="1204" y="1491"/>
                    </a:lnTo>
                    <a:lnTo>
                      <a:pt x="1213" y="1492"/>
                    </a:lnTo>
                    <a:lnTo>
                      <a:pt x="1220" y="1494"/>
                    </a:lnTo>
                    <a:lnTo>
                      <a:pt x="1226" y="1496"/>
                    </a:lnTo>
                    <a:lnTo>
                      <a:pt x="1230" y="1499"/>
                    </a:lnTo>
                    <a:lnTo>
                      <a:pt x="1233" y="1503"/>
                    </a:lnTo>
                    <a:lnTo>
                      <a:pt x="1234" y="1507"/>
                    </a:lnTo>
                    <a:lnTo>
                      <a:pt x="1235" y="1510"/>
                    </a:lnTo>
                    <a:lnTo>
                      <a:pt x="1235" y="1516"/>
                    </a:lnTo>
                    <a:lnTo>
                      <a:pt x="1235" y="1526"/>
                    </a:lnTo>
                    <a:lnTo>
                      <a:pt x="1234" y="1539"/>
                    </a:lnTo>
                    <a:lnTo>
                      <a:pt x="1235" y="1545"/>
                    </a:lnTo>
                    <a:lnTo>
                      <a:pt x="1235" y="1552"/>
                    </a:lnTo>
                    <a:lnTo>
                      <a:pt x="1238" y="1560"/>
                    </a:lnTo>
                    <a:lnTo>
                      <a:pt x="1241" y="1566"/>
                    </a:lnTo>
                    <a:lnTo>
                      <a:pt x="1260" y="1583"/>
                    </a:lnTo>
                    <a:lnTo>
                      <a:pt x="1274" y="1593"/>
                    </a:lnTo>
                    <a:lnTo>
                      <a:pt x="1277" y="1602"/>
                    </a:lnTo>
                    <a:lnTo>
                      <a:pt x="1281" y="1611"/>
                    </a:lnTo>
                    <a:lnTo>
                      <a:pt x="1286" y="1619"/>
                    </a:lnTo>
                    <a:lnTo>
                      <a:pt x="1291" y="1626"/>
                    </a:lnTo>
                    <a:lnTo>
                      <a:pt x="1305" y="1639"/>
                    </a:lnTo>
                    <a:lnTo>
                      <a:pt x="1320" y="1650"/>
                    </a:lnTo>
                    <a:lnTo>
                      <a:pt x="1327" y="1656"/>
                    </a:lnTo>
                    <a:lnTo>
                      <a:pt x="1334" y="1662"/>
                    </a:lnTo>
                    <a:lnTo>
                      <a:pt x="1340" y="1668"/>
                    </a:lnTo>
                    <a:lnTo>
                      <a:pt x="1346" y="1675"/>
                    </a:lnTo>
                    <a:lnTo>
                      <a:pt x="1351" y="1683"/>
                    </a:lnTo>
                    <a:lnTo>
                      <a:pt x="1353" y="1692"/>
                    </a:lnTo>
                    <a:lnTo>
                      <a:pt x="1356" y="1701"/>
                    </a:lnTo>
                    <a:lnTo>
                      <a:pt x="1356" y="1711"/>
                    </a:lnTo>
                    <a:lnTo>
                      <a:pt x="1322" y="173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3" name="Freeform 128">
                <a:extLst>
                  <a:ext uri="{FF2B5EF4-FFF2-40B4-BE49-F238E27FC236}">
                    <a16:creationId xmlns:a16="http://schemas.microsoft.com/office/drawing/2014/main" id="{DE2ED282-DD73-F84B-89B3-8C1137BE9E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77761" y="5111973"/>
                <a:ext cx="25504" cy="59609"/>
              </a:xfrm>
              <a:custGeom>
                <a:avLst/>
                <a:gdLst/>
                <a:ahLst/>
                <a:cxnLst>
                  <a:cxn ang="0">
                    <a:pos x="19" y="109"/>
                  </a:cxn>
                  <a:cxn ang="0">
                    <a:pos x="11" y="100"/>
                  </a:cxn>
                  <a:cxn ang="0">
                    <a:pos x="5" y="91"/>
                  </a:cxn>
                  <a:cxn ang="0">
                    <a:pos x="3" y="86"/>
                  </a:cxn>
                  <a:cxn ang="0">
                    <a:pos x="1" y="81"/>
                  </a:cxn>
                  <a:cxn ang="0">
                    <a:pos x="0" y="75"/>
                  </a:cxn>
                  <a:cxn ang="0">
                    <a:pos x="0" y="69"/>
                  </a:cxn>
                  <a:cxn ang="0">
                    <a:pos x="1" y="61"/>
                  </a:cxn>
                  <a:cxn ang="0">
                    <a:pos x="5" y="55"/>
                  </a:cxn>
                  <a:cxn ang="0">
                    <a:pos x="9" y="50"/>
                  </a:cxn>
                  <a:cxn ang="0">
                    <a:pos x="13" y="43"/>
                  </a:cxn>
                  <a:cxn ang="0">
                    <a:pos x="15" y="33"/>
                  </a:cxn>
                  <a:cxn ang="0">
                    <a:pos x="19" y="17"/>
                  </a:cxn>
                  <a:cxn ang="0">
                    <a:pos x="22" y="11"/>
                  </a:cxn>
                  <a:cxn ang="0">
                    <a:pos x="24" y="4"/>
                  </a:cxn>
                  <a:cxn ang="0">
                    <a:pos x="27" y="3"/>
                  </a:cxn>
                  <a:cxn ang="0">
                    <a:pos x="28" y="0"/>
                  </a:cxn>
                  <a:cxn ang="0">
                    <a:pos x="31" y="0"/>
                  </a:cxn>
                  <a:cxn ang="0">
                    <a:pos x="33" y="0"/>
                  </a:cxn>
                  <a:cxn ang="0">
                    <a:pos x="36" y="3"/>
                  </a:cxn>
                  <a:cxn ang="0">
                    <a:pos x="38" y="5"/>
                  </a:cxn>
                  <a:cxn ang="0">
                    <a:pos x="40" y="9"/>
                  </a:cxn>
                  <a:cxn ang="0">
                    <a:pos x="42" y="15"/>
                  </a:cxn>
                  <a:cxn ang="0">
                    <a:pos x="45" y="24"/>
                  </a:cxn>
                  <a:cxn ang="0">
                    <a:pos x="45" y="31"/>
                  </a:cxn>
                  <a:cxn ang="0">
                    <a:pos x="45" y="39"/>
                  </a:cxn>
                  <a:cxn ang="0">
                    <a:pos x="44" y="47"/>
                  </a:cxn>
                  <a:cxn ang="0">
                    <a:pos x="44" y="56"/>
                  </a:cxn>
                  <a:cxn ang="0">
                    <a:pos x="45" y="64"/>
                  </a:cxn>
                  <a:cxn ang="0">
                    <a:pos x="48" y="72"/>
                  </a:cxn>
                  <a:cxn ang="0">
                    <a:pos x="51" y="82"/>
                  </a:cxn>
                  <a:cxn ang="0">
                    <a:pos x="53" y="91"/>
                  </a:cxn>
                  <a:cxn ang="0">
                    <a:pos x="54" y="100"/>
                  </a:cxn>
                  <a:cxn ang="0">
                    <a:pos x="55" y="109"/>
                  </a:cxn>
                  <a:cxn ang="0">
                    <a:pos x="55" y="119"/>
                  </a:cxn>
                  <a:cxn ang="0">
                    <a:pos x="54" y="123"/>
                  </a:cxn>
                  <a:cxn ang="0">
                    <a:pos x="51" y="127"/>
                  </a:cxn>
                  <a:cxn ang="0">
                    <a:pos x="49" y="130"/>
                  </a:cxn>
                  <a:cxn ang="0">
                    <a:pos x="46" y="131"/>
                  </a:cxn>
                  <a:cxn ang="0">
                    <a:pos x="42" y="132"/>
                  </a:cxn>
                  <a:cxn ang="0">
                    <a:pos x="38" y="132"/>
                  </a:cxn>
                  <a:cxn ang="0">
                    <a:pos x="35" y="131"/>
                  </a:cxn>
                  <a:cxn ang="0">
                    <a:pos x="31" y="129"/>
                  </a:cxn>
                  <a:cxn ang="0">
                    <a:pos x="19" y="109"/>
                  </a:cxn>
                </a:cxnLst>
                <a:rect l="0" t="0" r="r" b="b"/>
                <a:pathLst>
                  <a:path w="55" h="132">
                    <a:moveTo>
                      <a:pt x="19" y="109"/>
                    </a:moveTo>
                    <a:lnTo>
                      <a:pt x="11" y="100"/>
                    </a:lnTo>
                    <a:lnTo>
                      <a:pt x="5" y="91"/>
                    </a:lnTo>
                    <a:lnTo>
                      <a:pt x="3" y="86"/>
                    </a:lnTo>
                    <a:lnTo>
                      <a:pt x="1" y="81"/>
                    </a:lnTo>
                    <a:lnTo>
                      <a:pt x="0" y="75"/>
                    </a:lnTo>
                    <a:lnTo>
                      <a:pt x="0" y="69"/>
                    </a:lnTo>
                    <a:lnTo>
                      <a:pt x="1" y="61"/>
                    </a:lnTo>
                    <a:lnTo>
                      <a:pt x="5" y="55"/>
                    </a:lnTo>
                    <a:lnTo>
                      <a:pt x="9" y="50"/>
                    </a:lnTo>
                    <a:lnTo>
                      <a:pt x="13" y="43"/>
                    </a:lnTo>
                    <a:lnTo>
                      <a:pt x="15" y="33"/>
                    </a:lnTo>
                    <a:lnTo>
                      <a:pt x="19" y="17"/>
                    </a:lnTo>
                    <a:lnTo>
                      <a:pt x="22" y="11"/>
                    </a:lnTo>
                    <a:lnTo>
                      <a:pt x="24" y="4"/>
                    </a:lnTo>
                    <a:lnTo>
                      <a:pt x="27" y="3"/>
                    </a:lnTo>
                    <a:lnTo>
                      <a:pt x="28" y="0"/>
                    </a:lnTo>
                    <a:lnTo>
                      <a:pt x="31" y="0"/>
                    </a:lnTo>
                    <a:lnTo>
                      <a:pt x="33" y="0"/>
                    </a:lnTo>
                    <a:lnTo>
                      <a:pt x="36" y="3"/>
                    </a:lnTo>
                    <a:lnTo>
                      <a:pt x="38" y="5"/>
                    </a:lnTo>
                    <a:lnTo>
                      <a:pt x="40" y="9"/>
                    </a:lnTo>
                    <a:lnTo>
                      <a:pt x="42" y="15"/>
                    </a:lnTo>
                    <a:lnTo>
                      <a:pt x="45" y="24"/>
                    </a:lnTo>
                    <a:lnTo>
                      <a:pt x="45" y="31"/>
                    </a:lnTo>
                    <a:lnTo>
                      <a:pt x="45" y="39"/>
                    </a:lnTo>
                    <a:lnTo>
                      <a:pt x="44" y="47"/>
                    </a:lnTo>
                    <a:lnTo>
                      <a:pt x="44" y="56"/>
                    </a:lnTo>
                    <a:lnTo>
                      <a:pt x="45" y="64"/>
                    </a:lnTo>
                    <a:lnTo>
                      <a:pt x="48" y="72"/>
                    </a:lnTo>
                    <a:lnTo>
                      <a:pt x="51" y="82"/>
                    </a:lnTo>
                    <a:lnTo>
                      <a:pt x="53" y="91"/>
                    </a:lnTo>
                    <a:lnTo>
                      <a:pt x="54" y="100"/>
                    </a:lnTo>
                    <a:lnTo>
                      <a:pt x="55" y="109"/>
                    </a:lnTo>
                    <a:lnTo>
                      <a:pt x="55" y="119"/>
                    </a:lnTo>
                    <a:lnTo>
                      <a:pt x="54" y="123"/>
                    </a:lnTo>
                    <a:lnTo>
                      <a:pt x="51" y="127"/>
                    </a:lnTo>
                    <a:lnTo>
                      <a:pt x="49" y="130"/>
                    </a:lnTo>
                    <a:lnTo>
                      <a:pt x="46" y="131"/>
                    </a:lnTo>
                    <a:lnTo>
                      <a:pt x="42" y="132"/>
                    </a:lnTo>
                    <a:lnTo>
                      <a:pt x="38" y="132"/>
                    </a:lnTo>
                    <a:lnTo>
                      <a:pt x="35" y="131"/>
                    </a:lnTo>
                    <a:lnTo>
                      <a:pt x="31" y="129"/>
                    </a:lnTo>
                    <a:lnTo>
                      <a:pt x="19" y="10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4" name="Freeform 129">
                <a:extLst>
                  <a:ext uri="{FF2B5EF4-FFF2-40B4-BE49-F238E27FC236}">
                    <a16:creationId xmlns:a16="http://schemas.microsoft.com/office/drawing/2014/main" id="{6CD7E109-00CD-0640-B7DD-D4CB7346B3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03264" y="5074040"/>
                <a:ext cx="36434" cy="41546"/>
              </a:xfrm>
              <a:custGeom>
                <a:avLst/>
                <a:gdLst/>
                <a:ahLst/>
                <a:cxnLst>
                  <a:cxn ang="0">
                    <a:pos x="46" y="69"/>
                  </a:cxn>
                  <a:cxn ang="0">
                    <a:pos x="36" y="64"/>
                  </a:cxn>
                  <a:cxn ang="0">
                    <a:pos x="25" y="57"/>
                  </a:cxn>
                  <a:cxn ang="0">
                    <a:pos x="19" y="54"/>
                  </a:cxn>
                  <a:cxn ang="0">
                    <a:pos x="10" y="48"/>
                  </a:cxn>
                  <a:cxn ang="0">
                    <a:pos x="2" y="42"/>
                  </a:cxn>
                  <a:cxn ang="0">
                    <a:pos x="0" y="35"/>
                  </a:cxn>
                  <a:cxn ang="0">
                    <a:pos x="0" y="31"/>
                  </a:cxn>
                  <a:cxn ang="0">
                    <a:pos x="2" y="26"/>
                  </a:cxn>
                  <a:cxn ang="0">
                    <a:pos x="5" y="21"/>
                  </a:cxn>
                  <a:cxn ang="0">
                    <a:pos x="9" y="17"/>
                  </a:cxn>
                  <a:cxn ang="0">
                    <a:pos x="15" y="8"/>
                  </a:cxn>
                  <a:cxn ang="0">
                    <a:pos x="22" y="0"/>
                  </a:cxn>
                  <a:cxn ang="0">
                    <a:pos x="25" y="0"/>
                  </a:cxn>
                  <a:cxn ang="0">
                    <a:pos x="28" y="2"/>
                  </a:cxn>
                  <a:cxn ang="0">
                    <a:pos x="32" y="3"/>
                  </a:cxn>
                  <a:cxn ang="0">
                    <a:pos x="35" y="6"/>
                  </a:cxn>
                  <a:cxn ang="0">
                    <a:pos x="40" y="12"/>
                  </a:cxn>
                  <a:cxn ang="0">
                    <a:pos x="45" y="20"/>
                  </a:cxn>
                  <a:cxn ang="0">
                    <a:pos x="49" y="28"/>
                  </a:cxn>
                  <a:cxn ang="0">
                    <a:pos x="54" y="35"/>
                  </a:cxn>
                  <a:cxn ang="0">
                    <a:pos x="59" y="42"/>
                  </a:cxn>
                  <a:cxn ang="0">
                    <a:pos x="64" y="47"/>
                  </a:cxn>
                  <a:cxn ang="0">
                    <a:pos x="70" y="52"/>
                  </a:cxn>
                  <a:cxn ang="0">
                    <a:pos x="73" y="57"/>
                  </a:cxn>
                  <a:cxn ang="0">
                    <a:pos x="77" y="63"/>
                  </a:cxn>
                  <a:cxn ang="0">
                    <a:pos x="79" y="69"/>
                  </a:cxn>
                  <a:cxn ang="0">
                    <a:pos x="80" y="73"/>
                  </a:cxn>
                  <a:cxn ang="0">
                    <a:pos x="79" y="77"/>
                  </a:cxn>
                  <a:cxn ang="0">
                    <a:pos x="77" y="81"/>
                  </a:cxn>
                  <a:cxn ang="0">
                    <a:pos x="75" y="85"/>
                  </a:cxn>
                  <a:cxn ang="0">
                    <a:pos x="72" y="87"/>
                  </a:cxn>
                  <a:cxn ang="0">
                    <a:pos x="70" y="90"/>
                  </a:cxn>
                  <a:cxn ang="0">
                    <a:pos x="66" y="91"/>
                  </a:cxn>
                  <a:cxn ang="0">
                    <a:pos x="63" y="91"/>
                  </a:cxn>
                  <a:cxn ang="0">
                    <a:pos x="46" y="69"/>
                  </a:cxn>
                </a:cxnLst>
                <a:rect l="0" t="0" r="r" b="b"/>
                <a:pathLst>
                  <a:path w="80" h="91">
                    <a:moveTo>
                      <a:pt x="46" y="69"/>
                    </a:moveTo>
                    <a:lnTo>
                      <a:pt x="36" y="64"/>
                    </a:lnTo>
                    <a:lnTo>
                      <a:pt x="25" y="57"/>
                    </a:lnTo>
                    <a:lnTo>
                      <a:pt x="19" y="54"/>
                    </a:lnTo>
                    <a:lnTo>
                      <a:pt x="10" y="48"/>
                    </a:lnTo>
                    <a:lnTo>
                      <a:pt x="2" y="42"/>
                    </a:lnTo>
                    <a:lnTo>
                      <a:pt x="0" y="35"/>
                    </a:lnTo>
                    <a:lnTo>
                      <a:pt x="0" y="31"/>
                    </a:lnTo>
                    <a:lnTo>
                      <a:pt x="2" y="26"/>
                    </a:lnTo>
                    <a:lnTo>
                      <a:pt x="5" y="21"/>
                    </a:lnTo>
                    <a:lnTo>
                      <a:pt x="9" y="17"/>
                    </a:lnTo>
                    <a:lnTo>
                      <a:pt x="15" y="8"/>
                    </a:lnTo>
                    <a:lnTo>
                      <a:pt x="22" y="0"/>
                    </a:lnTo>
                    <a:lnTo>
                      <a:pt x="25" y="0"/>
                    </a:lnTo>
                    <a:lnTo>
                      <a:pt x="28" y="2"/>
                    </a:lnTo>
                    <a:lnTo>
                      <a:pt x="32" y="3"/>
                    </a:lnTo>
                    <a:lnTo>
                      <a:pt x="35" y="6"/>
                    </a:lnTo>
                    <a:lnTo>
                      <a:pt x="40" y="12"/>
                    </a:lnTo>
                    <a:lnTo>
                      <a:pt x="45" y="20"/>
                    </a:lnTo>
                    <a:lnTo>
                      <a:pt x="49" y="28"/>
                    </a:lnTo>
                    <a:lnTo>
                      <a:pt x="54" y="35"/>
                    </a:lnTo>
                    <a:lnTo>
                      <a:pt x="59" y="42"/>
                    </a:lnTo>
                    <a:lnTo>
                      <a:pt x="64" y="47"/>
                    </a:lnTo>
                    <a:lnTo>
                      <a:pt x="70" y="52"/>
                    </a:lnTo>
                    <a:lnTo>
                      <a:pt x="73" y="57"/>
                    </a:lnTo>
                    <a:lnTo>
                      <a:pt x="77" y="63"/>
                    </a:lnTo>
                    <a:lnTo>
                      <a:pt x="79" y="69"/>
                    </a:lnTo>
                    <a:lnTo>
                      <a:pt x="80" y="73"/>
                    </a:lnTo>
                    <a:lnTo>
                      <a:pt x="79" y="77"/>
                    </a:lnTo>
                    <a:lnTo>
                      <a:pt x="77" y="81"/>
                    </a:lnTo>
                    <a:lnTo>
                      <a:pt x="75" y="85"/>
                    </a:lnTo>
                    <a:lnTo>
                      <a:pt x="72" y="87"/>
                    </a:lnTo>
                    <a:lnTo>
                      <a:pt x="70" y="90"/>
                    </a:lnTo>
                    <a:lnTo>
                      <a:pt x="66" y="91"/>
                    </a:lnTo>
                    <a:lnTo>
                      <a:pt x="63" y="91"/>
                    </a:lnTo>
                    <a:lnTo>
                      <a:pt x="46" y="6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5" name="Freeform 130">
                <a:extLst>
                  <a:ext uri="{FF2B5EF4-FFF2-40B4-BE49-F238E27FC236}">
                    <a16:creationId xmlns:a16="http://schemas.microsoft.com/office/drawing/2014/main" id="{905AB094-00BD-AD4E-9F72-18295F3040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43342" y="5196869"/>
                <a:ext cx="52830" cy="65027"/>
              </a:xfrm>
              <a:custGeom>
                <a:avLst/>
                <a:gdLst/>
                <a:ahLst/>
                <a:cxnLst>
                  <a:cxn ang="0">
                    <a:pos x="75" y="62"/>
                  </a:cxn>
                  <a:cxn ang="0">
                    <a:pos x="64" y="53"/>
                  </a:cxn>
                  <a:cxn ang="0">
                    <a:pos x="54" y="44"/>
                  </a:cxn>
                  <a:cxn ang="0">
                    <a:pos x="45" y="34"/>
                  </a:cxn>
                  <a:cxn ang="0">
                    <a:pos x="35" y="23"/>
                  </a:cxn>
                  <a:cxn ang="0">
                    <a:pos x="29" y="18"/>
                  </a:cxn>
                  <a:cxn ang="0">
                    <a:pos x="22" y="9"/>
                  </a:cxn>
                  <a:cxn ang="0">
                    <a:pos x="14" y="3"/>
                  </a:cxn>
                  <a:cxn ang="0">
                    <a:pos x="7" y="0"/>
                  </a:cxn>
                  <a:cxn ang="0">
                    <a:pos x="4" y="0"/>
                  </a:cxn>
                  <a:cxn ang="0">
                    <a:pos x="1" y="1"/>
                  </a:cxn>
                  <a:cxn ang="0">
                    <a:pos x="0" y="4"/>
                  </a:cxn>
                  <a:cxn ang="0">
                    <a:pos x="0" y="8"/>
                  </a:cxn>
                  <a:cxn ang="0">
                    <a:pos x="2" y="16"/>
                  </a:cxn>
                  <a:cxn ang="0">
                    <a:pos x="6" y="25"/>
                  </a:cxn>
                  <a:cxn ang="0">
                    <a:pos x="19" y="43"/>
                  </a:cxn>
                  <a:cxn ang="0">
                    <a:pos x="28" y="53"/>
                  </a:cxn>
                  <a:cxn ang="0">
                    <a:pos x="42" y="70"/>
                  </a:cxn>
                  <a:cxn ang="0">
                    <a:pos x="57" y="86"/>
                  </a:cxn>
                  <a:cxn ang="0">
                    <a:pos x="64" y="97"/>
                  </a:cxn>
                  <a:cxn ang="0">
                    <a:pos x="71" y="110"/>
                  </a:cxn>
                  <a:cxn ang="0">
                    <a:pos x="75" y="117"/>
                  </a:cxn>
                  <a:cxn ang="0">
                    <a:pos x="79" y="123"/>
                  </a:cxn>
                  <a:cxn ang="0">
                    <a:pos x="84" y="128"/>
                  </a:cxn>
                  <a:cxn ang="0">
                    <a:pos x="89" y="135"/>
                  </a:cxn>
                  <a:cxn ang="0">
                    <a:pos x="93" y="137"/>
                  </a:cxn>
                  <a:cxn ang="0">
                    <a:pos x="99" y="143"/>
                  </a:cxn>
                  <a:cxn ang="0">
                    <a:pos x="103" y="144"/>
                  </a:cxn>
                  <a:cxn ang="0">
                    <a:pos x="107" y="145"/>
                  </a:cxn>
                  <a:cxn ang="0">
                    <a:pos x="110" y="145"/>
                  </a:cxn>
                  <a:cxn ang="0">
                    <a:pos x="112" y="144"/>
                  </a:cxn>
                  <a:cxn ang="0">
                    <a:pos x="115" y="140"/>
                  </a:cxn>
                  <a:cxn ang="0">
                    <a:pos x="115" y="135"/>
                  </a:cxn>
                  <a:cxn ang="0">
                    <a:pos x="114" y="130"/>
                  </a:cxn>
                  <a:cxn ang="0">
                    <a:pos x="112" y="124"/>
                  </a:cxn>
                  <a:cxn ang="0">
                    <a:pos x="105" y="115"/>
                  </a:cxn>
                  <a:cxn ang="0">
                    <a:pos x="98" y="109"/>
                  </a:cxn>
                  <a:cxn ang="0">
                    <a:pos x="75" y="62"/>
                  </a:cxn>
                </a:cxnLst>
                <a:rect l="0" t="0" r="r" b="b"/>
                <a:pathLst>
                  <a:path w="115" h="145">
                    <a:moveTo>
                      <a:pt x="75" y="62"/>
                    </a:moveTo>
                    <a:lnTo>
                      <a:pt x="64" y="53"/>
                    </a:lnTo>
                    <a:lnTo>
                      <a:pt x="54" y="44"/>
                    </a:lnTo>
                    <a:lnTo>
                      <a:pt x="45" y="34"/>
                    </a:lnTo>
                    <a:lnTo>
                      <a:pt x="35" y="23"/>
                    </a:lnTo>
                    <a:lnTo>
                      <a:pt x="29" y="18"/>
                    </a:lnTo>
                    <a:lnTo>
                      <a:pt x="22" y="9"/>
                    </a:lnTo>
                    <a:lnTo>
                      <a:pt x="14" y="3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1" y="1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2" y="16"/>
                    </a:lnTo>
                    <a:lnTo>
                      <a:pt x="6" y="25"/>
                    </a:lnTo>
                    <a:lnTo>
                      <a:pt x="19" y="43"/>
                    </a:lnTo>
                    <a:lnTo>
                      <a:pt x="28" y="53"/>
                    </a:lnTo>
                    <a:lnTo>
                      <a:pt x="42" y="70"/>
                    </a:lnTo>
                    <a:lnTo>
                      <a:pt x="57" y="86"/>
                    </a:lnTo>
                    <a:lnTo>
                      <a:pt x="64" y="97"/>
                    </a:lnTo>
                    <a:lnTo>
                      <a:pt x="71" y="110"/>
                    </a:lnTo>
                    <a:lnTo>
                      <a:pt x="75" y="117"/>
                    </a:lnTo>
                    <a:lnTo>
                      <a:pt x="79" y="123"/>
                    </a:lnTo>
                    <a:lnTo>
                      <a:pt x="84" y="128"/>
                    </a:lnTo>
                    <a:lnTo>
                      <a:pt x="89" y="135"/>
                    </a:lnTo>
                    <a:lnTo>
                      <a:pt x="93" y="137"/>
                    </a:lnTo>
                    <a:lnTo>
                      <a:pt x="99" y="143"/>
                    </a:lnTo>
                    <a:lnTo>
                      <a:pt x="103" y="144"/>
                    </a:lnTo>
                    <a:lnTo>
                      <a:pt x="107" y="145"/>
                    </a:lnTo>
                    <a:lnTo>
                      <a:pt x="110" y="145"/>
                    </a:lnTo>
                    <a:lnTo>
                      <a:pt x="112" y="144"/>
                    </a:lnTo>
                    <a:lnTo>
                      <a:pt x="115" y="140"/>
                    </a:lnTo>
                    <a:lnTo>
                      <a:pt x="115" y="135"/>
                    </a:lnTo>
                    <a:lnTo>
                      <a:pt x="114" y="130"/>
                    </a:lnTo>
                    <a:lnTo>
                      <a:pt x="112" y="124"/>
                    </a:lnTo>
                    <a:lnTo>
                      <a:pt x="105" y="115"/>
                    </a:lnTo>
                    <a:lnTo>
                      <a:pt x="98" y="109"/>
                    </a:lnTo>
                    <a:lnTo>
                      <a:pt x="75" y="62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6" name="Freeform 131">
                <a:extLst>
                  <a:ext uri="{FF2B5EF4-FFF2-40B4-BE49-F238E27FC236}">
                    <a16:creationId xmlns:a16="http://schemas.microsoft.com/office/drawing/2014/main" id="{49467B97-79AC-E749-94D5-3B81311F55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61365" y="5171581"/>
                <a:ext cx="34613" cy="52383"/>
              </a:xfrm>
              <a:custGeom>
                <a:avLst/>
                <a:gdLst/>
                <a:ahLst/>
                <a:cxnLst>
                  <a:cxn ang="0">
                    <a:pos x="66" y="69"/>
                  </a:cxn>
                  <a:cxn ang="0">
                    <a:pos x="57" y="57"/>
                  </a:cxn>
                  <a:cxn ang="0">
                    <a:pos x="50" y="43"/>
                  </a:cxn>
                  <a:cxn ang="0">
                    <a:pos x="44" y="32"/>
                  </a:cxn>
                  <a:cxn ang="0">
                    <a:pos x="35" y="19"/>
                  </a:cxn>
                  <a:cxn ang="0">
                    <a:pos x="31" y="12"/>
                  </a:cxn>
                  <a:cxn ang="0">
                    <a:pos x="25" y="7"/>
                  </a:cxn>
                  <a:cxn ang="0">
                    <a:pos x="20" y="3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5" y="2"/>
                  </a:cxn>
                  <a:cxn ang="0">
                    <a:pos x="2" y="4"/>
                  </a:cxn>
                  <a:cxn ang="0">
                    <a:pos x="1" y="8"/>
                  </a:cxn>
                  <a:cxn ang="0">
                    <a:pos x="0" y="13"/>
                  </a:cxn>
                  <a:cxn ang="0">
                    <a:pos x="1" y="19"/>
                  </a:cxn>
                  <a:cxn ang="0">
                    <a:pos x="1" y="22"/>
                  </a:cxn>
                  <a:cxn ang="0">
                    <a:pos x="3" y="26"/>
                  </a:cxn>
                  <a:cxn ang="0">
                    <a:pos x="15" y="42"/>
                  </a:cxn>
                  <a:cxn ang="0">
                    <a:pos x="27" y="57"/>
                  </a:cxn>
                  <a:cxn ang="0">
                    <a:pos x="35" y="67"/>
                  </a:cxn>
                  <a:cxn ang="0">
                    <a:pos x="41" y="76"/>
                  </a:cxn>
                  <a:cxn ang="0">
                    <a:pos x="48" y="86"/>
                  </a:cxn>
                  <a:cxn ang="0">
                    <a:pos x="54" y="96"/>
                  </a:cxn>
                  <a:cxn ang="0">
                    <a:pos x="59" y="104"/>
                  </a:cxn>
                  <a:cxn ang="0">
                    <a:pos x="64" y="112"/>
                  </a:cxn>
                  <a:cxn ang="0">
                    <a:pos x="67" y="116"/>
                  </a:cxn>
                  <a:cxn ang="0">
                    <a:pos x="70" y="117"/>
                  </a:cxn>
                  <a:cxn ang="0">
                    <a:pos x="72" y="117"/>
                  </a:cxn>
                  <a:cxn ang="0">
                    <a:pos x="73" y="116"/>
                  </a:cxn>
                  <a:cxn ang="0">
                    <a:pos x="75" y="111"/>
                  </a:cxn>
                  <a:cxn ang="0">
                    <a:pos x="75" y="104"/>
                  </a:cxn>
                  <a:cxn ang="0">
                    <a:pos x="66" y="69"/>
                  </a:cxn>
                </a:cxnLst>
                <a:rect l="0" t="0" r="r" b="b"/>
                <a:pathLst>
                  <a:path w="75" h="117">
                    <a:moveTo>
                      <a:pt x="66" y="69"/>
                    </a:moveTo>
                    <a:lnTo>
                      <a:pt x="57" y="57"/>
                    </a:lnTo>
                    <a:lnTo>
                      <a:pt x="50" y="43"/>
                    </a:lnTo>
                    <a:lnTo>
                      <a:pt x="44" y="32"/>
                    </a:lnTo>
                    <a:lnTo>
                      <a:pt x="35" y="19"/>
                    </a:lnTo>
                    <a:lnTo>
                      <a:pt x="31" y="12"/>
                    </a:lnTo>
                    <a:lnTo>
                      <a:pt x="25" y="7"/>
                    </a:lnTo>
                    <a:lnTo>
                      <a:pt x="20" y="3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5" y="2"/>
                    </a:lnTo>
                    <a:lnTo>
                      <a:pt x="2" y="4"/>
                    </a:lnTo>
                    <a:lnTo>
                      <a:pt x="1" y="8"/>
                    </a:lnTo>
                    <a:lnTo>
                      <a:pt x="0" y="13"/>
                    </a:lnTo>
                    <a:lnTo>
                      <a:pt x="1" y="19"/>
                    </a:lnTo>
                    <a:lnTo>
                      <a:pt x="1" y="22"/>
                    </a:lnTo>
                    <a:lnTo>
                      <a:pt x="3" y="26"/>
                    </a:lnTo>
                    <a:lnTo>
                      <a:pt x="15" y="42"/>
                    </a:lnTo>
                    <a:lnTo>
                      <a:pt x="27" y="57"/>
                    </a:lnTo>
                    <a:lnTo>
                      <a:pt x="35" y="67"/>
                    </a:lnTo>
                    <a:lnTo>
                      <a:pt x="41" y="76"/>
                    </a:lnTo>
                    <a:lnTo>
                      <a:pt x="48" y="86"/>
                    </a:lnTo>
                    <a:lnTo>
                      <a:pt x="54" y="96"/>
                    </a:lnTo>
                    <a:lnTo>
                      <a:pt x="59" y="104"/>
                    </a:lnTo>
                    <a:lnTo>
                      <a:pt x="64" y="112"/>
                    </a:lnTo>
                    <a:lnTo>
                      <a:pt x="67" y="116"/>
                    </a:lnTo>
                    <a:lnTo>
                      <a:pt x="70" y="117"/>
                    </a:lnTo>
                    <a:lnTo>
                      <a:pt x="72" y="117"/>
                    </a:lnTo>
                    <a:lnTo>
                      <a:pt x="73" y="116"/>
                    </a:lnTo>
                    <a:lnTo>
                      <a:pt x="75" y="111"/>
                    </a:lnTo>
                    <a:lnTo>
                      <a:pt x="75" y="104"/>
                    </a:lnTo>
                    <a:lnTo>
                      <a:pt x="66" y="6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7" name="Freeform 132">
                <a:extLst>
                  <a:ext uri="{FF2B5EF4-FFF2-40B4-BE49-F238E27FC236}">
                    <a16:creationId xmlns:a16="http://schemas.microsoft.com/office/drawing/2014/main" id="{44932D44-39C2-6E41-A2B3-A7C2A13552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46985" y="5299829"/>
                <a:ext cx="34613" cy="55996"/>
              </a:xfrm>
              <a:custGeom>
                <a:avLst/>
                <a:gdLst/>
                <a:ahLst/>
                <a:cxnLst>
                  <a:cxn ang="0">
                    <a:pos x="57" y="114"/>
                  </a:cxn>
                  <a:cxn ang="0">
                    <a:pos x="49" y="104"/>
                  </a:cxn>
                  <a:cxn ang="0">
                    <a:pos x="44" y="95"/>
                  </a:cxn>
                  <a:cxn ang="0">
                    <a:pos x="37" y="84"/>
                  </a:cxn>
                  <a:cxn ang="0">
                    <a:pos x="31" y="74"/>
                  </a:cxn>
                  <a:cxn ang="0">
                    <a:pos x="24" y="61"/>
                  </a:cxn>
                  <a:cxn ang="0">
                    <a:pos x="18" y="47"/>
                  </a:cxn>
                  <a:cxn ang="0">
                    <a:pos x="12" y="36"/>
                  </a:cxn>
                  <a:cxn ang="0">
                    <a:pos x="5" y="26"/>
                  </a:cxn>
                  <a:cxn ang="0">
                    <a:pos x="2" y="21"/>
                  </a:cxn>
                  <a:cxn ang="0">
                    <a:pos x="1" y="16"/>
                  </a:cxn>
                  <a:cxn ang="0">
                    <a:pos x="0" y="10"/>
                  </a:cxn>
                  <a:cxn ang="0">
                    <a:pos x="0" y="4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2" y="0"/>
                  </a:cxn>
                  <a:cxn ang="0">
                    <a:pos x="4" y="0"/>
                  </a:cxn>
                  <a:cxn ang="0">
                    <a:pos x="8" y="3"/>
                  </a:cxn>
                  <a:cxn ang="0">
                    <a:pos x="12" y="7"/>
                  </a:cxn>
                  <a:cxn ang="0">
                    <a:pos x="18" y="17"/>
                  </a:cxn>
                  <a:cxn ang="0">
                    <a:pos x="22" y="22"/>
                  </a:cxn>
                  <a:cxn ang="0">
                    <a:pos x="31" y="40"/>
                  </a:cxn>
                  <a:cxn ang="0">
                    <a:pos x="41" y="57"/>
                  </a:cxn>
                  <a:cxn ang="0">
                    <a:pos x="49" y="67"/>
                  </a:cxn>
                  <a:cxn ang="0">
                    <a:pos x="57" y="78"/>
                  </a:cxn>
                  <a:cxn ang="0">
                    <a:pos x="63" y="88"/>
                  </a:cxn>
                  <a:cxn ang="0">
                    <a:pos x="70" y="100"/>
                  </a:cxn>
                  <a:cxn ang="0">
                    <a:pos x="72" y="106"/>
                  </a:cxn>
                  <a:cxn ang="0">
                    <a:pos x="76" y="115"/>
                  </a:cxn>
                  <a:cxn ang="0">
                    <a:pos x="78" y="119"/>
                  </a:cxn>
                  <a:cxn ang="0">
                    <a:pos x="76" y="122"/>
                  </a:cxn>
                  <a:cxn ang="0">
                    <a:pos x="75" y="124"/>
                  </a:cxn>
                  <a:cxn ang="0">
                    <a:pos x="70" y="123"/>
                  </a:cxn>
                  <a:cxn ang="0">
                    <a:pos x="57" y="114"/>
                  </a:cxn>
                </a:cxnLst>
                <a:rect l="0" t="0" r="r" b="b"/>
                <a:pathLst>
                  <a:path w="78" h="124">
                    <a:moveTo>
                      <a:pt x="57" y="114"/>
                    </a:moveTo>
                    <a:lnTo>
                      <a:pt x="49" y="104"/>
                    </a:lnTo>
                    <a:lnTo>
                      <a:pt x="44" y="95"/>
                    </a:lnTo>
                    <a:lnTo>
                      <a:pt x="37" y="84"/>
                    </a:lnTo>
                    <a:lnTo>
                      <a:pt x="31" y="74"/>
                    </a:lnTo>
                    <a:lnTo>
                      <a:pt x="24" y="61"/>
                    </a:lnTo>
                    <a:lnTo>
                      <a:pt x="18" y="47"/>
                    </a:lnTo>
                    <a:lnTo>
                      <a:pt x="12" y="36"/>
                    </a:lnTo>
                    <a:lnTo>
                      <a:pt x="5" y="26"/>
                    </a:lnTo>
                    <a:lnTo>
                      <a:pt x="2" y="21"/>
                    </a:lnTo>
                    <a:lnTo>
                      <a:pt x="1" y="16"/>
                    </a:lnTo>
                    <a:lnTo>
                      <a:pt x="0" y="10"/>
                    </a:lnTo>
                    <a:lnTo>
                      <a:pt x="0" y="4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8" y="3"/>
                    </a:lnTo>
                    <a:lnTo>
                      <a:pt x="12" y="7"/>
                    </a:lnTo>
                    <a:lnTo>
                      <a:pt x="18" y="17"/>
                    </a:lnTo>
                    <a:lnTo>
                      <a:pt x="22" y="22"/>
                    </a:lnTo>
                    <a:lnTo>
                      <a:pt x="31" y="40"/>
                    </a:lnTo>
                    <a:lnTo>
                      <a:pt x="41" y="57"/>
                    </a:lnTo>
                    <a:lnTo>
                      <a:pt x="49" y="67"/>
                    </a:lnTo>
                    <a:lnTo>
                      <a:pt x="57" y="78"/>
                    </a:lnTo>
                    <a:lnTo>
                      <a:pt x="63" y="88"/>
                    </a:lnTo>
                    <a:lnTo>
                      <a:pt x="70" y="100"/>
                    </a:lnTo>
                    <a:lnTo>
                      <a:pt x="72" y="106"/>
                    </a:lnTo>
                    <a:lnTo>
                      <a:pt x="76" y="115"/>
                    </a:lnTo>
                    <a:lnTo>
                      <a:pt x="78" y="119"/>
                    </a:lnTo>
                    <a:lnTo>
                      <a:pt x="76" y="122"/>
                    </a:lnTo>
                    <a:lnTo>
                      <a:pt x="75" y="124"/>
                    </a:lnTo>
                    <a:lnTo>
                      <a:pt x="70" y="123"/>
                    </a:lnTo>
                    <a:lnTo>
                      <a:pt x="57" y="11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8" name="Freeform 133">
                <a:extLst>
                  <a:ext uri="{FF2B5EF4-FFF2-40B4-BE49-F238E27FC236}">
                    <a16:creationId xmlns:a16="http://schemas.microsoft.com/office/drawing/2014/main" id="{E192D2AB-3DFF-6B4F-8583-4D47884675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83419" y="5310667"/>
                <a:ext cx="43721" cy="43351"/>
              </a:xfrm>
              <a:custGeom>
                <a:avLst/>
                <a:gdLst/>
                <a:ahLst/>
                <a:cxnLst>
                  <a:cxn ang="0">
                    <a:pos x="55" y="79"/>
                  </a:cxn>
                  <a:cxn ang="0">
                    <a:pos x="43" y="66"/>
                  </a:cxn>
                  <a:cxn ang="0">
                    <a:pos x="32" y="53"/>
                  </a:cxn>
                  <a:cxn ang="0">
                    <a:pos x="23" y="40"/>
                  </a:cxn>
                  <a:cxn ang="0">
                    <a:pos x="13" y="26"/>
                  </a:cxn>
                  <a:cxn ang="0">
                    <a:pos x="6" y="17"/>
                  </a:cxn>
                  <a:cxn ang="0">
                    <a:pos x="1" y="5"/>
                  </a:cxn>
                  <a:cxn ang="0">
                    <a:pos x="0" y="1"/>
                  </a:cxn>
                  <a:cxn ang="0">
                    <a:pos x="1" y="0"/>
                  </a:cxn>
                  <a:cxn ang="0">
                    <a:pos x="5" y="0"/>
                  </a:cxn>
                  <a:cxn ang="0">
                    <a:pos x="11" y="5"/>
                  </a:cxn>
                  <a:cxn ang="0">
                    <a:pos x="28" y="20"/>
                  </a:cxn>
                  <a:cxn ang="0">
                    <a:pos x="45" y="34"/>
                  </a:cxn>
                  <a:cxn ang="0">
                    <a:pos x="57" y="43"/>
                  </a:cxn>
                  <a:cxn ang="0">
                    <a:pos x="67" y="53"/>
                  </a:cxn>
                  <a:cxn ang="0">
                    <a:pos x="77" y="64"/>
                  </a:cxn>
                  <a:cxn ang="0">
                    <a:pos x="85" y="75"/>
                  </a:cxn>
                  <a:cxn ang="0">
                    <a:pos x="92" y="83"/>
                  </a:cxn>
                  <a:cxn ang="0">
                    <a:pos x="96" y="91"/>
                  </a:cxn>
                  <a:cxn ang="0">
                    <a:pos x="96" y="95"/>
                  </a:cxn>
                  <a:cxn ang="0">
                    <a:pos x="93" y="96"/>
                  </a:cxn>
                  <a:cxn ang="0">
                    <a:pos x="90" y="97"/>
                  </a:cxn>
                  <a:cxn ang="0">
                    <a:pos x="88" y="97"/>
                  </a:cxn>
                  <a:cxn ang="0">
                    <a:pos x="80" y="96"/>
                  </a:cxn>
                  <a:cxn ang="0">
                    <a:pos x="76" y="93"/>
                  </a:cxn>
                  <a:cxn ang="0">
                    <a:pos x="55" y="79"/>
                  </a:cxn>
                </a:cxnLst>
                <a:rect l="0" t="0" r="r" b="b"/>
                <a:pathLst>
                  <a:path w="96" h="97">
                    <a:moveTo>
                      <a:pt x="55" y="79"/>
                    </a:moveTo>
                    <a:lnTo>
                      <a:pt x="43" y="66"/>
                    </a:lnTo>
                    <a:lnTo>
                      <a:pt x="32" y="53"/>
                    </a:lnTo>
                    <a:lnTo>
                      <a:pt x="23" y="40"/>
                    </a:lnTo>
                    <a:lnTo>
                      <a:pt x="13" y="26"/>
                    </a:lnTo>
                    <a:lnTo>
                      <a:pt x="6" y="17"/>
                    </a:lnTo>
                    <a:lnTo>
                      <a:pt x="1" y="5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0"/>
                    </a:lnTo>
                    <a:lnTo>
                      <a:pt x="11" y="5"/>
                    </a:lnTo>
                    <a:lnTo>
                      <a:pt x="28" y="20"/>
                    </a:lnTo>
                    <a:lnTo>
                      <a:pt x="45" y="34"/>
                    </a:lnTo>
                    <a:lnTo>
                      <a:pt x="57" y="43"/>
                    </a:lnTo>
                    <a:lnTo>
                      <a:pt x="67" y="53"/>
                    </a:lnTo>
                    <a:lnTo>
                      <a:pt x="77" y="64"/>
                    </a:lnTo>
                    <a:lnTo>
                      <a:pt x="85" y="75"/>
                    </a:lnTo>
                    <a:lnTo>
                      <a:pt x="92" y="83"/>
                    </a:lnTo>
                    <a:lnTo>
                      <a:pt x="96" y="91"/>
                    </a:lnTo>
                    <a:lnTo>
                      <a:pt x="96" y="95"/>
                    </a:lnTo>
                    <a:lnTo>
                      <a:pt x="93" y="96"/>
                    </a:lnTo>
                    <a:lnTo>
                      <a:pt x="90" y="97"/>
                    </a:lnTo>
                    <a:lnTo>
                      <a:pt x="88" y="97"/>
                    </a:lnTo>
                    <a:lnTo>
                      <a:pt x="80" y="96"/>
                    </a:lnTo>
                    <a:lnTo>
                      <a:pt x="76" y="93"/>
                    </a:lnTo>
                    <a:lnTo>
                      <a:pt x="55" y="7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19" name="Freeform 134">
                <a:extLst>
                  <a:ext uri="{FF2B5EF4-FFF2-40B4-BE49-F238E27FC236}">
                    <a16:creationId xmlns:a16="http://schemas.microsoft.com/office/drawing/2014/main" id="{71993416-83E0-5343-B16D-CFA9A4D21F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861751" y="5402788"/>
                <a:ext cx="20039" cy="16257"/>
              </a:xfrm>
              <a:custGeom>
                <a:avLst/>
                <a:gdLst/>
                <a:ahLst/>
                <a:cxnLst>
                  <a:cxn ang="0">
                    <a:pos x="46" y="17"/>
                  </a:cxn>
                  <a:cxn ang="0">
                    <a:pos x="34" y="11"/>
                  </a:cxn>
                  <a:cxn ang="0">
                    <a:pos x="22" y="4"/>
                  </a:cxn>
                  <a:cxn ang="0">
                    <a:pos x="16" y="2"/>
                  </a:cxn>
                  <a:cxn ang="0">
                    <a:pos x="9" y="0"/>
                  </a:cxn>
                  <a:cxn ang="0">
                    <a:pos x="5" y="0"/>
                  </a:cxn>
                  <a:cxn ang="0">
                    <a:pos x="1" y="2"/>
                  </a:cxn>
                  <a:cxn ang="0">
                    <a:pos x="0" y="7"/>
                  </a:cxn>
                  <a:cxn ang="0">
                    <a:pos x="1" y="12"/>
                  </a:cxn>
                  <a:cxn ang="0">
                    <a:pos x="11" y="19"/>
                  </a:cxn>
                  <a:cxn ang="0">
                    <a:pos x="20" y="25"/>
                  </a:cxn>
                  <a:cxn ang="0">
                    <a:pos x="22" y="32"/>
                  </a:cxn>
                  <a:cxn ang="0">
                    <a:pos x="26" y="37"/>
                  </a:cxn>
                  <a:cxn ang="0">
                    <a:pos x="30" y="37"/>
                  </a:cxn>
                  <a:cxn ang="0">
                    <a:pos x="34" y="37"/>
                  </a:cxn>
                  <a:cxn ang="0">
                    <a:pos x="38" y="35"/>
                  </a:cxn>
                  <a:cxn ang="0">
                    <a:pos x="42" y="33"/>
                  </a:cxn>
                  <a:cxn ang="0">
                    <a:pos x="46" y="17"/>
                  </a:cxn>
                </a:cxnLst>
                <a:rect l="0" t="0" r="r" b="b"/>
                <a:pathLst>
                  <a:path w="46" h="37">
                    <a:moveTo>
                      <a:pt x="46" y="17"/>
                    </a:moveTo>
                    <a:lnTo>
                      <a:pt x="34" y="11"/>
                    </a:lnTo>
                    <a:lnTo>
                      <a:pt x="22" y="4"/>
                    </a:lnTo>
                    <a:lnTo>
                      <a:pt x="16" y="2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1" y="2"/>
                    </a:lnTo>
                    <a:lnTo>
                      <a:pt x="0" y="7"/>
                    </a:lnTo>
                    <a:lnTo>
                      <a:pt x="1" y="12"/>
                    </a:lnTo>
                    <a:lnTo>
                      <a:pt x="11" y="19"/>
                    </a:lnTo>
                    <a:lnTo>
                      <a:pt x="20" y="25"/>
                    </a:lnTo>
                    <a:lnTo>
                      <a:pt x="22" y="32"/>
                    </a:lnTo>
                    <a:lnTo>
                      <a:pt x="26" y="37"/>
                    </a:lnTo>
                    <a:lnTo>
                      <a:pt x="30" y="37"/>
                    </a:lnTo>
                    <a:lnTo>
                      <a:pt x="34" y="37"/>
                    </a:lnTo>
                    <a:lnTo>
                      <a:pt x="38" y="35"/>
                    </a:lnTo>
                    <a:lnTo>
                      <a:pt x="42" y="33"/>
                    </a:lnTo>
                    <a:lnTo>
                      <a:pt x="46" y="1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0" name="Freeform 135">
                <a:extLst>
                  <a:ext uri="{FF2B5EF4-FFF2-40B4-BE49-F238E27FC236}">
                    <a16:creationId xmlns:a16="http://schemas.microsoft.com/office/drawing/2014/main" id="{ABEEBBC4-6EAC-C94C-B99C-6A65EC7E95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89269" y="5471427"/>
                <a:ext cx="56473" cy="27095"/>
              </a:xfrm>
              <a:custGeom>
                <a:avLst/>
                <a:gdLst/>
                <a:ahLst/>
                <a:cxnLst>
                  <a:cxn ang="0">
                    <a:pos x="105" y="29"/>
                  </a:cxn>
                  <a:cxn ang="0">
                    <a:pos x="88" y="24"/>
                  </a:cxn>
                  <a:cxn ang="0">
                    <a:pos x="72" y="19"/>
                  </a:cxn>
                  <a:cxn ang="0">
                    <a:pos x="59" y="13"/>
                  </a:cxn>
                  <a:cxn ang="0">
                    <a:pos x="44" y="7"/>
                  </a:cxn>
                  <a:cxn ang="0">
                    <a:pos x="38" y="4"/>
                  </a:cxn>
                  <a:cxn ang="0">
                    <a:pos x="30" y="2"/>
                  </a:cxn>
                  <a:cxn ang="0">
                    <a:pos x="24" y="0"/>
                  </a:cxn>
                  <a:cxn ang="0">
                    <a:pos x="17" y="0"/>
                  </a:cxn>
                  <a:cxn ang="0">
                    <a:pos x="12" y="3"/>
                  </a:cxn>
                  <a:cxn ang="0">
                    <a:pos x="7" y="6"/>
                  </a:cxn>
                  <a:cxn ang="0">
                    <a:pos x="4" y="9"/>
                  </a:cxn>
                  <a:cxn ang="0">
                    <a:pos x="2" y="15"/>
                  </a:cxn>
                  <a:cxn ang="0">
                    <a:pos x="0" y="20"/>
                  </a:cxn>
                  <a:cxn ang="0">
                    <a:pos x="0" y="25"/>
                  </a:cxn>
                  <a:cxn ang="0">
                    <a:pos x="0" y="30"/>
                  </a:cxn>
                  <a:cxn ang="0">
                    <a:pos x="3" y="35"/>
                  </a:cxn>
                  <a:cxn ang="0">
                    <a:pos x="4" y="39"/>
                  </a:cxn>
                  <a:cxn ang="0">
                    <a:pos x="8" y="43"/>
                  </a:cxn>
                  <a:cxn ang="0">
                    <a:pos x="11" y="46"/>
                  </a:cxn>
                  <a:cxn ang="0">
                    <a:pos x="15" y="47"/>
                  </a:cxn>
                  <a:cxn ang="0">
                    <a:pos x="22" y="50"/>
                  </a:cxn>
                  <a:cxn ang="0">
                    <a:pos x="31" y="50"/>
                  </a:cxn>
                  <a:cxn ang="0">
                    <a:pos x="39" y="51"/>
                  </a:cxn>
                  <a:cxn ang="0">
                    <a:pos x="47" y="52"/>
                  </a:cxn>
                  <a:cxn ang="0">
                    <a:pos x="53" y="54"/>
                  </a:cxn>
                  <a:cxn ang="0">
                    <a:pos x="60" y="56"/>
                  </a:cxn>
                  <a:cxn ang="0">
                    <a:pos x="66" y="59"/>
                  </a:cxn>
                  <a:cxn ang="0">
                    <a:pos x="74" y="61"/>
                  </a:cxn>
                  <a:cxn ang="0">
                    <a:pos x="82" y="63"/>
                  </a:cxn>
                  <a:cxn ang="0">
                    <a:pos x="90" y="63"/>
                  </a:cxn>
                  <a:cxn ang="0">
                    <a:pos x="103" y="63"/>
                  </a:cxn>
                  <a:cxn ang="0">
                    <a:pos x="114" y="60"/>
                  </a:cxn>
                  <a:cxn ang="0">
                    <a:pos x="119" y="57"/>
                  </a:cxn>
                  <a:cxn ang="0">
                    <a:pos x="123" y="54"/>
                  </a:cxn>
                  <a:cxn ang="0">
                    <a:pos x="125" y="48"/>
                  </a:cxn>
                  <a:cxn ang="0">
                    <a:pos x="126" y="41"/>
                  </a:cxn>
                  <a:cxn ang="0">
                    <a:pos x="105" y="29"/>
                  </a:cxn>
                </a:cxnLst>
                <a:rect l="0" t="0" r="r" b="b"/>
                <a:pathLst>
                  <a:path w="126" h="63">
                    <a:moveTo>
                      <a:pt x="105" y="29"/>
                    </a:moveTo>
                    <a:lnTo>
                      <a:pt x="88" y="24"/>
                    </a:lnTo>
                    <a:lnTo>
                      <a:pt x="72" y="19"/>
                    </a:lnTo>
                    <a:lnTo>
                      <a:pt x="59" y="13"/>
                    </a:lnTo>
                    <a:lnTo>
                      <a:pt x="44" y="7"/>
                    </a:lnTo>
                    <a:lnTo>
                      <a:pt x="38" y="4"/>
                    </a:lnTo>
                    <a:lnTo>
                      <a:pt x="30" y="2"/>
                    </a:lnTo>
                    <a:lnTo>
                      <a:pt x="24" y="0"/>
                    </a:lnTo>
                    <a:lnTo>
                      <a:pt x="17" y="0"/>
                    </a:lnTo>
                    <a:lnTo>
                      <a:pt x="12" y="3"/>
                    </a:lnTo>
                    <a:lnTo>
                      <a:pt x="7" y="6"/>
                    </a:lnTo>
                    <a:lnTo>
                      <a:pt x="4" y="9"/>
                    </a:lnTo>
                    <a:lnTo>
                      <a:pt x="2" y="15"/>
                    </a:lnTo>
                    <a:lnTo>
                      <a:pt x="0" y="20"/>
                    </a:lnTo>
                    <a:lnTo>
                      <a:pt x="0" y="25"/>
                    </a:lnTo>
                    <a:lnTo>
                      <a:pt x="0" y="30"/>
                    </a:lnTo>
                    <a:lnTo>
                      <a:pt x="3" y="35"/>
                    </a:lnTo>
                    <a:lnTo>
                      <a:pt x="4" y="39"/>
                    </a:lnTo>
                    <a:lnTo>
                      <a:pt x="8" y="43"/>
                    </a:lnTo>
                    <a:lnTo>
                      <a:pt x="11" y="46"/>
                    </a:lnTo>
                    <a:lnTo>
                      <a:pt x="15" y="47"/>
                    </a:lnTo>
                    <a:lnTo>
                      <a:pt x="22" y="50"/>
                    </a:lnTo>
                    <a:lnTo>
                      <a:pt x="31" y="50"/>
                    </a:lnTo>
                    <a:lnTo>
                      <a:pt x="39" y="51"/>
                    </a:lnTo>
                    <a:lnTo>
                      <a:pt x="47" y="52"/>
                    </a:lnTo>
                    <a:lnTo>
                      <a:pt x="53" y="54"/>
                    </a:lnTo>
                    <a:lnTo>
                      <a:pt x="60" y="56"/>
                    </a:lnTo>
                    <a:lnTo>
                      <a:pt x="66" y="59"/>
                    </a:lnTo>
                    <a:lnTo>
                      <a:pt x="74" y="61"/>
                    </a:lnTo>
                    <a:lnTo>
                      <a:pt x="82" y="63"/>
                    </a:lnTo>
                    <a:lnTo>
                      <a:pt x="90" y="63"/>
                    </a:lnTo>
                    <a:lnTo>
                      <a:pt x="103" y="63"/>
                    </a:lnTo>
                    <a:lnTo>
                      <a:pt x="114" y="60"/>
                    </a:lnTo>
                    <a:lnTo>
                      <a:pt x="119" y="57"/>
                    </a:lnTo>
                    <a:lnTo>
                      <a:pt x="123" y="54"/>
                    </a:lnTo>
                    <a:lnTo>
                      <a:pt x="125" y="48"/>
                    </a:lnTo>
                    <a:lnTo>
                      <a:pt x="126" y="41"/>
                    </a:lnTo>
                    <a:lnTo>
                      <a:pt x="105" y="2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1" name="Freeform 136">
                <a:extLst>
                  <a:ext uri="{FF2B5EF4-FFF2-40B4-BE49-F238E27FC236}">
                    <a16:creationId xmlns:a16="http://schemas.microsoft.com/office/drawing/2014/main" id="{CF0310B6-65E1-2542-8A9B-A4DD5DF617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80161" y="5505748"/>
                <a:ext cx="98371" cy="27095"/>
              </a:xfrm>
              <a:custGeom>
                <a:avLst/>
                <a:gdLst/>
                <a:ahLst/>
                <a:cxnLst>
                  <a:cxn ang="0">
                    <a:pos x="180" y="29"/>
                  </a:cxn>
                  <a:cxn ang="0">
                    <a:pos x="166" y="31"/>
                  </a:cxn>
                  <a:cxn ang="0">
                    <a:pos x="150" y="31"/>
                  </a:cxn>
                  <a:cxn ang="0">
                    <a:pos x="134" y="30"/>
                  </a:cxn>
                  <a:cxn ang="0">
                    <a:pos x="119" y="27"/>
                  </a:cxn>
                  <a:cxn ang="0">
                    <a:pos x="100" y="17"/>
                  </a:cxn>
                  <a:cxn ang="0">
                    <a:pos x="79" y="5"/>
                  </a:cxn>
                  <a:cxn ang="0">
                    <a:pos x="69" y="1"/>
                  </a:cxn>
                  <a:cxn ang="0">
                    <a:pos x="60" y="0"/>
                  </a:cxn>
                  <a:cxn ang="0">
                    <a:pos x="55" y="1"/>
                  </a:cxn>
                  <a:cxn ang="0">
                    <a:pos x="49" y="3"/>
                  </a:cxn>
                  <a:cxn ang="0">
                    <a:pos x="46" y="7"/>
                  </a:cxn>
                  <a:cxn ang="0">
                    <a:pos x="40" y="10"/>
                  </a:cxn>
                  <a:cxn ang="0">
                    <a:pos x="27" y="18"/>
                  </a:cxn>
                  <a:cxn ang="0">
                    <a:pos x="9" y="29"/>
                  </a:cxn>
                  <a:cxn ang="0">
                    <a:pos x="5" y="33"/>
                  </a:cxn>
                  <a:cxn ang="0">
                    <a:pos x="3" y="35"/>
                  </a:cxn>
                  <a:cxn ang="0">
                    <a:pos x="0" y="38"/>
                  </a:cxn>
                  <a:cxn ang="0">
                    <a:pos x="0" y="40"/>
                  </a:cxn>
                  <a:cxn ang="0">
                    <a:pos x="0" y="43"/>
                  </a:cxn>
                  <a:cxn ang="0">
                    <a:pos x="3" y="47"/>
                  </a:cxn>
                  <a:cxn ang="0">
                    <a:pos x="7" y="49"/>
                  </a:cxn>
                  <a:cxn ang="0">
                    <a:pos x="12" y="52"/>
                  </a:cxn>
                  <a:cxn ang="0">
                    <a:pos x="22" y="55"/>
                  </a:cxn>
                  <a:cxn ang="0">
                    <a:pos x="34" y="56"/>
                  </a:cxn>
                  <a:cxn ang="0">
                    <a:pos x="44" y="56"/>
                  </a:cxn>
                  <a:cxn ang="0">
                    <a:pos x="56" y="56"/>
                  </a:cxn>
                  <a:cxn ang="0">
                    <a:pos x="78" y="55"/>
                  </a:cxn>
                  <a:cxn ang="0">
                    <a:pos x="99" y="55"/>
                  </a:cxn>
                  <a:cxn ang="0">
                    <a:pos x="109" y="56"/>
                  </a:cxn>
                  <a:cxn ang="0">
                    <a:pos x="119" y="57"/>
                  </a:cxn>
                  <a:cxn ang="0">
                    <a:pos x="130" y="58"/>
                  </a:cxn>
                  <a:cxn ang="0">
                    <a:pos x="139" y="58"/>
                  </a:cxn>
                  <a:cxn ang="0">
                    <a:pos x="153" y="55"/>
                  </a:cxn>
                  <a:cxn ang="0">
                    <a:pos x="166" y="49"/>
                  </a:cxn>
                  <a:cxn ang="0">
                    <a:pos x="184" y="49"/>
                  </a:cxn>
                  <a:cxn ang="0">
                    <a:pos x="202" y="49"/>
                  </a:cxn>
                  <a:cxn ang="0">
                    <a:pos x="209" y="48"/>
                  </a:cxn>
                  <a:cxn ang="0">
                    <a:pos x="213" y="45"/>
                  </a:cxn>
                  <a:cxn ang="0">
                    <a:pos x="215" y="42"/>
                  </a:cxn>
                  <a:cxn ang="0">
                    <a:pos x="217" y="38"/>
                  </a:cxn>
                  <a:cxn ang="0">
                    <a:pos x="215" y="34"/>
                  </a:cxn>
                  <a:cxn ang="0">
                    <a:pos x="213" y="31"/>
                  </a:cxn>
                  <a:cxn ang="0">
                    <a:pos x="209" y="29"/>
                  </a:cxn>
                  <a:cxn ang="0">
                    <a:pos x="202" y="27"/>
                  </a:cxn>
                  <a:cxn ang="0">
                    <a:pos x="180" y="29"/>
                  </a:cxn>
                </a:cxnLst>
                <a:rect l="0" t="0" r="r" b="b"/>
                <a:pathLst>
                  <a:path w="217" h="58">
                    <a:moveTo>
                      <a:pt x="180" y="29"/>
                    </a:moveTo>
                    <a:lnTo>
                      <a:pt x="166" y="31"/>
                    </a:lnTo>
                    <a:lnTo>
                      <a:pt x="150" y="31"/>
                    </a:lnTo>
                    <a:lnTo>
                      <a:pt x="134" y="30"/>
                    </a:lnTo>
                    <a:lnTo>
                      <a:pt x="119" y="27"/>
                    </a:lnTo>
                    <a:lnTo>
                      <a:pt x="100" y="17"/>
                    </a:lnTo>
                    <a:lnTo>
                      <a:pt x="79" y="5"/>
                    </a:lnTo>
                    <a:lnTo>
                      <a:pt x="69" y="1"/>
                    </a:lnTo>
                    <a:lnTo>
                      <a:pt x="60" y="0"/>
                    </a:lnTo>
                    <a:lnTo>
                      <a:pt x="55" y="1"/>
                    </a:lnTo>
                    <a:lnTo>
                      <a:pt x="49" y="3"/>
                    </a:lnTo>
                    <a:lnTo>
                      <a:pt x="46" y="7"/>
                    </a:lnTo>
                    <a:lnTo>
                      <a:pt x="40" y="10"/>
                    </a:lnTo>
                    <a:lnTo>
                      <a:pt x="27" y="18"/>
                    </a:lnTo>
                    <a:lnTo>
                      <a:pt x="9" y="29"/>
                    </a:lnTo>
                    <a:lnTo>
                      <a:pt x="5" y="33"/>
                    </a:lnTo>
                    <a:lnTo>
                      <a:pt x="3" y="35"/>
                    </a:lnTo>
                    <a:lnTo>
                      <a:pt x="0" y="38"/>
                    </a:lnTo>
                    <a:lnTo>
                      <a:pt x="0" y="40"/>
                    </a:lnTo>
                    <a:lnTo>
                      <a:pt x="0" y="43"/>
                    </a:lnTo>
                    <a:lnTo>
                      <a:pt x="3" y="47"/>
                    </a:lnTo>
                    <a:lnTo>
                      <a:pt x="7" y="49"/>
                    </a:lnTo>
                    <a:lnTo>
                      <a:pt x="12" y="52"/>
                    </a:lnTo>
                    <a:lnTo>
                      <a:pt x="22" y="55"/>
                    </a:lnTo>
                    <a:lnTo>
                      <a:pt x="34" y="56"/>
                    </a:lnTo>
                    <a:lnTo>
                      <a:pt x="44" y="56"/>
                    </a:lnTo>
                    <a:lnTo>
                      <a:pt x="56" y="56"/>
                    </a:lnTo>
                    <a:lnTo>
                      <a:pt x="78" y="55"/>
                    </a:lnTo>
                    <a:lnTo>
                      <a:pt x="99" y="55"/>
                    </a:lnTo>
                    <a:lnTo>
                      <a:pt x="109" y="56"/>
                    </a:lnTo>
                    <a:lnTo>
                      <a:pt x="119" y="57"/>
                    </a:lnTo>
                    <a:lnTo>
                      <a:pt x="130" y="58"/>
                    </a:lnTo>
                    <a:lnTo>
                      <a:pt x="139" y="58"/>
                    </a:lnTo>
                    <a:lnTo>
                      <a:pt x="153" y="55"/>
                    </a:lnTo>
                    <a:lnTo>
                      <a:pt x="166" y="49"/>
                    </a:lnTo>
                    <a:lnTo>
                      <a:pt x="184" y="49"/>
                    </a:lnTo>
                    <a:lnTo>
                      <a:pt x="202" y="49"/>
                    </a:lnTo>
                    <a:lnTo>
                      <a:pt x="209" y="48"/>
                    </a:lnTo>
                    <a:lnTo>
                      <a:pt x="213" y="45"/>
                    </a:lnTo>
                    <a:lnTo>
                      <a:pt x="215" y="42"/>
                    </a:lnTo>
                    <a:lnTo>
                      <a:pt x="217" y="38"/>
                    </a:lnTo>
                    <a:lnTo>
                      <a:pt x="215" y="34"/>
                    </a:lnTo>
                    <a:lnTo>
                      <a:pt x="213" y="31"/>
                    </a:lnTo>
                    <a:lnTo>
                      <a:pt x="209" y="29"/>
                    </a:lnTo>
                    <a:lnTo>
                      <a:pt x="202" y="27"/>
                    </a:lnTo>
                    <a:lnTo>
                      <a:pt x="180" y="29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2" name="Freeform 137">
                <a:extLst>
                  <a:ext uri="{FF2B5EF4-FFF2-40B4-BE49-F238E27FC236}">
                    <a16:creationId xmlns:a16="http://schemas.microsoft.com/office/drawing/2014/main" id="{6B783D2A-3FE9-B34C-831E-A57781F6E5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20239" y="5552712"/>
                <a:ext cx="65581" cy="23483"/>
              </a:xfrm>
              <a:custGeom>
                <a:avLst/>
                <a:gdLst/>
                <a:ahLst/>
                <a:cxnLst>
                  <a:cxn ang="0">
                    <a:pos x="96" y="11"/>
                  </a:cxn>
                  <a:cxn ang="0">
                    <a:pos x="88" y="11"/>
                  </a:cxn>
                  <a:cxn ang="0">
                    <a:pos x="80" y="11"/>
                  </a:cxn>
                  <a:cxn ang="0">
                    <a:pos x="73" y="10"/>
                  </a:cxn>
                  <a:cxn ang="0">
                    <a:pos x="65" y="8"/>
                  </a:cxn>
                  <a:cxn ang="0">
                    <a:pos x="49" y="2"/>
                  </a:cxn>
                  <a:cxn ang="0">
                    <a:pos x="34" y="0"/>
                  </a:cxn>
                  <a:cxn ang="0">
                    <a:pos x="18" y="0"/>
                  </a:cxn>
                  <a:cxn ang="0">
                    <a:pos x="6" y="1"/>
                  </a:cxn>
                  <a:cxn ang="0">
                    <a:pos x="4" y="4"/>
                  </a:cxn>
                  <a:cxn ang="0">
                    <a:pos x="1" y="9"/>
                  </a:cxn>
                  <a:cxn ang="0">
                    <a:pos x="0" y="15"/>
                  </a:cxn>
                  <a:cxn ang="0">
                    <a:pos x="1" y="24"/>
                  </a:cxn>
                  <a:cxn ang="0">
                    <a:pos x="3" y="32"/>
                  </a:cxn>
                  <a:cxn ang="0">
                    <a:pos x="4" y="39"/>
                  </a:cxn>
                  <a:cxn ang="0">
                    <a:pos x="5" y="42"/>
                  </a:cxn>
                  <a:cxn ang="0">
                    <a:pos x="9" y="46"/>
                  </a:cxn>
                  <a:cxn ang="0">
                    <a:pos x="12" y="49"/>
                  </a:cxn>
                  <a:cxn ang="0">
                    <a:pos x="17" y="50"/>
                  </a:cxn>
                  <a:cxn ang="0">
                    <a:pos x="23" y="49"/>
                  </a:cxn>
                  <a:cxn ang="0">
                    <a:pos x="30" y="46"/>
                  </a:cxn>
                  <a:cxn ang="0">
                    <a:pos x="40" y="44"/>
                  </a:cxn>
                  <a:cxn ang="0">
                    <a:pos x="50" y="42"/>
                  </a:cxn>
                  <a:cxn ang="0">
                    <a:pos x="61" y="44"/>
                  </a:cxn>
                  <a:cxn ang="0">
                    <a:pos x="71" y="44"/>
                  </a:cxn>
                  <a:cxn ang="0">
                    <a:pos x="87" y="44"/>
                  </a:cxn>
                  <a:cxn ang="0">
                    <a:pos x="102" y="44"/>
                  </a:cxn>
                  <a:cxn ang="0">
                    <a:pos x="119" y="44"/>
                  </a:cxn>
                  <a:cxn ang="0">
                    <a:pos x="133" y="42"/>
                  </a:cxn>
                  <a:cxn ang="0">
                    <a:pos x="137" y="41"/>
                  </a:cxn>
                  <a:cxn ang="0">
                    <a:pos x="140" y="40"/>
                  </a:cxn>
                  <a:cxn ang="0">
                    <a:pos x="141" y="39"/>
                  </a:cxn>
                  <a:cxn ang="0">
                    <a:pos x="142" y="36"/>
                  </a:cxn>
                  <a:cxn ang="0">
                    <a:pos x="142" y="33"/>
                  </a:cxn>
                  <a:cxn ang="0">
                    <a:pos x="142" y="31"/>
                  </a:cxn>
                  <a:cxn ang="0">
                    <a:pos x="140" y="28"/>
                  </a:cxn>
                  <a:cxn ang="0">
                    <a:pos x="137" y="27"/>
                  </a:cxn>
                  <a:cxn ang="0">
                    <a:pos x="122" y="20"/>
                  </a:cxn>
                  <a:cxn ang="0">
                    <a:pos x="106" y="15"/>
                  </a:cxn>
                  <a:cxn ang="0">
                    <a:pos x="96" y="11"/>
                  </a:cxn>
                </a:cxnLst>
                <a:rect l="0" t="0" r="r" b="b"/>
                <a:pathLst>
                  <a:path w="142" h="50">
                    <a:moveTo>
                      <a:pt x="96" y="11"/>
                    </a:moveTo>
                    <a:lnTo>
                      <a:pt x="88" y="11"/>
                    </a:lnTo>
                    <a:lnTo>
                      <a:pt x="80" y="11"/>
                    </a:lnTo>
                    <a:lnTo>
                      <a:pt x="73" y="10"/>
                    </a:lnTo>
                    <a:lnTo>
                      <a:pt x="65" y="8"/>
                    </a:lnTo>
                    <a:lnTo>
                      <a:pt x="49" y="2"/>
                    </a:lnTo>
                    <a:lnTo>
                      <a:pt x="34" y="0"/>
                    </a:lnTo>
                    <a:lnTo>
                      <a:pt x="18" y="0"/>
                    </a:lnTo>
                    <a:lnTo>
                      <a:pt x="6" y="1"/>
                    </a:lnTo>
                    <a:lnTo>
                      <a:pt x="4" y="4"/>
                    </a:lnTo>
                    <a:lnTo>
                      <a:pt x="1" y="9"/>
                    </a:lnTo>
                    <a:lnTo>
                      <a:pt x="0" y="15"/>
                    </a:lnTo>
                    <a:lnTo>
                      <a:pt x="1" y="24"/>
                    </a:lnTo>
                    <a:lnTo>
                      <a:pt x="3" y="32"/>
                    </a:lnTo>
                    <a:lnTo>
                      <a:pt x="4" y="39"/>
                    </a:lnTo>
                    <a:lnTo>
                      <a:pt x="5" y="42"/>
                    </a:lnTo>
                    <a:lnTo>
                      <a:pt x="9" y="46"/>
                    </a:lnTo>
                    <a:lnTo>
                      <a:pt x="12" y="49"/>
                    </a:lnTo>
                    <a:lnTo>
                      <a:pt x="17" y="50"/>
                    </a:lnTo>
                    <a:lnTo>
                      <a:pt x="23" y="49"/>
                    </a:lnTo>
                    <a:lnTo>
                      <a:pt x="30" y="46"/>
                    </a:lnTo>
                    <a:lnTo>
                      <a:pt x="40" y="44"/>
                    </a:lnTo>
                    <a:lnTo>
                      <a:pt x="50" y="42"/>
                    </a:lnTo>
                    <a:lnTo>
                      <a:pt x="61" y="44"/>
                    </a:lnTo>
                    <a:lnTo>
                      <a:pt x="71" y="44"/>
                    </a:lnTo>
                    <a:lnTo>
                      <a:pt x="87" y="44"/>
                    </a:lnTo>
                    <a:lnTo>
                      <a:pt x="102" y="44"/>
                    </a:lnTo>
                    <a:lnTo>
                      <a:pt x="119" y="44"/>
                    </a:lnTo>
                    <a:lnTo>
                      <a:pt x="133" y="42"/>
                    </a:lnTo>
                    <a:lnTo>
                      <a:pt x="137" y="41"/>
                    </a:lnTo>
                    <a:lnTo>
                      <a:pt x="140" y="40"/>
                    </a:lnTo>
                    <a:lnTo>
                      <a:pt x="141" y="39"/>
                    </a:lnTo>
                    <a:lnTo>
                      <a:pt x="142" y="36"/>
                    </a:lnTo>
                    <a:lnTo>
                      <a:pt x="142" y="33"/>
                    </a:lnTo>
                    <a:lnTo>
                      <a:pt x="142" y="31"/>
                    </a:lnTo>
                    <a:lnTo>
                      <a:pt x="140" y="28"/>
                    </a:lnTo>
                    <a:lnTo>
                      <a:pt x="137" y="27"/>
                    </a:lnTo>
                    <a:lnTo>
                      <a:pt x="122" y="20"/>
                    </a:lnTo>
                    <a:lnTo>
                      <a:pt x="106" y="15"/>
                    </a:lnTo>
                    <a:lnTo>
                      <a:pt x="96" y="1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3" name="Freeform 138">
                <a:extLst>
                  <a:ext uri="{FF2B5EF4-FFF2-40B4-BE49-F238E27FC236}">
                    <a16:creationId xmlns:a16="http://schemas.microsoft.com/office/drawing/2014/main" id="{0CD90A8C-4806-B24F-815C-1DDEFFC53B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13144" y="5597869"/>
                <a:ext cx="67403" cy="25288"/>
              </a:xfrm>
              <a:custGeom>
                <a:avLst/>
                <a:gdLst/>
                <a:ahLst/>
                <a:cxnLst>
                  <a:cxn ang="0">
                    <a:pos x="101" y="13"/>
                  </a:cxn>
                  <a:cxn ang="0">
                    <a:pos x="83" y="8"/>
                  </a:cxn>
                  <a:cxn ang="0">
                    <a:pos x="63" y="2"/>
                  </a:cxn>
                  <a:cxn ang="0">
                    <a:pos x="52" y="1"/>
                  </a:cxn>
                  <a:cxn ang="0">
                    <a:pos x="42" y="0"/>
                  </a:cxn>
                  <a:cxn ang="0">
                    <a:pos x="31" y="0"/>
                  </a:cxn>
                  <a:cxn ang="0">
                    <a:pos x="21" y="1"/>
                  </a:cxn>
                  <a:cxn ang="0">
                    <a:pos x="15" y="1"/>
                  </a:cxn>
                  <a:cxn ang="0">
                    <a:pos x="8" y="4"/>
                  </a:cxn>
                  <a:cxn ang="0">
                    <a:pos x="4" y="6"/>
                  </a:cxn>
                  <a:cxn ang="0">
                    <a:pos x="2" y="9"/>
                  </a:cxn>
                  <a:cxn ang="0">
                    <a:pos x="0" y="13"/>
                  </a:cxn>
                  <a:cxn ang="0">
                    <a:pos x="3" y="17"/>
                  </a:cxn>
                  <a:cxn ang="0">
                    <a:pos x="7" y="21"/>
                  </a:cxn>
                  <a:cxn ang="0">
                    <a:pos x="13" y="26"/>
                  </a:cxn>
                  <a:cxn ang="0">
                    <a:pos x="26" y="30"/>
                  </a:cxn>
                  <a:cxn ang="0">
                    <a:pos x="41" y="32"/>
                  </a:cxn>
                  <a:cxn ang="0">
                    <a:pos x="56" y="33"/>
                  </a:cxn>
                  <a:cxn ang="0">
                    <a:pos x="69" y="35"/>
                  </a:cxn>
                  <a:cxn ang="0">
                    <a:pos x="85" y="39"/>
                  </a:cxn>
                  <a:cxn ang="0">
                    <a:pos x="99" y="45"/>
                  </a:cxn>
                  <a:cxn ang="0">
                    <a:pos x="113" y="50"/>
                  </a:cxn>
                  <a:cxn ang="0">
                    <a:pos x="129" y="54"/>
                  </a:cxn>
                  <a:cxn ang="0">
                    <a:pos x="132" y="55"/>
                  </a:cxn>
                  <a:cxn ang="0">
                    <a:pos x="139" y="55"/>
                  </a:cxn>
                  <a:cxn ang="0">
                    <a:pos x="144" y="54"/>
                  </a:cxn>
                  <a:cxn ang="0">
                    <a:pos x="148" y="52"/>
                  </a:cxn>
                  <a:cxn ang="0">
                    <a:pos x="148" y="48"/>
                  </a:cxn>
                  <a:cxn ang="0">
                    <a:pos x="147" y="44"/>
                  </a:cxn>
                  <a:cxn ang="0">
                    <a:pos x="144" y="41"/>
                  </a:cxn>
                  <a:cxn ang="0">
                    <a:pos x="140" y="37"/>
                  </a:cxn>
                  <a:cxn ang="0">
                    <a:pos x="132" y="32"/>
                  </a:cxn>
                  <a:cxn ang="0">
                    <a:pos x="126" y="28"/>
                  </a:cxn>
                  <a:cxn ang="0">
                    <a:pos x="101" y="13"/>
                  </a:cxn>
                </a:cxnLst>
                <a:rect l="0" t="0" r="r" b="b"/>
                <a:pathLst>
                  <a:path w="148" h="55">
                    <a:moveTo>
                      <a:pt x="101" y="13"/>
                    </a:moveTo>
                    <a:lnTo>
                      <a:pt x="83" y="8"/>
                    </a:lnTo>
                    <a:lnTo>
                      <a:pt x="63" y="2"/>
                    </a:lnTo>
                    <a:lnTo>
                      <a:pt x="52" y="1"/>
                    </a:lnTo>
                    <a:lnTo>
                      <a:pt x="42" y="0"/>
                    </a:lnTo>
                    <a:lnTo>
                      <a:pt x="31" y="0"/>
                    </a:lnTo>
                    <a:lnTo>
                      <a:pt x="21" y="1"/>
                    </a:lnTo>
                    <a:lnTo>
                      <a:pt x="15" y="1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3" y="17"/>
                    </a:lnTo>
                    <a:lnTo>
                      <a:pt x="7" y="21"/>
                    </a:lnTo>
                    <a:lnTo>
                      <a:pt x="13" y="26"/>
                    </a:lnTo>
                    <a:lnTo>
                      <a:pt x="26" y="30"/>
                    </a:lnTo>
                    <a:lnTo>
                      <a:pt x="41" y="32"/>
                    </a:lnTo>
                    <a:lnTo>
                      <a:pt x="56" y="33"/>
                    </a:lnTo>
                    <a:lnTo>
                      <a:pt x="69" y="35"/>
                    </a:lnTo>
                    <a:lnTo>
                      <a:pt x="85" y="39"/>
                    </a:lnTo>
                    <a:lnTo>
                      <a:pt x="99" y="45"/>
                    </a:lnTo>
                    <a:lnTo>
                      <a:pt x="113" y="50"/>
                    </a:lnTo>
                    <a:lnTo>
                      <a:pt x="129" y="54"/>
                    </a:lnTo>
                    <a:lnTo>
                      <a:pt x="132" y="55"/>
                    </a:lnTo>
                    <a:lnTo>
                      <a:pt x="139" y="55"/>
                    </a:lnTo>
                    <a:lnTo>
                      <a:pt x="144" y="54"/>
                    </a:lnTo>
                    <a:lnTo>
                      <a:pt x="148" y="52"/>
                    </a:lnTo>
                    <a:lnTo>
                      <a:pt x="148" y="48"/>
                    </a:lnTo>
                    <a:lnTo>
                      <a:pt x="147" y="44"/>
                    </a:lnTo>
                    <a:lnTo>
                      <a:pt x="144" y="41"/>
                    </a:lnTo>
                    <a:lnTo>
                      <a:pt x="140" y="37"/>
                    </a:lnTo>
                    <a:lnTo>
                      <a:pt x="132" y="32"/>
                    </a:lnTo>
                    <a:lnTo>
                      <a:pt x="126" y="28"/>
                    </a:lnTo>
                    <a:lnTo>
                      <a:pt x="101" y="13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4" name="Freeform 139">
                <a:extLst>
                  <a:ext uri="{FF2B5EF4-FFF2-40B4-BE49-F238E27FC236}">
                    <a16:creationId xmlns:a16="http://schemas.microsoft.com/office/drawing/2014/main" id="{44BB3AF0-5B09-B14D-BBB0-5AE9DA8CCE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87641" y="5538261"/>
                <a:ext cx="89263" cy="48771"/>
              </a:xfrm>
              <a:custGeom>
                <a:avLst/>
                <a:gdLst/>
                <a:ahLst/>
                <a:cxnLst>
                  <a:cxn ang="0">
                    <a:pos x="123" y="57"/>
                  </a:cxn>
                  <a:cxn ang="0">
                    <a:pos x="96" y="43"/>
                  </a:cxn>
                  <a:cxn ang="0">
                    <a:pos x="58" y="21"/>
                  </a:cxn>
                  <a:cxn ang="0">
                    <a:pos x="40" y="10"/>
                  </a:cxn>
                  <a:cxn ang="0">
                    <a:pos x="22" y="3"/>
                  </a:cxn>
                  <a:cxn ang="0">
                    <a:pos x="15" y="0"/>
                  </a:cxn>
                  <a:cxn ang="0">
                    <a:pos x="9" y="0"/>
                  </a:cxn>
                  <a:cxn ang="0">
                    <a:pos x="4" y="0"/>
                  </a:cxn>
                  <a:cxn ang="0">
                    <a:pos x="0" y="1"/>
                  </a:cxn>
                  <a:cxn ang="0">
                    <a:pos x="1" y="5"/>
                  </a:cxn>
                  <a:cxn ang="0">
                    <a:pos x="3" y="9"/>
                  </a:cxn>
                  <a:cxn ang="0">
                    <a:pos x="5" y="13"/>
                  </a:cxn>
                  <a:cxn ang="0">
                    <a:pos x="9" y="17"/>
                  </a:cxn>
                  <a:cxn ang="0">
                    <a:pos x="18" y="23"/>
                  </a:cxn>
                  <a:cxn ang="0">
                    <a:pos x="30" y="31"/>
                  </a:cxn>
                  <a:cxn ang="0">
                    <a:pos x="53" y="44"/>
                  </a:cxn>
                  <a:cxn ang="0">
                    <a:pos x="70" y="52"/>
                  </a:cxn>
                  <a:cxn ang="0">
                    <a:pos x="80" y="58"/>
                  </a:cxn>
                  <a:cxn ang="0">
                    <a:pos x="91" y="66"/>
                  </a:cxn>
                  <a:cxn ang="0">
                    <a:pos x="101" y="72"/>
                  </a:cxn>
                  <a:cxn ang="0">
                    <a:pos x="111" y="78"/>
                  </a:cxn>
                  <a:cxn ang="0">
                    <a:pos x="128" y="82"/>
                  </a:cxn>
                  <a:cxn ang="0">
                    <a:pos x="146" y="87"/>
                  </a:cxn>
                  <a:cxn ang="0">
                    <a:pos x="155" y="92"/>
                  </a:cxn>
                  <a:cxn ang="0">
                    <a:pos x="166" y="97"/>
                  </a:cxn>
                  <a:cxn ang="0">
                    <a:pos x="171" y="100"/>
                  </a:cxn>
                  <a:cxn ang="0">
                    <a:pos x="176" y="102"/>
                  </a:cxn>
                  <a:cxn ang="0">
                    <a:pos x="181" y="104"/>
                  </a:cxn>
                  <a:cxn ang="0">
                    <a:pos x="186" y="105"/>
                  </a:cxn>
                  <a:cxn ang="0">
                    <a:pos x="190" y="105"/>
                  </a:cxn>
                  <a:cxn ang="0">
                    <a:pos x="193" y="104"/>
                  </a:cxn>
                  <a:cxn ang="0">
                    <a:pos x="194" y="102"/>
                  </a:cxn>
                  <a:cxn ang="0">
                    <a:pos x="194" y="100"/>
                  </a:cxn>
                  <a:cxn ang="0">
                    <a:pos x="190" y="95"/>
                  </a:cxn>
                  <a:cxn ang="0">
                    <a:pos x="184" y="88"/>
                  </a:cxn>
                  <a:cxn ang="0">
                    <a:pos x="168" y="76"/>
                  </a:cxn>
                  <a:cxn ang="0">
                    <a:pos x="158" y="70"/>
                  </a:cxn>
                  <a:cxn ang="0">
                    <a:pos x="123" y="57"/>
                  </a:cxn>
                </a:cxnLst>
                <a:rect l="0" t="0" r="r" b="b"/>
                <a:pathLst>
                  <a:path w="194" h="105">
                    <a:moveTo>
                      <a:pt x="123" y="57"/>
                    </a:moveTo>
                    <a:lnTo>
                      <a:pt x="96" y="43"/>
                    </a:lnTo>
                    <a:lnTo>
                      <a:pt x="58" y="21"/>
                    </a:lnTo>
                    <a:lnTo>
                      <a:pt x="40" y="10"/>
                    </a:lnTo>
                    <a:lnTo>
                      <a:pt x="22" y="3"/>
                    </a:lnTo>
                    <a:lnTo>
                      <a:pt x="15" y="0"/>
                    </a:lnTo>
                    <a:lnTo>
                      <a:pt x="9" y="0"/>
                    </a:lnTo>
                    <a:lnTo>
                      <a:pt x="4" y="0"/>
                    </a:lnTo>
                    <a:lnTo>
                      <a:pt x="0" y="1"/>
                    </a:lnTo>
                    <a:lnTo>
                      <a:pt x="1" y="5"/>
                    </a:lnTo>
                    <a:lnTo>
                      <a:pt x="3" y="9"/>
                    </a:lnTo>
                    <a:lnTo>
                      <a:pt x="5" y="13"/>
                    </a:lnTo>
                    <a:lnTo>
                      <a:pt x="9" y="17"/>
                    </a:lnTo>
                    <a:lnTo>
                      <a:pt x="18" y="23"/>
                    </a:lnTo>
                    <a:lnTo>
                      <a:pt x="30" y="31"/>
                    </a:lnTo>
                    <a:lnTo>
                      <a:pt x="53" y="44"/>
                    </a:lnTo>
                    <a:lnTo>
                      <a:pt x="70" y="52"/>
                    </a:lnTo>
                    <a:lnTo>
                      <a:pt x="80" y="58"/>
                    </a:lnTo>
                    <a:lnTo>
                      <a:pt x="91" y="66"/>
                    </a:lnTo>
                    <a:lnTo>
                      <a:pt x="101" y="72"/>
                    </a:lnTo>
                    <a:lnTo>
                      <a:pt x="111" y="78"/>
                    </a:lnTo>
                    <a:lnTo>
                      <a:pt x="128" y="82"/>
                    </a:lnTo>
                    <a:lnTo>
                      <a:pt x="146" y="87"/>
                    </a:lnTo>
                    <a:lnTo>
                      <a:pt x="155" y="92"/>
                    </a:lnTo>
                    <a:lnTo>
                      <a:pt x="166" y="97"/>
                    </a:lnTo>
                    <a:lnTo>
                      <a:pt x="171" y="100"/>
                    </a:lnTo>
                    <a:lnTo>
                      <a:pt x="176" y="102"/>
                    </a:lnTo>
                    <a:lnTo>
                      <a:pt x="181" y="104"/>
                    </a:lnTo>
                    <a:lnTo>
                      <a:pt x="186" y="105"/>
                    </a:lnTo>
                    <a:lnTo>
                      <a:pt x="190" y="105"/>
                    </a:lnTo>
                    <a:lnTo>
                      <a:pt x="193" y="104"/>
                    </a:lnTo>
                    <a:lnTo>
                      <a:pt x="194" y="102"/>
                    </a:lnTo>
                    <a:lnTo>
                      <a:pt x="194" y="100"/>
                    </a:lnTo>
                    <a:lnTo>
                      <a:pt x="190" y="95"/>
                    </a:lnTo>
                    <a:lnTo>
                      <a:pt x="184" y="88"/>
                    </a:lnTo>
                    <a:lnTo>
                      <a:pt x="168" y="76"/>
                    </a:lnTo>
                    <a:lnTo>
                      <a:pt x="158" y="70"/>
                    </a:lnTo>
                    <a:lnTo>
                      <a:pt x="123" y="5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5" name="Freeform 140">
                <a:extLst>
                  <a:ext uri="{FF2B5EF4-FFF2-40B4-BE49-F238E27FC236}">
                    <a16:creationId xmlns:a16="http://schemas.microsoft.com/office/drawing/2014/main" id="{84E3246B-FD67-FD45-86AF-9B5842FDB2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175082" y="5563549"/>
                <a:ext cx="123875" cy="106573"/>
              </a:xfrm>
              <a:custGeom>
                <a:avLst/>
                <a:gdLst/>
                <a:ahLst/>
                <a:cxnLst>
                  <a:cxn ang="0">
                    <a:pos x="269" y="234"/>
                  </a:cxn>
                  <a:cxn ang="0">
                    <a:pos x="263" y="225"/>
                  </a:cxn>
                  <a:cxn ang="0">
                    <a:pos x="256" y="216"/>
                  </a:cxn>
                  <a:cxn ang="0">
                    <a:pos x="248" y="208"/>
                  </a:cxn>
                  <a:cxn ang="0">
                    <a:pos x="238" y="200"/>
                  </a:cxn>
                  <a:cxn ang="0">
                    <a:pos x="222" y="191"/>
                  </a:cxn>
                  <a:cxn ang="0">
                    <a:pos x="208" y="184"/>
                  </a:cxn>
                  <a:cxn ang="0">
                    <a:pos x="202" y="178"/>
                  </a:cxn>
                  <a:cxn ang="0">
                    <a:pos x="197" y="173"/>
                  </a:cxn>
                  <a:cxn ang="0">
                    <a:pos x="190" y="167"/>
                  </a:cxn>
                  <a:cxn ang="0">
                    <a:pos x="184" y="158"/>
                  </a:cxn>
                  <a:cxn ang="0">
                    <a:pos x="167" y="136"/>
                  </a:cxn>
                  <a:cxn ang="0">
                    <a:pos x="149" y="115"/>
                  </a:cxn>
                  <a:cxn ang="0">
                    <a:pos x="143" y="111"/>
                  </a:cxn>
                  <a:cxn ang="0">
                    <a:pos x="138" y="107"/>
                  </a:cxn>
                  <a:cxn ang="0">
                    <a:pos x="133" y="105"/>
                  </a:cxn>
                  <a:cxn ang="0">
                    <a:pos x="127" y="102"/>
                  </a:cxn>
                  <a:cxn ang="0">
                    <a:pos x="120" y="99"/>
                  </a:cxn>
                  <a:cxn ang="0">
                    <a:pos x="112" y="99"/>
                  </a:cxn>
                  <a:cxn ang="0">
                    <a:pos x="105" y="99"/>
                  </a:cxn>
                  <a:cxn ang="0">
                    <a:pos x="97" y="101"/>
                  </a:cxn>
                  <a:cxn ang="0">
                    <a:pos x="83" y="92"/>
                  </a:cxn>
                  <a:cxn ang="0">
                    <a:pos x="70" y="83"/>
                  </a:cxn>
                  <a:cxn ang="0">
                    <a:pos x="58" y="71"/>
                  </a:cxn>
                  <a:cxn ang="0">
                    <a:pos x="46" y="58"/>
                  </a:cxn>
                  <a:cxn ang="0">
                    <a:pos x="24" y="32"/>
                  </a:cxn>
                  <a:cxn ang="0">
                    <a:pos x="2" y="9"/>
                  </a:cxn>
                  <a:cxn ang="0">
                    <a:pos x="0" y="5"/>
                  </a:cxn>
                  <a:cxn ang="0">
                    <a:pos x="53" y="0"/>
                  </a:cxn>
                  <a:cxn ang="0">
                    <a:pos x="62" y="11"/>
                  </a:cxn>
                  <a:cxn ang="0">
                    <a:pos x="71" y="22"/>
                  </a:cxn>
                  <a:cxn ang="0">
                    <a:pos x="80" y="31"/>
                  </a:cxn>
                  <a:cxn ang="0">
                    <a:pos x="90" y="41"/>
                  </a:cxn>
                  <a:cxn ang="0">
                    <a:pos x="110" y="59"/>
                  </a:cxn>
                  <a:cxn ang="0">
                    <a:pos x="129" y="73"/>
                  </a:cxn>
                  <a:cxn ang="0">
                    <a:pos x="150" y="89"/>
                  </a:cxn>
                  <a:cxn ang="0">
                    <a:pos x="171" y="105"/>
                  </a:cxn>
                  <a:cxn ang="0">
                    <a:pos x="178" y="112"/>
                  </a:cxn>
                  <a:cxn ang="0">
                    <a:pos x="186" y="120"/>
                  </a:cxn>
                  <a:cxn ang="0">
                    <a:pos x="190" y="123"/>
                  </a:cxn>
                  <a:cxn ang="0">
                    <a:pos x="194" y="125"/>
                  </a:cxn>
                  <a:cxn ang="0">
                    <a:pos x="200" y="127"/>
                  </a:cxn>
                  <a:cxn ang="0">
                    <a:pos x="206" y="128"/>
                  </a:cxn>
                  <a:cxn ang="0">
                    <a:pos x="217" y="129"/>
                  </a:cxn>
                  <a:cxn ang="0">
                    <a:pos x="228" y="132"/>
                  </a:cxn>
                  <a:cxn ang="0">
                    <a:pos x="238" y="137"/>
                  </a:cxn>
                  <a:cxn ang="0">
                    <a:pos x="246" y="143"/>
                  </a:cxn>
                  <a:cxn ang="0">
                    <a:pos x="256" y="155"/>
                  </a:cxn>
                  <a:cxn ang="0">
                    <a:pos x="256" y="155"/>
                  </a:cxn>
                  <a:cxn ang="0">
                    <a:pos x="272" y="204"/>
                  </a:cxn>
                  <a:cxn ang="0">
                    <a:pos x="269" y="234"/>
                  </a:cxn>
                  <a:cxn ang="0">
                    <a:pos x="269" y="234"/>
                  </a:cxn>
                </a:cxnLst>
                <a:rect l="0" t="0" r="r" b="b"/>
                <a:pathLst>
                  <a:path w="272" h="234">
                    <a:moveTo>
                      <a:pt x="269" y="234"/>
                    </a:moveTo>
                    <a:lnTo>
                      <a:pt x="263" y="225"/>
                    </a:lnTo>
                    <a:lnTo>
                      <a:pt x="256" y="216"/>
                    </a:lnTo>
                    <a:lnTo>
                      <a:pt x="248" y="208"/>
                    </a:lnTo>
                    <a:lnTo>
                      <a:pt x="238" y="200"/>
                    </a:lnTo>
                    <a:lnTo>
                      <a:pt x="222" y="191"/>
                    </a:lnTo>
                    <a:lnTo>
                      <a:pt x="208" y="184"/>
                    </a:lnTo>
                    <a:lnTo>
                      <a:pt x="202" y="178"/>
                    </a:lnTo>
                    <a:lnTo>
                      <a:pt x="197" y="173"/>
                    </a:lnTo>
                    <a:lnTo>
                      <a:pt x="190" y="167"/>
                    </a:lnTo>
                    <a:lnTo>
                      <a:pt x="184" y="158"/>
                    </a:lnTo>
                    <a:lnTo>
                      <a:pt x="167" y="136"/>
                    </a:lnTo>
                    <a:lnTo>
                      <a:pt x="149" y="115"/>
                    </a:lnTo>
                    <a:lnTo>
                      <a:pt x="143" y="111"/>
                    </a:lnTo>
                    <a:lnTo>
                      <a:pt x="138" y="107"/>
                    </a:lnTo>
                    <a:lnTo>
                      <a:pt x="133" y="105"/>
                    </a:lnTo>
                    <a:lnTo>
                      <a:pt x="127" y="102"/>
                    </a:lnTo>
                    <a:lnTo>
                      <a:pt x="120" y="99"/>
                    </a:lnTo>
                    <a:lnTo>
                      <a:pt x="112" y="99"/>
                    </a:lnTo>
                    <a:lnTo>
                      <a:pt x="105" y="99"/>
                    </a:lnTo>
                    <a:lnTo>
                      <a:pt x="97" y="101"/>
                    </a:lnTo>
                    <a:lnTo>
                      <a:pt x="83" y="92"/>
                    </a:lnTo>
                    <a:lnTo>
                      <a:pt x="70" y="83"/>
                    </a:lnTo>
                    <a:lnTo>
                      <a:pt x="58" y="71"/>
                    </a:lnTo>
                    <a:lnTo>
                      <a:pt x="46" y="58"/>
                    </a:lnTo>
                    <a:lnTo>
                      <a:pt x="24" y="32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53" y="0"/>
                    </a:lnTo>
                    <a:lnTo>
                      <a:pt x="62" y="11"/>
                    </a:lnTo>
                    <a:lnTo>
                      <a:pt x="71" y="22"/>
                    </a:lnTo>
                    <a:lnTo>
                      <a:pt x="80" y="31"/>
                    </a:lnTo>
                    <a:lnTo>
                      <a:pt x="90" y="41"/>
                    </a:lnTo>
                    <a:lnTo>
                      <a:pt x="110" y="59"/>
                    </a:lnTo>
                    <a:lnTo>
                      <a:pt x="129" y="73"/>
                    </a:lnTo>
                    <a:lnTo>
                      <a:pt x="150" y="89"/>
                    </a:lnTo>
                    <a:lnTo>
                      <a:pt x="171" y="105"/>
                    </a:lnTo>
                    <a:lnTo>
                      <a:pt x="178" y="112"/>
                    </a:lnTo>
                    <a:lnTo>
                      <a:pt x="186" y="120"/>
                    </a:lnTo>
                    <a:lnTo>
                      <a:pt x="190" y="123"/>
                    </a:lnTo>
                    <a:lnTo>
                      <a:pt x="194" y="125"/>
                    </a:lnTo>
                    <a:lnTo>
                      <a:pt x="200" y="127"/>
                    </a:lnTo>
                    <a:lnTo>
                      <a:pt x="206" y="128"/>
                    </a:lnTo>
                    <a:lnTo>
                      <a:pt x="217" y="129"/>
                    </a:lnTo>
                    <a:lnTo>
                      <a:pt x="228" y="132"/>
                    </a:lnTo>
                    <a:lnTo>
                      <a:pt x="238" y="137"/>
                    </a:lnTo>
                    <a:lnTo>
                      <a:pt x="246" y="143"/>
                    </a:lnTo>
                    <a:lnTo>
                      <a:pt x="256" y="155"/>
                    </a:lnTo>
                    <a:lnTo>
                      <a:pt x="256" y="155"/>
                    </a:lnTo>
                    <a:lnTo>
                      <a:pt x="272" y="204"/>
                    </a:lnTo>
                    <a:lnTo>
                      <a:pt x="269" y="234"/>
                    </a:lnTo>
                    <a:lnTo>
                      <a:pt x="269" y="234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6" name="Freeform 141">
                <a:extLst>
                  <a:ext uri="{FF2B5EF4-FFF2-40B4-BE49-F238E27FC236}">
                    <a16:creationId xmlns:a16="http://schemas.microsoft.com/office/drawing/2014/main" id="{1853B7ED-67A4-6147-A45E-644F2560C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57529" y="4772388"/>
                <a:ext cx="876234" cy="783936"/>
              </a:xfrm>
              <a:custGeom>
                <a:avLst/>
                <a:gdLst/>
                <a:ahLst/>
                <a:cxnLst>
                  <a:cxn ang="0">
                    <a:pos x="1141" y="1592"/>
                  </a:cxn>
                  <a:cxn ang="0">
                    <a:pos x="978" y="1499"/>
                  </a:cxn>
                  <a:cxn ang="0">
                    <a:pos x="950" y="1456"/>
                  </a:cxn>
                  <a:cxn ang="0">
                    <a:pos x="795" y="1496"/>
                  </a:cxn>
                  <a:cxn ang="0">
                    <a:pos x="717" y="1332"/>
                  </a:cxn>
                  <a:cxn ang="0">
                    <a:pos x="594" y="1240"/>
                  </a:cxn>
                  <a:cxn ang="0">
                    <a:pos x="522" y="1130"/>
                  </a:cxn>
                  <a:cxn ang="0">
                    <a:pos x="612" y="1105"/>
                  </a:cxn>
                  <a:cxn ang="0">
                    <a:pos x="663" y="1106"/>
                  </a:cxn>
                  <a:cxn ang="0">
                    <a:pos x="488" y="959"/>
                  </a:cxn>
                  <a:cxn ang="0">
                    <a:pos x="447" y="737"/>
                  </a:cxn>
                  <a:cxn ang="0">
                    <a:pos x="340" y="620"/>
                  </a:cxn>
                  <a:cxn ang="0">
                    <a:pos x="270" y="644"/>
                  </a:cxn>
                  <a:cxn ang="0">
                    <a:pos x="212" y="745"/>
                  </a:cxn>
                  <a:cxn ang="0">
                    <a:pos x="130" y="837"/>
                  </a:cxn>
                  <a:cxn ang="0">
                    <a:pos x="79" y="786"/>
                  </a:cxn>
                  <a:cxn ang="0">
                    <a:pos x="0" y="532"/>
                  </a:cxn>
                  <a:cxn ang="0">
                    <a:pos x="102" y="531"/>
                  </a:cxn>
                  <a:cxn ang="0">
                    <a:pos x="283" y="547"/>
                  </a:cxn>
                  <a:cxn ang="0">
                    <a:pos x="344" y="464"/>
                  </a:cxn>
                  <a:cxn ang="0">
                    <a:pos x="498" y="558"/>
                  </a:cxn>
                  <a:cxn ang="0">
                    <a:pos x="571" y="560"/>
                  </a:cxn>
                  <a:cxn ang="0">
                    <a:pos x="627" y="453"/>
                  </a:cxn>
                  <a:cxn ang="0">
                    <a:pos x="747" y="377"/>
                  </a:cxn>
                  <a:cxn ang="0">
                    <a:pos x="712" y="266"/>
                  </a:cxn>
                  <a:cxn ang="0">
                    <a:pos x="754" y="201"/>
                  </a:cxn>
                  <a:cxn ang="0">
                    <a:pos x="882" y="171"/>
                  </a:cxn>
                  <a:cxn ang="0">
                    <a:pos x="949" y="92"/>
                  </a:cxn>
                  <a:cxn ang="0">
                    <a:pos x="973" y="0"/>
                  </a:cxn>
                  <a:cxn ang="0">
                    <a:pos x="1059" y="104"/>
                  </a:cxn>
                  <a:cxn ang="0">
                    <a:pos x="1136" y="201"/>
                  </a:cxn>
                  <a:cxn ang="0">
                    <a:pos x="1280" y="325"/>
                  </a:cxn>
                  <a:cxn ang="0">
                    <a:pos x="1418" y="412"/>
                  </a:cxn>
                  <a:cxn ang="0">
                    <a:pos x="1563" y="408"/>
                  </a:cxn>
                  <a:cxn ang="0">
                    <a:pos x="1754" y="346"/>
                  </a:cxn>
                  <a:cxn ang="0">
                    <a:pos x="1764" y="470"/>
                  </a:cxn>
                  <a:cxn ang="0">
                    <a:pos x="1833" y="557"/>
                  </a:cxn>
                  <a:cxn ang="0">
                    <a:pos x="1881" y="654"/>
                  </a:cxn>
                  <a:cxn ang="0">
                    <a:pos x="1899" y="705"/>
                  </a:cxn>
                  <a:cxn ang="0">
                    <a:pos x="1921" y="828"/>
                  </a:cxn>
                  <a:cxn ang="0">
                    <a:pos x="1789" y="824"/>
                  </a:cxn>
                  <a:cxn ang="0">
                    <a:pos x="1754" y="740"/>
                  </a:cxn>
                  <a:cxn ang="0">
                    <a:pos x="1627" y="719"/>
                  </a:cxn>
                  <a:cxn ang="0">
                    <a:pos x="1517" y="703"/>
                  </a:cxn>
                  <a:cxn ang="0">
                    <a:pos x="1414" y="719"/>
                  </a:cxn>
                  <a:cxn ang="0">
                    <a:pos x="1318" y="705"/>
                  </a:cxn>
                  <a:cxn ang="0">
                    <a:pos x="1176" y="658"/>
                  </a:cxn>
                  <a:cxn ang="0">
                    <a:pos x="1063" y="665"/>
                  </a:cxn>
                  <a:cxn ang="0">
                    <a:pos x="936" y="754"/>
                  </a:cxn>
                  <a:cxn ang="0">
                    <a:pos x="824" y="683"/>
                  </a:cxn>
                  <a:cxn ang="0">
                    <a:pos x="760" y="698"/>
                  </a:cxn>
                  <a:cxn ang="0">
                    <a:pos x="724" y="821"/>
                  </a:cxn>
                  <a:cxn ang="0">
                    <a:pos x="777" y="915"/>
                  </a:cxn>
                  <a:cxn ang="0">
                    <a:pos x="831" y="1026"/>
                  </a:cxn>
                  <a:cxn ang="0">
                    <a:pos x="906" y="1183"/>
                  </a:cxn>
                  <a:cxn ang="0">
                    <a:pos x="1027" y="1325"/>
                  </a:cxn>
                  <a:cxn ang="0">
                    <a:pos x="1173" y="1477"/>
                  </a:cxn>
                  <a:cxn ang="0">
                    <a:pos x="1233" y="1503"/>
                  </a:cxn>
                  <a:cxn ang="0">
                    <a:pos x="1241" y="1566"/>
                  </a:cxn>
                  <a:cxn ang="0">
                    <a:pos x="1327" y="1656"/>
                  </a:cxn>
                  <a:cxn ang="0">
                    <a:pos x="1322" y="1736"/>
                  </a:cxn>
                </a:cxnLst>
                <a:rect l="0" t="0" r="r" b="b"/>
                <a:pathLst>
                  <a:path w="1921" h="1736">
                    <a:moveTo>
                      <a:pt x="1322" y="1736"/>
                    </a:moveTo>
                    <a:lnTo>
                      <a:pt x="1303" y="1727"/>
                    </a:lnTo>
                    <a:lnTo>
                      <a:pt x="1283" y="1718"/>
                    </a:lnTo>
                    <a:lnTo>
                      <a:pt x="1265" y="1707"/>
                    </a:lnTo>
                    <a:lnTo>
                      <a:pt x="1248" y="1694"/>
                    </a:lnTo>
                    <a:lnTo>
                      <a:pt x="1221" y="1671"/>
                    </a:lnTo>
                    <a:lnTo>
                      <a:pt x="1195" y="1645"/>
                    </a:lnTo>
                    <a:lnTo>
                      <a:pt x="1168" y="1618"/>
                    </a:lnTo>
                    <a:lnTo>
                      <a:pt x="1141" y="1592"/>
                    </a:lnTo>
                    <a:lnTo>
                      <a:pt x="1114" y="1567"/>
                    </a:lnTo>
                    <a:lnTo>
                      <a:pt x="1085" y="1545"/>
                    </a:lnTo>
                    <a:lnTo>
                      <a:pt x="1070" y="1535"/>
                    </a:lnTo>
                    <a:lnTo>
                      <a:pt x="1054" y="1526"/>
                    </a:lnTo>
                    <a:lnTo>
                      <a:pt x="1037" y="1517"/>
                    </a:lnTo>
                    <a:lnTo>
                      <a:pt x="1020" y="1510"/>
                    </a:lnTo>
                    <a:lnTo>
                      <a:pt x="1006" y="1505"/>
                    </a:lnTo>
                    <a:lnTo>
                      <a:pt x="987" y="1501"/>
                    </a:lnTo>
                    <a:lnTo>
                      <a:pt x="978" y="1499"/>
                    </a:lnTo>
                    <a:lnTo>
                      <a:pt x="970" y="1496"/>
                    </a:lnTo>
                    <a:lnTo>
                      <a:pt x="962" y="1494"/>
                    </a:lnTo>
                    <a:lnTo>
                      <a:pt x="957" y="1490"/>
                    </a:lnTo>
                    <a:lnTo>
                      <a:pt x="957" y="1483"/>
                    </a:lnTo>
                    <a:lnTo>
                      <a:pt x="973" y="1464"/>
                    </a:lnTo>
                    <a:lnTo>
                      <a:pt x="973" y="1461"/>
                    </a:lnTo>
                    <a:lnTo>
                      <a:pt x="967" y="1459"/>
                    </a:lnTo>
                    <a:lnTo>
                      <a:pt x="960" y="1457"/>
                    </a:lnTo>
                    <a:lnTo>
                      <a:pt x="950" y="1456"/>
                    </a:lnTo>
                    <a:lnTo>
                      <a:pt x="939" y="1457"/>
                    </a:lnTo>
                    <a:lnTo>
                      <a:pt x="914" y="1460"/>
                    </a:lnTo>
                    <a:lnTo>
                      <a:pt x="887" y="1466"/>
                    </a:lnTo>
                    <a:lnTo>
                      <a:pt x="860" y="1474"/>
                    </a:lnTo>
                    <a:lnTo>
                      <a:pt x="835" y="1482"/>
                    </a:lnTo>
                    <a:lnTo>
                      <a:pt x="814" y="1491"/>
                    </a:lnTo>
                    <a:lnTo>
                      <a:pt x="801" y="1497"/>
                    </a:lnTo>
                    <a:lnTo>
                      <a:pt x="798" y="1499"/>
                    </a:lnTo>
                    <a:lnTo>
                      <a:pt x="795" y="1496"/>
                    </a:lnTo>
                    <a:lnTo>
                      <a:pt x="791" y="1492"/>
                    </a:lnTo>
                    <a:lnTo>
                      <a:pt x="789" y="1487"/>
                    </a:lnTo>
                    <a:lnTo>
                      <a:pt x="781" y="1470"/>
                    </a:lnTo>
                    <a:lnTo>
                      <a:pt x="774" y="1451"/>
                    </a:lnTo>
                    <a:lnTo>
                      <a:pt x="761" y="1408"/>
                    </a:lnTo>
                    <a:lnTo>
                      <a:pt x="751" y="1377"/>
                    </a:lnTo>
                    <a:lnTo>
                      <a:pt x="738" y="1358"/>
                    </a:lnTo>
                    <a:lnTo>
                      <a:pt x="728" y="1343"/>
                    </a:lnTo>
                    <a:lnTo>
                      <a:pt x="717" y="1332"/>
                    </a:lnTo>
                    <a:lnTo>
                      <a:pt x="707" y="1321"/>
                    </a:lnTo>
                    <a:lnTo>
                      <a:pt x="697" y="1312"/>
                    </a:lnTo>
                    <a:lnTo>
                      <a:pt x="684" y="1304"/>
                    </a:lnTo>
                    <a:lnTo>
                      <a:pt x="667" y="1295"/>
                    </a:lnTo>
                    <a:lnTo>
                      <a:pt x="647" y="1285"/>
                    </a:lnTo>
                    <a:lnTo>
                      <a:pt x="632" y="1277"/>
                    </a:lnTo>
                    <a:lnTo>
                      <a:pt x="619" y="1266"/>
                    </a:lnTo>
                    <a:lnTo>
                      <a:pt x="606" y="1253"/>
                    </a:lnTo>
                    <a:lnTo>
                      <a:pt x="594" y="1240"/>
                    </a:lnTo>
                    <a:lnTo>
                      <a:pt x="573" y="1210"/>
                    </a:lnTo>
                    <a:lnTo>
                      <a:pt x="555" y="1180"/>
                    </a:lnTo>
                    <a:lnTo>
                      <a:pt x="542" y="1165"/>
                    </a:lnTo>
                    <a:lnTo>
                      <a:pt x="526" y="1146"/>
                    </a:lnTo>
                    <a:lnTo>
                      <a:pt x="523" y="1143"/>
                    </a:lnTo>
                    <a:lnTo>
                      <a:pt x="520" y="1139"/>
                    </a:lnTo>
                    <a:lnTo>
                      <a:pt x="520" y="1135"/>
                    </a:lnTo>
                    <a:lnTo>
                      <a:pt x="520" y="1132"/>
                    </a:lnTo>
                    <a:lnTo>
                      <a:pt x="522" y="1130"/>
                    </a:lnTo>
                    <a:lnTo>
                      <a:pt x="526" y="1128"/>
                    </a:lnTo>
                    <a:lnTo>
                      <a:pt x="532" y="1127"/>
                    </a:lnTo>
                    <a:lnTo>
                      <a:pt x="539" y="1126"/>
                    </a:lnTo>
                    <a:lnTo>
                      <a:pt x="551" y="1126"/>
                    </a:lnTo>
                    <a:lnTo>
                      <a:pt x="561" y="1126"/>
                    </a:lnTo>
                    <a:lnTo>
                      <a:pt x="570" y="1123"/>
                    </a:lnTo>
                    <a:lnTo>
                      <a:pt x="579" y="1122"/>
                    </a:lnTo>
                    <a:lnTo>
                      <a:pt x="594" y="1115"/>
                    </a:lnTo>
                    <a:lnTo>
                      <a:pt x="612" y="1105"/>
                    </a:lnTo>
                    <a:lnTo>
                      <a:pt x="627" y="1110"/>
                    </a:lnTo>
                    <a:lnTo>
                      <a:pt x="655" y="1123"/>
                    </a:lnTo>
                    <a:lnTo>
                      <a:pt x="668" y="1128"/>
                    </a:lnTo>
                    <a:lnTo>
                      <a:pt x="676" y="1130"/>
                    </a:lnTo>
                    <a:lnTo>
                      <a:pt x="678" y="1128"/>
                    </a:lnTo>
                    <a:lnTo>
                      <a:pt x="678" y="1126"/>
                    </a:lnTo>
                    <a:lnTo>
                      <a:pt x="676" y="1122"/>
                    </a:lnTo>
                    <a:lnTo>
                      <a:pt x="672" y="1115"/>
                    </a:lnTo>
                    <a:lnTo>
                      <a:pt x="663" y="1106"/>
                    </a:lnTo>
                    <a:lnTo>
                      <a:pt x="651" y="1100"/>
                    </a:lnTo>
                    <a:lnTo>
                      <a:pt x="629" y="1087"/>
                    </a:lnTo>
                    <a:lnTo>
                      <a:pt x="606" y="1071"/>
                    </a:lnTo>
                    <a:lnTo>
                      <a:pt x="584" y="1054"/>
                    </a:lnTo>
                    <a:lnTo>
                      <a:pt x="563" y="1036"/>
                    </a:lnTo>
                    <a:lnTo>
                      <a:pt x="542" y="1018"/>
                    </a:lnTo>
                    <a:lnTo>
                      <a:pt x="523" y="999"/>
                    </a:lnTo>
                    <a:lnTo>
                      <a:pt x="505" y="978"/>
                    </a:lnTo>
                    <a:lnTo>
                      <a:pt x="488" y="959"/>
                    </a:lnTo>
                    <a:lnTo>
                      <a:pt x="476" y="940"/>
                    </a:lnTo>
                    <a:lnTo>
                      <a:pt x="467" y="925"/>
                    </a:lnTo>
                    <a:lnTo>
                      <a:pt x="461" y="909"/>
                    </a:lnTo>
                    <a:lnTo>
                      <a:pt x="456" y="893"/>
                    </a:lnTo>
                    <a:lnTo>
                      <a:pt x="448" y="860"/>
                    </a:lnTo>
                    <a:lnTo>
                      <a:pt x="436" y="824"/>
                    </a:lnTo>
                    <a:lnTo>
                      <a:pt x="440" y="786"/>
                    </a:lnTo>
                    <a:lnTo>
                      <a:pt x="444" y="759"/>
                    </a:lnTo>
                    <a:lnTo>
                      <a:pt x="447" y="737"/>
                    </a:lnTo>
                    <a:lnTo>
                      <a:pt x="448" y="722"/>
                    </a:lnTo>
                    <a:lnTo>
                      <a:pt x="447" y="714"/>
                    </a:lnTo>
                    <a:lnTo>
                      <a:pt x="443" y="707"/>
                    </a:lnTo>
                    <a:lnTo>
                      <a:pt x="439" y="699"/>
                    </a:lnTo>
                    <a:lnTo>
                      <a:pt x="432" y="692"/>
                    </a:lnTo>
                    <a:lnTo>
                      <a:pt x="413" y="674"/>
                    </a:lnTo>
                    <a:lnTo>
                      <a:pt x="384" y="650"/>
                    </a:lnTo>
                    <a:lnTo>
                      <a:pt x="361" y="633"/>
                    </a:lnTo>
                    <a:lnTo>
                      <a:pt x="340" y="620"/>
                    </a:lnTo>
                    <a:lnTo>
                      <a:pt x="331" y="617"/>
                    </a:lnTo>
                    <a:lnTo>
                      <a:pt x="322" y="614"/>
                    </a:lnTo>
                    <a:lnTo>
                      <a:pt x="314" y="613"/>
                    </a:lnTo>
                    <a:lnTo>
                      <a:pt x="305" y="613"/>
                    </a:lnTo>
                    <a:lnTo>
                      <a:pt x="299" y="615"/>
                    </a:lnTo>
                    <a:lnTo>
                      <a:pt x="291" y="619"/>
                    </a:lnTo>
                    <a:lnTo>
                      <a:pt x="283" y="626"/>
                    </a:lnTo>
                    <a:lnTo>
                      <a:pt x="277" y="633"/>
                    </a:lnTo>
                    <a:lnTo>
                      <a:pt x="270" y="644"/>
                    </a:lnTo>
                    <a:lnTo>
                      <a:pt x="264" y="657"/>
                    </a:lnTo>
                    <a:lnTo>
                      <a:pt x="257" y="671"/>
                    </a:lnTo>
                    <a:lnTo>
                      <a:pt x="251" y="689"/>
                    </a:lnTo>
                    <a:lnTo>
                      <a:pt x="246" y="699"/>
                    </a:lnTo>
                    <a:lnTo>
                      <a:pt x="242" y="709"/>
                    </a:lnTo>
                    <a:lnTo>
                      <a:pt x="237" y="718"/>
                    </a:lnTo>
                    <a:lnTo>
                      <a:pt x="233" y="724"/>
                    </a:lnTo>
                    <a:lnTo>
                      <a:pt x="222" y="736"/>
                    </a:lnTo>
                    <a:lnTo>
                      <a:pt x="212" y="745"/>
                    </a:lnTo>
                    <a:lnTo>
                      <a:pt x="200" y="753"/>
                    </a:lnTo>
                    <a:lnTo>
                      <a:pt x="189" y="762"/>
                    </a:lnTo>
                    <a:lnTo>
                      <a:pt x="176" y="772"/>
                    </a:lnTo>
                    <a:lnTo>
                      <a:pt x="162" y="786"/>
                    </a:lnTo>
                    <a:lnTo>
                      <a:pt x="154" y="801"/>
                    </a:lnTo>
                    <a:lnTo>
                      <a:pt x="145" y="819"/>
                    </a:lnTo>
                    <a:lnTo>
                      <a:pt x="139" y="828"/>
                    </a:lnTo>
                    <a:lnTo>
                      <a:pt x="133" y="834"/>
                    </a:lnTo>
                    <a:lnTo>
                      <a:pt x="130" y="837"/>
                    </a:lnTo>
                    <a:lnTo>
                      <a:pt x="128" y="838"/>
                    </a:lnTo>
                    <a:lnTo>
                      <a:pt x="124" y="839"/>
                    </a:lnTo>
                    <a:lnTo>
                      <a:pt x="120" y="838"/>
                    </a:lnTo>
                    <a:lnTo>
                      <a:pt x="116" y="837"/>
                    </a:lnTo>
                    <a:lnTo>
                      <a:pt x="111" y="833"/>
                    </a:lnTo>
                    <a:lnTo>
                      <a:pt x="106" y="828"/>
                    </a:lnTo>
                    <a:lnTo>
                      <a:pt x="101" y="821"/>
                    </a:lnTo>
                    <a:lnTo>
                      <a:pt x="89" y="804"/>
                    </a:lnTo>
                    <a:lnTo>
                      <a:pt x="79" y="786"/>
                    </a:lnTo>
                    <a:lnTo>
                      <a:pt x="59" y="747"/>
                    </a:lnTo>
                    <a:lnTo>
                      <a:pt x="46" y="719"/>
                    </a:lnTo>
                    <a:lnTo>
                      <a:pt x="33" y="679"/>
                    </a:lnTo>
                    <a:lnTo>
                      <a:pt x="15" y="620"/>
                    </a:lnTo>
                    <a:lnTo>
                      <a:pt x="9" y="591"/>
                    </a:lnTo>
                    <a:lnTo>
                      <a:pt x="2" y="563"/>
                    </a:lnTo>
                    <a:lnTo>
                      <a:pt x="1" y="551"/>
                    </a:lnTo>
                    <a:lnTo>
                      <a:pt x="0" y="540"/>
                    </a:lnTo>
                    <a:lnTo>
                      <a:pt x="0" y="532"/>
                    </a:lnTo>
                    <a:lnTo>
                      <a:pt x="1" y="526"/>
                    </a:lnTo>
                    <a:lnTo>
                      <a:pt x="2" y="522"/>
                    </a:lnTo>
                    <a:lnTo>
                      <a:pt x="5" y="518"/>
                    </a:lnTo>
                    <a:lnTo>
                      <a:pt x="9" y="516"/>
                    </a:lnTo>
                    <a:lnTo>
                      <a:pt x="13" y="513"/>
                    </a:lnTo>
                    <a:lnTo>
                      <a:pt x="22" y="508"/>
                    </a:lnTo>
                    <a:lnTo>
                      <a:pt x="32" y="505"/>
                    </a:lnTo>
                    <a:lnTo>
                      <a:pt x="32" y="505"/>
                    </a:lnTo>
                    <a:lnTo>
                      <a:pt x="102" y="531"/>
                    </a:lnTo>
                    <a:lnTo>
                      <a:pt x="121" y="539"/>
                    </a:lnTo>
                    <a:lnTo>
                      <a:pt x="147" y="545"/>
                    </a:lnTo>
                    <a:lnTo>
                      <a:pt x="178" y="551"/>
                    </a:lnTo>
                    <a:lnTo>
                      <a:pt x="209" y="553"/>
                    </a:lnTo>
                    <a:lnTo>
                      <a:pt x="225" y="553"/>
                    </a:lnTo>
                    <a:lnTo>
                      <a:pt x="241" y="553"/>
                    </a:lnTo>
                    <a:lnTo>
                      <a:pt x="256" y="552"/>
                    </a:lnTo>
                    <a:lnTo>
                      <a:pt x="270" y="549"/>
                    </a:lnTo>
                    <a:lnTo>
                      <a:pt x="283" y="547"/>
                    </a:lnTo>
                    <a:lnTo>
                      <a:pt x="295" y="541"/>
                    </a:lnTo>
                    <a:lnTo>
                      <a:pt x="305" y="536"/>
                    </a:lnTo>
                    <a:lnTo>
                      <a:pt x="313" y="528"/>
                    </a:lnTo>
                    <a:lnTo>
                      <a:pt x="321" y="514"/>
                    </a:lnTo>
                    <a:lnTo>
                      <a:pt x="330" y="491"/>
                    </a:lnTo>
                    <a:lnTo>
                      <a:pt x="334" y="481"/>
                    </a:lnTo>
                    <a:lnTo>
                      <a:pt x="339" y="470"/>
                    </a:lnTo>
                    <a:lnTo>
                      <a:pt x="342" y="466"/>
                    </a:lnTo>
                    <a:lnTo>
                      <a:pt x="344" y="464"/>
                    </a:lnTo>
                    <a:lnTo>
                      <a:pt x="347" y="461"/>
                    </a:lnTo>
                    <a:lnTo>
                      <a:pt x="349" y="460"/>
                    </a:lnTo>
                    <a:lnTo>
                      <a:pt x="366" y="471"/>
                    </a:lnTo>
                    <a:lnTo>
                      <a:pt x="402" y="500"/>
                    </a:lnTo>
                    <a:lnTo>
                      <a:pt x="423" y="516"/>
                    </a:lnTo>
                    <a:lnTo>
                      <a:pt x="443" y="530"/>
                    </a:lnTo>
                    <a:lnTo>
                      <a:pt x="458" y="540"/>
                    </a:lnTo>
                    <a:lnTo>
                      <a:pt x="470" y="547"/>
                    </a:lnTo>
                    <a:lnTo>
                      <a:pt x="498" y="558"/>
                    </a:lnTo>
                    <a:lnTo>
                      <a:pt x="520" y="565"/>
                    </a:lnTo>
                    <a:lnTo>
                      <a:pt x="531" y="567"/>
                    </a:lnTo>
                    <a:lnTo>
                      <a:pt x="539" y="569"/>
                    </a:lnTo>
                    <a:lnTo>
                      <a:pt x="546" y="569"/>
                    </a:lnTo>
                    <a:lnTo>
                      <a:pt x="553" y="569"/>
                    </a:lnTo>
                    <a:lnTo>
                      <a:pt x="558" y="567"/>
                    </a:lnTo>
                    <a:lnTo>
                      <a:pt x="563" y="566"/>
                    </a:lnTo>
                    <a:lnTo>
                      <a:pt x="567" y="563"/>
                    </a:lnTo>
                    <a:lnTo>
                      <a:pt x="571" y="560"/>
                    </a:lnTo>
                    <a:lnTo>
                      <a:pt x="576" y="553"/>
                    </a:lnTo>
                    <a:lnTo>
                      <a:pt x="580" y="543"/>
                    </a:lnTo>
                    <a:lnTo>
                      <a:pt x="586" y="521"/>
                    </a:lnTo>
                    <a:lnTo>
                      <a:pt x="594" y="495"/>
                    </a:lnTo>
                    <a:lnTo>
                      <a:pt x="601" y="482"/>
                    </a:lnTo>
                    <a:lnTo>
                      <a:pt x="608" y="470"/>
                    </a:lnTo>
                    <a:lnTo>
                      <a:pt x="614" y="465"/>
                    </a:lnTo>
                    <a:lnTo>
                      <a:pt x="620" y="459"/>
                    </a:lnTo>
                    <a:lnTo>
                      <a:pt x="627" y="453"/>
                    </a:lnTo>
                    <a:lnTo>
                      <a:pt x="636" y="449"/>
                    </a:lnTo>
                    <a:lnTo>
                      <a:pt x="665" y="437"/>
                    </a:lnTo>
                    <a:lnTo>
                      <a:pt x="699" y="424"/>
                    </a:lnTo>
                    <a:lnTo>
                      <a:pt x="715" y="416"/>
                    </a:lnTo>
                    <a:lnTo>
                      <a:pt x="729" y="405"/>
                    </a:lnTo>
                    <a:lnTo>
                      <a:pt x="734" y="399"/>
                    </a:lnTo>
                    <a:lnTo>
                      <a:pt x="739" y="392"/>
                    </a:lnTo>
                    <a:lnTo>
                      <a:pt x="744" y="385"/>
                    </a:lnTo>
                    <a:lnTo>
                      <a:pt x="747" y="377"/>
                    </a:lnTo>
                    <a:lnTo>
                      <a:pt x="750" y="369"/>
                    </a:lnTo>
                    <a:lnTo>
                      <a:pt x="750" y="361"/>
                    </a:lnTo>
                    <a:lnTo>
                      <a:pt x="750" y="352"/>
                    </a:lnTo>
                    <a:lnTo>
                      <a:pt x="747" y="345"/>
                    </a:lnTo>
                    <a:lnTo>
                      <a:pt x="741" y="328"/>
                    </a:lnTo>
                    <a:lnTo>
                      <a:pt x="733" y="311"/>
                    </a:lnTo>
                    <a:lnTo>
                      <a:pt x="724" y="293"/>
                    </a:lnTo>
                    <a:lnTo>
                      <a:pt x="715" y="275"/>
                    </a:lnTo>
                    <a:lnTo>
                      <a:pt x="712" y="266"/>
                    </a:lnTo>
                    <a:lnTo>
                      <a:pt x="710" y="256"/>
                    </a:lnTo>
                    <a:lnTo>
                      <a:pt x="708" y="246"/>
                    </a:lnTo>
                    <a:lnTo>
                      <a:pt x="708" y="236"/>
                    </a:lnTo>
                    <a:lnTo>
                      <a:pt x="715" y="234"/>
                    </a:lnTo>
                    <a:lnTo>
                      <a:pt x="721" y="231"/>
                    </a:lnTo>
                    <a:lnTo>
                      <a:pt x="726" y="227"/>
                    </a:lnTo>
                    <a:lnTo>
                      <a:pt x="732" y="221"/>
                    </a:lnTo>
                    <a:lnTo>
                      <a:pt x="742" y="211"/>
                    </a:lnTo>
                    <a:lnTo>
                      <a:pt x="754" y="201"/>
                    </a:lnTo>
                    <a:lnTo>
                      <a:pt x="763" y="196"/>
                    </a:lnTo>
                    <a:lnTo>
                      <a:pt x="774" y="192"/>
                    </a:lnTo>
                    <a:lnTo>
                      <a:pt x="785" y="188"/>
                    </a:lnTo>
                    <a:lnTo>
                      <a:pt x="796" y="185"/>
                    </a:lnTo>
                    <a:lnTo>
                      <a:pt x="821" y="181"/>
                    </a:lnTo>
                    <a:lnTo>
                      <a:pt x="846" y="177"/>
                    </a:lnTo>
                    <a:lnTo>
                      <a:pt x="858" y="176"/>
                    </a:lnTo>
                    <a:lnTo>
                      <a:pt x="870" y="174"/>
                    </a:lnTo>
                    <a:lnTo>
                      <a:pt x="882" y="171"/>
                    </a:lnTo>
                    <a:lnTo>
                      <a:pt x="892" y="167"/>
                    </a:lnTo>
                    <a:lnTo>
                      <a:pt x="903" y="162"/>
                    </a:lnTo>
                    <a:lnTo>
                      <a:pt x="912" y="155"/>
                    </a:lnTo>
                    <a:lnTo>
                      <a:pt x="921" y="149"/>
                    </a:lnTo>
                    <a:lnTo>
                      <a:pt x="927" y="140"/>
                    </a:lnTo>
                    <a:lnTo>
                      <a:pt x="938" y="123"/>
                    </a:lnTo>
                    <a:lnTo>
                      <a:pt x="945" y="109"/>
                    </a:lnTo>
                    <a:lnTo>
                      <a:pt x="948" y="100"/>
                    </a:lnTo>
                    <a:lnTo>
                      <a:pt x="949" y="92"/>
                    </a:lnTo>
                    <a:lnTo>
                      <a:pt x="950" y="83"/>
                    </a:lnTo>
                    <a:lnTo>
                      <a:pt x="950" y="73"/>
                    </a:lnTo>
                    <a:lnTo>
                      <a:pt x="950" y="61"/>
                    </a:lnTo>
                    <a:lnTo>
                      <a:pt x="952" y="50"/>
                    </a:lnTo>
                    <a:lnTo>
                      <a:pt x="953" y="41"/>
                    </a:lnTo>
                    <a:lnTo>
                      <a:pt x="956" y="34"/>
                    </a:lnTo>
                    <a:lnTo>
                      <a:pt x="962" y="18"/>
                    </a:lnTo>
                    <a:lnTo>
                      <a:pt x="973" y="0"/>
                    </a:lnTo>
                    <a:lnTo>
                      <a:pt x="973" y="0"/>
                    </a:lnTo>
                    <a:lnTo>
                      <a:pt x="983" y="4"/>
                    </a:lnTo>
                    <a:lnTo>
                      <a:pt x="992" y="9"/>
                    </a:lnTo>
                    <a:lnTo>
                      <a:pt x="1000" y="17"/>
                    </a:lnTo>
                    <a:lnTo>
                      <a:pt x="1006" y="26"/>
                    </a:lnTo>
                    <a:lnTo>
                      <a:pt x="1017" y="45"/>
                    </a:lnTo>
                    <a:lnTo>
                      <a:pt x="1027" y="65"/>
                    </a:lnTo>
                    <a:lnTo>
                      <a:pt x="1036" y="80"/>
                    </a:lnTo>
                    <a:lnTo>
                      <a:pt x="1048" y="92"/>
                    </a:lnTo>
                    <a:lnTo>
                      <a:pt x="1059" y="104"/>
                    </a:lnTo>
                    <a:lnTo>
                      <a:pt x="1072" y="114"/>
                    </a:lnTo>
                    <a:lnTo>
                      <a:pt x="1085" y="124"/>
                    </a:lnTo>
                    <a:lnTo>
                      <a:pt x="1097" y="136"/>
                    </a:lnTo>
                    <a:lnTo>
                      <a:pt x="1102" y="142"/>
                    </a:lnTo>
                    <a:lnTo>
                      <a:pt x="1107" y="149"/>
                    </a:lnTo>
                    <a:lnTo>
                      <a:pt x="1111" y="157"/>
                    </a:lnTo>
                    <a:lnTo>
                      <a:pt x="1115" y="164"/>
                    </a:lnTo>
                    <a:lnTo>
                      <a:pt x="1124" y="184"/>
                    </a:lnTo>
                    <a:lnTo>
                      <a:pt x="1136" y="201"/>
                    </a:lnTo>
                    <a:lnTo>
                      <a:pt x="1149" y="215"/>
                    </a:lnTo>
                    <a:lnTo>
                      <a:pt x="1162" y="228"/>
                    </a:lnTo>
                    <a:lnTo>
                      <a:pt x="1177" y="241"/>
                    </a:lnTo>
                    <a:lnTo>
                      <a:pt x="1194" y="251"/>
                    </a:lnTo>
                    <a:lnTo>
                      <a:pt x="1211" y="262"/>
                    </a:lnTo>
                    <a:lnTo>
                      <a:pt x="1229" y="272"/>
                    </a:lnTo>
                    <a:lnTo>
                      <a:pt x="1250" y="293"/>
                    </a:lnTo>
                    <a:lnTo>
                      <a:pt x="1269" y="315"/>
                    </a:lnTo>
                    <a:lnTo>
                      <a:pt x="1280" y="325"/>
                    </a:lnTo>
                    <a:lnTo>
                      <a:pt x="1289" y="335"/>
                    </a:lnTo>
                    <a:lnTo>
                      <a:pt x="1300" y="346"/>
                    </a:lnTo>
                    <a:lnTo>
                      <a:pt x="1311" y="355"/>
                    </a:lnTo>
                    <a:lnTo>
                      <a:pt x="1330" y="368"/>
                    </a:lnTo>
                    <a:lnTo>
                      <a:pt x="1351" y="381"/>
                    </a:lnTo>
                    <a:lnTo>
                      <a:pt x="1373" y="392"/>
                    </a:lnTo>
                    <a:lnTo>
                      <a:pt x="1395" y="404"/>
                    </a:lnTo>
                    <a:lnTo>
                      <a:pt x="1406" y="408"/>
                    </a:lnTo>
                    <a:lnTo>
                      <a:pt x="1418" y="412"/>
                    </a:lnTo>
                    <a:lnTo>
                      <a:pt x="1430" y="416"/>
                    </a:lnTo>
                    <a:lnTo>
                      <a:pt x="1441" y="418"/>
                    </a:lnTo>
                    <a:lnTo>
                      <a:pt x="1453" y="420"/>
                    </a:lnTo>
                    <a:lnTo>
                      <a:pt x="1466" y="420"/>
                    </a:lnTo>
                    <a:lnTo>
                      <a:pt x="1478" y="420"/>
                    </a:lnTo>
                    <a:lnTo>
                      <a:pt x="1489" y="417"/>
                    </a:lnTo>
                    <a:lnTo>
                      <a:pt x="1513" y="413"/>
                    </a:lnTo>
                    <a:lnTo>
                      <a:pt x="1537" y="411"/>
                    </a:lnTo>
                    <a:lnTo>
                      <a:pt x="1563" y="408"/>
                    </a:lnTo>
                    <a:lnTo>
                      <a:pt x="1589" y="405"/>
                    </a:lnTo>
                    <a:lnTo>
                      <a:pt x="1616" y="402"/>
                    </a:lnTo>
                    <a:lnTo>
                      <a:pt x="1641" y="396"/>
                    </a:lnTo>
                    <a:lnTo>
                      <a:pt x="1653" y="392"/>
                    </a:lnTo>
                    <a:lnTo>
                      <a:pt x="1664" y="389"/>
                    </a:lnTo>
                    <a:lnTo>
                      <a:pt x="1676" y="385"/>
                    </a:lnTo>
                    <a:lnTo>
                      <a:pt x="1686" y="380"/>
                    </a:lnTo>
                    <a:lnTo>
                      <a:pt x="1755" y="346"/>
                    </a:lnTo>
                    <a:lnTo>
                      <a:pt x="1754" y="346"/>
                    </a:lnTo>
                    <a:lnTo>
                      <a:pt x="1754" y="357"/>
                    </a:lnTo>
                    <a:lnTo>
                      <a:pt x="1754" y="369"/>
                    </a:lnTo>
                    <a:lnTo>
                      <a:pt x="1752" y="382"/>
                    </a:lnTo>
                    <a:lnTo>
                      <a:pt x="1751" y="395"/>
                    </a:lnTo>
                    <a:lnTo>
                      <a:pt x="1751" y="405"/>
                    </a:lnTo>
                    <a:lnTo>
                      <a:pt x="1752" y="420"/>
                    </a:lnTo>
                    <a:lnTo>
                      <a:pt x="1755" y="435"/>
                    </a:lnTo>
                    <a:lnTo>
                      <a:pt x="1759" y="452"/>
                    </a:lnTo>
                    <a:lnTo>
                      <a:pt x="1764" y="470"/>
                    </a:lnTo>
                    <a:lnTo>
                      <a:pt x="1769" y="486"/>
                    </a:lnTo>
                    <a:lnTo>
                      <a:pt x="1774" y="497"/>
                    </a:lnTo>
                    <a:lnTo>
                      <a:pt x="1781" y="506"/>
                    </a:lnTo>
                    <a:lnTo>
                      <a:pt x="1798" y="518"/>
                    </a:lnTo>
                    <a:lnTo>
                      <a:pt x="1813" y="526"/>
                    </a:lnTo>
                    <a:lnTo>
                      <a:pt x="1820" y="531"/>
                    </a:lnTo>
                    <a:lnTo>
                      <a:pt x="1825" y="538"/>
                    </a:lnTo>
                    <a:lnTo>
                      <a:pt x="1830" y="545"/>
                    </a:lnTo>
                    <a:lnTo>
                      <a:pt x="1833" y="557"/>
                    </a:lnTo>
                    <a:lnTo>
                      <a:pt x="1837" y="578"/>
                    </a:lnTo>
                    <a:lnTo>
                      <a:pt x="1840" y="596"/>
                    </a:lnTo>
                    <a:lnTo>
                      <a:pt x="1846" y="611"/>
                    </a:lnTo>
                    <a:lnTo>
                      <a:pt x="1852" y="626"/>
                    </a:lnTo>
                    <a:lnTo>
                      <a:pt x="1856" y="632"/>
                    </a:lnTo>
                    <a:lnTo>
                      <a:pt x="1861" y="639"/>
                    </a:lnTo>
                    <a:lnTo>
                      <a:pt x="1866" y="644"/>
                    </a:lnTo>
                    <a:lnTo>
                      <a:pt x="1873" y="649"/>
                    </a:lnTo>
                    <a:lnTo>
                      <a:pt x="1881" y="654"/>
                    </a:lnTo>
                    <a:lnTo>
                      <a:pt x="1890" y="659"/>
                    </a:lnTo>
                    <a:lnTo>
                      <a:pt x="1900" y="663"/>
                    </a:lnTo>
                    <a:lnTo>
                      <a:pt x="1912" y="667"/>
                    </a:lnTo>
                    <a:lnTo>
                      <a:pt x="1910" y="675"/>
                    </a:lnTo>
                    <a:lnTo>
                      <a:pt x="1909" y="677"/>
                    </a:lnTo>
                    <a:lnTo>
                      <a:pt x="1908" y="680"/>
                    </a:lnTo>
                    <a:lnTo>
                      <a:pt x="1905" y="684"/>
                    </a:lnTo>
                    <a:lnTo>
                      <a:pt x="1901" y="694"/>
                    </a:lnTo>
                    <a:lnTo>
                      <a:pt x="1899" y="705"/>
                    </a:lnTo>
                    <a:lnTo>
                      <a:pt x="1897" y="710"/>
                    </a:lnTo>
                    <a:lnTo>
                      <a:pt x="1899" y="715"/>
                    </a:lnTo>
                    <a:lnTo>
                      <a:pt x="1899" y="720"/>
                    </a:lnTo>
                    <a:lnTo>
                      <a:pt x="1901" y="725"/>
                    </a:lnTo>
                    <a:lnTo>
                      <a:pt x="1907" y="737"/>
                    </a:lnTo>
                    <a:lnTo>
                      <a:pt x="1910" y="749"/>
                    </a:lnTo>
                    <a:lnTo>
                      <a:pt x="1914" y="760"/>
                    </a:lnTo>
                    <a:lnTo>
                      <a:pt x="1916" y="773"/>
                    </a:lnTo>
                    <a:lnTo>
                      <a:pt x="1921" y="828"/>
                    </a:lnTo>
                    <a:lnTo>
                      <a:pt x="1921" y="828"/>
                    </a:lnTo>
                    <a:lnTo>
                      <a:pt x="1907" y="830"/>
                    </a:lnTo>
                    <a:lnTo>
                      <a:pt x="1888" y="833"/>
                    </a:lnTo>
                    <a:lnTo>
                      <a:pt x="1868" y="834"/>
                    </a:lnTo>
                    <a:lnTo>
                      <a:pt x="1846" y="834"/>
                    </a:lnTo>
                    <a:lnTo>
                      <a:pt x="1825" y="833"/>
                    </a:lnTo>
                    <a:lnTo>
                      <a:pt x="1806" y="829"/>
                    </a:lnTo>
                    <a:lnTo>
                      <a:pt x="1796" y="826"/>
                    </a:lnTo>
                    <a:lnTo>
                      <a:pt x="1789" y="824"/>
                    </a:lnTo>
                    <a:lnTo>
                      <a:pt x="1782" y="820"/>
                    </a:lnTo>
                    <a:lnTo>
                      <a:pt x="1778" y="816"/>
                    </a:lnTo>
                    <a:lnTo>
                      <a:pt x="1772" y="807"/>
                    </a:lnTo>
                    <a:lnTo>
                      <a:pt x="1767" y="799"/>
                    </a:lnTo>
                    <a:lnTo>
                      <a:pt x="1763" y="790"/>
                    </a:lnTo>
                    <a:lnTo>
                      <a:pt x="1760" y="781"/>
                    </a:lnTo>
                    <a:lnTo>
                      <a:pt x="1758" y="763"/>
                    </a:lnTo>
                    <a:lnTo>
                      <a:pt x="1755" y="747"/>
                    </a:lnTo>
                    <a:lnTo>
                      <a:pt x="1754" y="740"/>
                    </a:lnTo>
                    <a:lnTo>
                      <a:pt x="1751" y="733"/>
                    </a:lnTo>
                    <a:lnTo>
                      <a:pt x="1747" y="727"/>
                    </a:lnTo>
                    <a:lnTo>
                      <a:pt x="1743" y="722"/>
                    </a:lnTo>
                    <a:lnTo>
                      <a:pt x="1736" y="718"/>
                    </a:lnTo>
                    <a:lnTo>
                      <a:pt x="1728" y="715"/>
                    </a:lnTo>
                    <a:lnTo>
                      <a:pt x="1716" y="712"/>
                    </a:lnTo>
                    <a:lnTo>
                      <a:pt x="1703" y="712"/>
                    </a:lnTo>
                    <a:lnTo>
                      <a:pt x="1666" y="714"/>
                    </a:lnTo>
                    <a:lnTo>
                      <a:pt x="1627" y="719"/>
                    </a:lnTo>
                    <a:lnTo>
                      <a:pt x="1607" y="720"/>
                    </a:lnTo>
                    <a:lnTo>
                      <a:pt x="1588" y="720"/>
                    </a:lnTo>
                    <a:lnTo>
                      <a:pt x="1579" y="719"/>
                    </a:lnTo>
                    <a:lnTo>
                      <a:pt x="1570" y="718"/>
                    </a:lnTo>
                    <a:lnTo>
                      <a:pt x="1562" y="716"/>
                    </a:lnTo>
                    <a:lnTo>
                      <a:pt x="1554" y="714"/>
                    </a:lnTo>
                    <a:lnTo>
                      <a:pt x="1539" y="709"/>
                    </a:lnTo>
                    <a:lnTo>
                      <a:pt x="1524" y="705"/>
                    </a:lnTo>
                    <a:lnTo>
                      <a:pt x="1517" y="703"/>
                    </a:lnTo>
                    <a:lnTo>
                      <a:pt x="1509" y="703"/>
                    </a:lnTo>
                    <a:lnTo>
                      <a:pt x="1501" y="703"/>
                    </a:lnTo>
                    <a:lnTo>
                      <a:pt x="1493" y="705"/>
                    </a:lnTo>
                    <a:lnTo>
                      <a:pt x="1474" y="712"/>
                    </a:lnTo>
                    <a:lnTo>
                      <a:pt x="1456" y="719"/>
                    </a:lnTo>
                    <a:lnTo>
                      <a:pt x="1447" y="722"/>
                    </a:lnTo>
                    <a:lnTo>
                      <a:pt x="1438" y="722"/>
                    </a:lnTo>
                    <a:lnTo>
                      <a:pt x="1427" y="722"/>
                    </a:lnTo>
                    <a:lnTo>
                      <a:pt x="1414" y="719"/>
                    </a:lnTo>
                    <a:lnTo>
                      <a:pt x="1394" y="710"/>
                    </a:lnTo>
                    <a:lnTo>
                      <a:pt x="1378" y="702"/>
                    </a:lnTo>
                    <a:lnTo>
                      <a:pt x="1370" y="699"/>
                    </a:lnTo>
                    <a:lnTo>
                      <a:pt x="1361" y="698"/>
                    </a:lnTo>
                    <a:lnTo>
                      <a:pt x="1351" y="699"/>
                    </a:lnTo>
                    <a:lnTo>
                      <a:pt x="1338" y="702"/>
                    </a:lnTo>
                    <a:lnTo>
                      <a:pt x="1330" y="703"/>
                    </a:lnTo>
                    <a:lnTo>
                      <a:pt x="1324" y="705"/>
                    </a:lnTo>
                    <a:lnTo>
                      <a:pt x="1318" y="705"/>
                    </a:lnTo>
                    <a:lnTo>
                      <a:pt x="1315" y="703"/>
                    </a:lnTo>
                    <a:lnTo>
                      <a:pt x="1304" y="701"/>
                    </a:lnTo>
                    <a:lnTo>
                      <a:pt x="1292" y="698"/>
                    </a:lnTo>
                    <a:lnTo>
                      <a:pt x="1281" y="692"/>
                    </a:lnTo>
                    <a:lnTo>
                      <a:pt x="1268" y="685"/>
                    </a:lnTo>
                    <a:lnTo>
                      <a:pt x="1252" y="679"/>
                    </a:lnTo>
                    <a:lnTo>
                      <a:pt x="1235" y="674"/>
                    </a:lnTo>
                    <a:lnTo>
                      <a:pt x="1203" y="665"/>
                    </a:lnTo>
                    <a:lnTo>
                      <a:pt x="1176" y="658"/>
                    </a:lnTo>
                    <a:lnTo>
                      <a:pt x="1160" y="654"/>
                    </a:lnTo>
                    <a:lnTo>
                      <a:pt x="1146" y="653"/>
                    </a:lnTo>
                    <a:lnTo>
                      <a:pt x="1133" y="652"/>
                    </a:lnTo>
                    <a:lnTo>
                      <a:pt x="1120" y="652"/>
                    </a:lnTo>
                    <a:lnTo>
                      <a:pt x="1109" y="652"/>
                    </a:lnTo>
                    <a:lnTo>
                      <a:pt x="1097" y="654"/>
                    </a:lnTo>
                    <a:lnTo>
                      <a:pt x="1085" y="657"/>
                    </a:lnTo>
                    <a:lnTo>
                      <a:pt x="1075" y="661"/>
                    </a:lnTo>
                    <a:lnTo>
                      <a:pt x="1063" y="665"/>
                    </a:lnTo>
                    <a:lnTo>
                      <a:pt x="1053" y="670"/>
                    </a:lnTo>
                    <a:lnTo>
                      <a:pt x="1042" y="675"/>
                    </a:lnTo>
                    <a:lnTo>
                      <a:pt x="1032" y="683"/>
                    </a:lnTo>
                    <a:lnTo>
                      <a:pt x="1010" y="697"/>
                    </a:lnTo>
                    <a:lnTo>
                      <a:pt x="988" y="715"/>
                    </a:lnTo>
                    <a:lnTo>
                      <a:pt x="966" y="734"/>
                    </a:lnTo>
                    <a:lnTo>
                      <a:pt x="947" y="749"/>
                    </a:lnTo>
                    <a:lnTo>
                      <a:pt x="941" y="751"/>
                    </a:lnTo>
                    <a:lnTo>
                      <a:pt x="936" y="754"/>
                    </a:lnTo>
                    <a:lnTo>
                      <a:pt x="930" y="755"/>
                    </a:lnTo>
                    <a:lnTo>
                      <a:pt x="923" y="755"/>
                    </a:lnTo>
                    <a:lnTo>
                      <a:pt x="917" y="754"/>
                    </a:lnTo>
                    <a:lnTo>
                      <a:pt x="910" y="753"/>
                    </a:lnTo>
                    <a:lnTo>
                      <a:pt x="903" y="750"/>
                    </a:lnTo>
                    <a:lnTo>
                      <a:pt x="895" y="745"/>
                    </a:lnTo>
                    <a:lnTo>
                      <a:pt x="871" y="725"/>
                    </a:lnTo>
                    <a:lnTo>
                      <a:pt x="840" y="697"/>
                    </a:lnTo>
                    <a:lnTo>
                      <a:pt x="824" y="683"/>
                    </a:lnTo>
                    <a:lnTo>
                      <a:pt x="809" y="672"/>
                    </a:lnTo>
                    <a:lnTo>
                      <a:pt x="803" y="668"/>
                    </a:lnTo>
                    <a:lnTo>
                      <a:pt x="796" y="666"/>
                    </a:lnTo>
                    <a:lnTo>
                      <a:pt x="792" y="665"/>
                    </a:lnTo>
                    <a:lnTo>
                      <a:pt x="789" y="666"/>
                    </a:lnTo>
                    <a:lnTo>
                      <a:pt x="781" y="671"/>
                    </a:lnTo>
                    <a:lnTo>
                      <a:pt x="773" y="679"/>
                    </a:lnTo>
                    <a:lnTo>
                      <a:pt x="767" y="688"/>
                    </a:lnTo>
                    <a:lnTo>
                      <a:pt x="760" y="698"/>
                    </a:lnTo>
                    <a:lnTo>
                      <a:pt x="754" y="709"/>
                    </a:lnTo>
                    <a:lnTo>
                      <a:pt x="748" y="719"/>
                    </a:lnTo>
                    <a:lnTo>
                      <a:pt x="744" y="729"/>
                    </a:lnTo>
                    <a:lnTo>
                      <a:pt x="742" y="738"/>
                    </a:lnTo>
                    <a:lnTo>
                      <a:pt x="737" y="751"/>
                    </a:lnTo>
                    <a:lnTo>
                      <a:pt x="733" y="766"/>
                    </a:lnTo>
                    <a:lnTo>
                      <a:pt x="729" y="779"/>
                    </a:lnTo>
                    <a:lnTo>
                      <a:pt x="726" y="793"/>
                    </a:lnTo>
                    <a:lnTo>
                      <a:pt x="724" y="821"/>
                    </a:lnTo>
                    <a:lnTo>
                      <a:pt x="722" y="850"/>
                    </a:lnTo>
                    <a:lnTo>
                      <a:pt x="724" y="855"/>
                    </a:lnTo>
                    <a:lnTo>
                      <a:pt x="725" y="859"/>
                    </a:lnTo>
                    <a:lnTo>
                      <a:pt x="726" y="864"/>
                    </a:lnTo>
                    <a:lnTo>
                      <a:pt x="729" y="869"/>
                    </a:lnTo>
                    <a:lnTo>
                      <a:pt x="735" y="878"/>
                    </a:lnTo>
                    <a:lnTo>
                      <a:pt x="743" y="886"/>
                    </a:lnTo>
                    <a:lnTo>
                      <a:pt x="761" y="902"/>
                    </a:lnTo>
                    <a:lnTo>
                      <a:pt x="777" y="915"/>
                    </a:lnTo>
                    <a:lnTo>
                      <a:pt x="787" y="925"/>
                    </a:lnTo>
                    <a:lnTo>
                      <a:pt x="795" y="935"/>
                    </a:lnTo>
                    <a:lnTo>
                      <a:pt x="803" y="947"/>
                    </a:lnTo>
                    <a:lnTo>
                      <a:pt x="809" y="957"/>
                    </a:lnTo>
                    <a:lnTo>
                      <a:pt x="814" y="969"/>
                    </a:lnTo>
                    <a:lnTo>
                      <a:pt x="818" y="979"/>
                    </a:lnTo>
                    <a:lnTo>
                      <a:pt x="822" y="991"/>
                    </a:lnTo>
                    <a:lnTo>
                      <a:pt x="825" y="1003"/>
                    </a:lnTo>
                    <a:lnTo>
                      <a:pt x="831" y="1026"/>
                    </a:lnTo>
                    <a:lnTo>
                      <a:pt x="836" y="1051"/>
                    </a:lnTo>
                    <a:lnTo>
                      <a:pt x="843" y="1075"/>
                    </a:lnTo>
                    <a:lnTo>
                      <a:pt x="853" y="1100"/>
                    </a:lnTo>
                    <a:lnTo>
                      <a:pt x="860" y="1114"/>
                    </a:lnTo>
                    <a:lnTo>
                      <a:pt x="869" y="1127"/>
                    </a:lnTo>
                    <a:lnTo>
                      <a:pt x="878" y="1141"/>
                    </a:lnTo>
                    <a:lnTo>
                      <a:pt x="888" y="1155"/>
                    </a:lnTo>
                    <a:lnTo>
                      <a:pt x="897" y="1168"/>
                    </a:lnTo>
                    <a:lnTo>
                      <a:pt x="906" y="1183"/>
                    </a:lnTo>
                    <a:lnTo>
                      <a:pt x="914" y="1196"/>
                    </a:lnTo>
                    <a:lnTo>
                      <a:pt x="919" y="1209"/>
                    </a:lnTo>
                    <a:lnTo>
                      <a:pt x="944" y="1229"/>
                    </a:lnTo>
                    <a:lnTo>
                      <a:pt x="970" y="1250"/>
                    </a:lnTo>
                    <a:lnTo>
                      <a:pt x="983" y="1260"/>
                    </a:lnTo>
                    <a:lnTo>
                      <a:pt x="993" y="1272"/>
                    </a:lnTo>
                    <a:lnTo>
                      <a:pt x="1004" y="1285"/>
                    </a:lnTo>
                    <a:lnTo>
                      <a:pt x="1014" y="1299"/>
                    </a:lnTo>
                    <a:lnTo>
                      <a:pt x="1027" y="1325"/>
                    </a:lnTo>
                    <a:lnTo>
                      <a:pt x="1037" y="1345"/>
                    </a:lnTo>
                    <a:lnTo>
                      <a:pt x="1042" y="1355"/>
                    </a:lnTo>
                    <a:lnTo>
                      <a:pt x="1050" y="1364"/>
                    </a:lnTo>
                    <a:lnTo>
                      <a:pt x="1059" y="1373"/>
                    </a:lnTo>
                    <a:lnTo>
                      <a:pt x="1071" y="1383"/>
                    </a:lnTo>
                    <a:lnTo>
                      <a:pt x="1101" y="1411"/>
                    </a:lnTo>
                    <a:lnTo>
                      <a:pt x="1137" y="1446"/>
                    </a:lnTo>
                    <a:lnTo>
                      <a:pt x="1155" y="1462"/>
                    </a:lnTo>
                    <a:lnTo>
                      <a:pt x="1173" y="1477"/>
                    </a:lnTo>
                    <a:lnTo>
                      <a:pt x="1181" y="1482"/>
                    </a:lnTo>
                    <a:lnTo>
                      <a:pt x="1190" y="1487"/>
                    </a:lnTo>
                    <a:lnTo>
                      <a:pt x="1198" y="1490"/>
                    </a:lnTo>
                    <a:lnTo>
                      <a:pt x="1204" y="1491"/>
                    </a:lnTo>
                    <a:lnTo>
                      <a:pt x="1213" y="1492"/>
                    </a:lnTo>
                    <a:lnTo>
                      <a:pt x="1220" y="1494"/>
                    </a:lnTo>
                    <a:lnTo>
                      <a:pt x="1226" y="1496"/>
                    </a:lnTo>
                    <a:lnTo>
                      <a:pt x="1230" y="1499"/>
                    </a:lnTo>
                    <a:lnTo>
                      <a:pt x="1233" y="1503"/>
                    </a:lnTo>
                    <a:lnTo>
                      <a:pt x="1234" y="1507"/>
                    </a:lnTo>
                    <a:lnTo>
                      <a:pt x="1235" y="1510"/>
                    </a:lnTo>
                    <a:lnTo>
                      <a:pt x="1235" y="1516"/>
                    </a:lnTo>
                    <a:lnTo>
                      <a:pt x="1235" y="1526"/>
                    </a:lnTo>
                    <a:lnTo>
                      <a:pt x="1234" y="1539"/>
                    </a:lnTo>
                    <a:lnTo>
                      <a:pt x="1235" y="1545"/>
                    </a:lnTo>
                    <a:lnTo>
                      <a:pt x="1235" y="1552"/>
                    </a:lnTo>
                    <a:lnTo>
                      <a:pt x="1238" y="1560"/>
                    </a:lnTo>
                    <a:lnTo>
                      <a:pt x="1241" y="1566"/>
                    </a:lnTo>
                    <a:lnTo>
                      <a:pt x="1260" y="1583"/>
                    </a:lnTo>
                    <a:lnTo>
                      <a:pt x="1274" y="1593"/>
                    </a:lnTo>
                    <a:lnTo>
                      <a:pt x="1277" y="1602"/>
                    </a:lnTo>
                    <a:lnTo>
                      <a:pt x="1281" y="1611"/>
                    </a:lnTo>
                    <a:lnTo>
                      <a:pt x="1286" y="1619"/>
                    </a:lnTo>
                    <a:lnTo>
                      <a:pt x="1291" y="1626"/>
                    </a:lnTo>
                    <a:lnTo>
                      <a:pt x="1305" y="1639"/>
                    </a:lnTo>
                    <a:lnTo>
                      <a:pt x="1320" y="1650"/>
                    </a:lnTo>
                    <a:lnTo>
                      <a:pt x="1327" y="1656"/>
                    </a:lnTo>
                    <a:lnTo>
                      <a:pt x="1334" y="1662"/>
                    </a:lnTo>
                    <a:lnTo>
                      <a:pt x="1340" y="1668"/>
                    </a:lnTo>
                    <a:lnTo>
                      <a:pt x="1346" y="1675"/>
                    </a:lnTo>
                    <a:lnTo>
                      <a:pt x="1351" y="1683"/>
                    </a:lnTo>
                    <a:lnTo>
                      <a:pt x="1353" y="1692"/>
                    </a:lnTo>
                    <a:lnTo>
                      <a:pt x="1356" y="1701"/>
                    </a:lnTo>
                    <a:lnTo>
                      <a:pt x="1356" y="1711"/>
                    </a:lnTo>
                    <a:lnTo>
                      <a:pt x="1322" y="1736"/>
                    </a:lnTo>
                    <a:lnTo>
                      <a:pt x="1322" y="173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7" name="Freeform 142">
                <a:extLst>
                  <a:ext uri="{FF2B5EF4-FFF2-40B4-BE49-F238E27FC236}">
                    <a16:creationId xmlns:a16="http://schemas.microsoft.com/office/drawing/2014/main" id="{20920B08-3A86-9C46-A13C-752D6A36B8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86483" y="3827690"/>
                <a:ext cx="892628" cy="512991"/>
              </a:xfrm>
              <a:custGeom>
                <a:avLst/>
                <a:gdLst/>
                <a:ahLst/>
                <a:cxnLst>
                  <a:cxn ang="0">
                    <a:pos x="797" y="88"/>
                  </a:cxn>
                  <a:cxn ang="0">
                    <a:pos x="863" y="67"/>
                  </a:cxn>
                  <a:cxn ang="0">
                    <a:pos x="917" y="59"/>
                  </a:cxn>
                  <a:cxn ang="0">
                    <a:pos x="947" y="94"/>
                  </a:cxn>
                  <a:cxn ang="0">
                    <a:pos x="1008" y="159"/>
                  </a:cxn>
                  <a:cxn ang="0">
                    <a:pos x="1165" y="221"/>
                  </a:cxn>
                  <a:cxn ang="0">
                    <a:pos x="1228" y="257"/>
                  </a:cxn>
                  <a:cxn ang="0">
                    <a:pos x="1202" y="320"/>
                  </a:cxn>
                  <a:cxn ang="0">
                    <a:pos x="1249" y="401"/>
                  </a:cxn>
                  <a:cxn ang="0">
                    <a:pos x="1314" y="475"/>
                  </a:cxn>
                  <a:cxn ang="0">
                    <a:pos x="1333" y="457"/>
                  </a:cxn>
                  <a:cxn ang="0">
                    <a:pos x="1359" y="432"/>
                  </a:cxn>
                  <a:cxn ang="0">
                    <a:pos x="1364" y="375"/>
                  </a:cxn>
                  <a:cxn ang="0">
                    <a:pos x="1389" y="345"/>
                  </a:cxn>
                  <a:cxn ang="0">
                    <a:pos x="1452" y="373"/>
                  </a:cxn>
                  <a:cxn ang="0">
                    <a:pos x="1583" y="378"/>
                  </a:cxn>
                  <a:cxn ang="0">
                    <a:pos x="1633" y="380"/>
                  </a:cxn>
                  <a:cxn ang="0">
                    <a:pos x="1625" y="423"/>
                  </a:cxn>
                  <a:cxn ang="0">
                    <a:pos x="1653" y="488"/>
                  </a:cxn>
                  <a:cxn ang="0">
                    <a:pos x="1688" y="511"/>
                  </a:cxn>
                  <a:cxn ang="0">
                    <a:pos x="1722" y="497"/>
                  </a:cxn>
                  <a:cxn ang="0">
                    <a:pos x="1769" y="542"/>
                  </a:cxn>
                  <a:cxn ang="0">
                    <a:pos x="1839" y="551"/>
                  </a:cxn>
                  <a:cxn ang="0">
                    <a:pos x="1879" y="576"/>
                  </a:cxn>
                  <a:cxn ang="0">
                    <a:pos x="1914" y="664"/>
                  </a:cxn>
                  <a:cxn ang="0">
                    <a:pos x="1805" y="825"/>
                  </a:cxn>
                  <a:cxn ang="0">
                    <a:pos x="1728" y="930"/>
                  </a:cxn>
                  <a:cxn ang="0">
                    <a:pos x="1657" y="1002"/>
                  </a:cxn>
                  <a:cxn ang="0">
                    <a:pos x="1570" y="1036"/>
                  </a:cxn>
                  <a:cxn ang="0">
                    <a:pos x="1424" y="1049"/>
                  </a:cxn>
                  <a:cxn ang="0">
                    <a:pos x="1359" y="1110"/>
                  </a:cxn>
                  <a:cxn ang="0">
                    <a:pos x="1304" y="1095"/>
                  </a:cxn>
                  <a:cxn ang="0">
                    <a:pos x="1202" y="1059"/>
                  </a:cxn>
                  <a:cxn ang="0">
                    <a:pos x="1065" y="1064"/>
                  </a:cxn>
                  <a:cxn ang="0">
                    <a:pos x="981" y="1046"/>
                  </a:cxn>
                  <a:cxn ang="0">
                    <a:pos x="825" y="939"/>
                  </a:cxn>
                  <a:cxn ang="0">
                    <a:pos x="759" y="932"/>
                  </a:cxn>
                  <a:cxn ang="0">
                    <a:pos x="733" y="991"/>
                  </a:cxn>
                  <a:cxn ang="0">
                    <a:pos x="699" y="1031"/>
                  </a:cxn>
                  <a:cxn ang="0">
                    <a:pos x="614" y="1076"/>
                  </a:cxn>
                  <a:cxn ang="0">
                    <a:pos x="542" y="1121"/>
                  </a:cxn>
                  <a:cxn ang="0">
                    <a:pos x="494" y="1111"/>
                  </a:cxn>
                  <a:cxn ang="0">
                    <a:pos x="428" y="1045"/>
                  </a:cxn>
                  <a:cxn ang="0">
                    <a:pos x="334" y="908"/>
                  </a:cxn>
                  <a:cxn ang="0">
                    <a:pos x="280" y="812"/>
                  </a:cxn>
                  <a:cxn ang="0">
                    <a:pos x="227" y="720"/>
                  </a:cxn>
                  <a:cxn ang="0">
                    <a:pos x="94" y="583"/>
                  </a:cxn>
                  <a:cxn ang="0">
                    <a:pos x="49" y="523"/>
                  </a:cxn>
                  <a:cxn ang="0">
                    <a:pos x="56" y="427"/>
                  </a:cxn>
                  <a:cxn ang="0">
                    <a:pos x="40" y="383"/>
                  </a:cxn>
                  <a:cxn ang="0">
                    <a:pos x="3" y="320"/>
                  </a:cxn>
                  <a:cxn ang="0">
                    <a:pos x="48" y="300"/>
                  </a:cxn>
                  <a:cxn ang="0">
                    <a:pos x="81" y="253"/>
                  </a:cxn>
                  <a:cxn ang="0">
                    <a:pos x="152" y="220"/>
                  </a:cxn>
                  <a:cxn ang="0">
                    <a:pos x="255" y="189"/>
                  </a:cxn>
                  <a:cxn ang="0">
                    <a:pos x="366" y="127"/>
                  </a:cxn>
                  <a:cxn ang="0">
                    <a:pos x="493" y="76"/>
                  </a:cxn>
                  <a:cxn ang="0">
                    <a:pos x="582" y="48"/>
                  </a:cxn>
                  <a:cxn ang="0">
                    <a:pos x="654" y="9"/>
                  </a:cxn>
                  <a:cxn ang="0">
                    <a:pos x="695" y="5"/>
                  </a:cxn>
                </a:cxnLst>
                <a:rect l="0" t="0" r="r" b="b"/>
                <a:pathLst>
                  <a:path w="1962" h="1137">
                    <a:moveTo>
                      <a:pt x="745" y="59"/>
                    </a:moveTo>
                    <a:lnTo>
                      <a:pt x="758" y="70"/>
                    </a:lnTo>
                    <a:lnTo>
                      <a:pt x="768" y="77"/>
                    </a:lnTo>
                    <a:lnTo>
                      <a:pt x="779" y="82"/>
                    </a:lnTo>
                    <a:lnTo>
                      <a:pt x="788" y="86"/>
                    </a:lnTo>
                    <a:lnTo>
                      <a:pt x="797" y="88"/>
                    </a:lnTo>
                    <a:lnTo>
                      <a:pt x="805" y="89"/>
                    </a:lnTo>
                    <a:lnTo>
                      <a:pt x="813" y="88"/>
                    </a:lnTo>
                    <a:lnTo>
                      <a:pt x="820" y="86"/>
                    </a:lnTo>
                    <a:lnTo>
                      <a:pt x="837" y="80"/>
                    </a:lnTo>
                    <a:lnTo>
                      <a:pt x="854" y="72"/>
                    </a:lnTo>
                    <a:lnTo>
                      <a:pt x="863" y="67"/>
                    </a:lnTo>
                    <a:lnTo>
                      <a:pt x="873" y="63"/>
                    </a:lnTo>
                    <a:lnTo>
                      <a:pt x="885" y="60"/>
                    </a:lnTo>
                    <a:lnTo>
                      <a:pt x="897" y="58"/>
                    </a:lnTo>
                    <a:lnTo>
                      <a:pt x="904" y="57"/>
                    </a:lnTo>
                    <a:lnTo>
                      <a:pt x="912" y="57"/>
                    </a:lnTo>
                    <a:lnTo>
                      <a:pt x="917" y="59"/>
                    </a:lnTo>
                    <a:lnTo>
                      <a:pt x="924" y="62"/>
                    </a:lnTo>
                    <a:lnTo>
                      <a:pt x="928" y="66"/>
                    </a:lnTo>
                    <a:lnTo>
                      <a:pt x="933" y="70"/>
                    </a:lnTo>
                    <a:lnTo>
                      <a:pt x="937" y="75"/>
                    </a:lnTo>
                    <a:lnTo>
                      <a:pt x="941" y="81"/>
                    </a:lnTo>
                    <a:lnTo>
                      <a:pt x="947" y="94"/>
                    </a:lnTo>
                    <a:lnTo>
                      <a:pt x="955" y="107"/>
                    </a:lnTo>
                    <a:lnTo>
                      <a:pt x="963" y="120"/>
                    </a:lnTo>
                    <a:lnTo>
                      <a:pt x="972" y="130"/>
                    </a:lnTo>
                    <a:lnTo>
                      <a:pt x="984" y="141"/>
                    </a:lnTo>
                    <a:lnTo>
                      <a:pt x="995" y="151"/>
                    </a:lnTo>
                    <a:lnTo>
                      <a:pt x="1008" y="159"/>
                    </a:lnTo>
                    <a:lnTo>
                      <a:pt x="1021" y="168"/>
                    </a:lnTo>
                    <a:lnTo>
                      <a:pt x="1048" y="182"/>
                    </a:lnTo>
                    <a:lnTo>
                      <a:pt x="1077" y="194"/>
                    </a:lnTo>
                    <a:lnTo>
                      <a:pt x="1107" y="204"/>
                    </a:lnTo>
                    <a:lnTo>
                      <a:pt x="1136" y="213"/>
                    </a:lnTo>
                    <a:lnTo>
                      <a:pt x="1165" y="221"/>
                    </a:lnTo>
                    <a:lnTo>
                      <a:pt x="1193" y="229"/>
                    </a:lnTo>
                    <a:lnTo>
                      <a:pt x="1206" y="233"/>
                    </a:lnTo>
                    <a:lnTo>
                      <a:pt x="1217" y="238"/>
                    </a:lnTo>
                    <a:lnTo>
                      <a:pt x="1223" y="244"/>
                    </a:lnTo>
                    <a:lnTo>
                      <a:pt x="1227" y="251"/>
                    </a:lnTo>
                    <a:lnTo>
                      <a:pt x="1228" y="257"/>
                    </a:lnTo>
                    <a:lnTo>
                      <a:pt x="1228" y="265"/>
                    </a:lnTo>
                    <a:lnTo>
                      <a:pt x="1227" y="273"/>
                    </a:lnTo>
                    <a:lnTo>
                      <a:pt x="1224" y="282"/>
                    </a:lnTo>
                    <a:lnTo>
                      <a:pt x="1215" y="298"/>
                    </a:lnTo>
                    <a:lnTo>
                      <a:pt x="1206" y="313"/>
                    </a:lnTo>
                    <a:lnTo>
                      <a:pt x="1202" y="320"/>
                    </a:lnTo>
                    <a:lnTo>
                      <a:pt x="1200" y="326"/>
                    </a:lnTo>
                    <a:lnTo>
                      <a:pt x="1197" y="331"/>
                    </a:lnTo>
                    <a:lnTo>
                      <a:pt x="1196" y="336"/>
                    </a:lnTo>
                    <a:lnTo>
                      <a:pt x="1205" y="351"/>
                    </a:lnTo>
                    <a:lnTo>
                      <a:pt x="1227" y="375"/>
                    </a:lnTo>
                    <a:lnTo>
                      <a:pt x="1249" y="401"/>
                    </a:lnTo>
                    <a:lnTo>
                      <a:pt x="1265" y="422"/>
                    </a:lnTo>
                    <a:lnTo>
                      <a:pt x="1274" y="436"/>
                    </a:lnTo>
                    <a:lnTo>
                      <a:pt x="1291" y="457"/>
                    </a:lnTo>
                    <a:lnTo>
                      <a:pt x="1300" y="466"/>
                    </a:lnTo>
                    <a:lnTo>
                      <a:pt x="1310" y="474"/>
                    </a:lnTo>
                    <a:lnTo>
                      <a:pt x="1314" y="475"/>
                    </a:lnTo>
                    <a:lnTo>
                      <a:pt x="1318" y="476"/>
                    </a:lnTo>
                    <a:lnTo>
                      <a:pt x="1322" y="476"/>
                    </a:lnTo>
                    <a:lnTo>
                      <a:pt x="1324" y="474"/>
                    </a:lnTo>
                    <a:lnTo>
                      <a:pt x="1329" y="469"/>
                    </a:lnTo>
                    <a:lnTo>
                      <a:pt x="1332" y="463"/>
                    </a:lnTo>
                    <a:lnTo>
                      <a:pt x="1333" y="457"/>
                    </a:lnTo>
                    <a:lnTo>
                      <a:pt x="1335" y="452"/>
                    </a:lnTo>
                    <a:lnTo>
                      <a:pt x="1337" y="446"/>
                    </a:lnTo>
                    <a:lnTo>
                      <a:pt x="1340" y="441"/>
                    </a:lnTo>
                    <a:lnTo>
                      <a:pt x="1345" y="437"/>
                    </a:lnTo>
                    <a:lnTo>
                      <a:pt x="1354" y="435"/>
                    </a:lnTo>
                    <a:lnTo>
                      <a:pt x="1359" y="432"/>
                    </a:lnTo>
                    <a:lnTo>
                      <a:pt x="1362" y="430"/>
                    </a:lnTo>
                    <a:lnTo>
                      <a:pt x="1364" y="424"/>
                    </a:lnTo>
                    <a:lnTo>
                      <a:pt x="1364" y="419"/>
                    </a:lnTo>
                    <a:lnTo>
                      <a:pt x="1366" y="405"/>
                    </a:lnTo>
                    <a:lnTo>
                      <a:pt x="1364" y="391"/>
                    </a:lnTo>
                    <a:lnTo>
                      <a:pt x="1364" y="375"/>
                    </a:lnTo>
                    <a:lnTo>
                      <a:pt x="1366" y="362"/>
                    </a:lnTo>
                    <a:lnTo>
                      <a:pt x="1367" y="356"/>
                    </a:lnTo>
                    <a:lnTo>
                      <a:pt x="1371" y="352"/>
                    </a:lnTo>
                    <a:lnTo>
                      <a:pt x="1376" y="348"/>
                    </a:lnTo>
                    <a:lnTo>
                      <a:pt x="1381" y="345"/>
                    </a:lnTo>
                    <a:lnTo>
                      <a:pt x="1389" y="345"/>
                    </a:lnTo>
                    <a:lnTo>
                      <a:pt x="1395" y="345"/>
                    </a:lnTo>
                    <a:lnTo>
                      <a:pt x="1403" y="347"/>
                    </a:lnTo>
                    <a:lnTo>
                      <a:pt x="1410" y="349"/>
                    </a:lnTo>
                    <a:lnTo>
                      <a:pt x="1424" y="356"/>
                    </a:lnTo>
                    <a:lnTo>
                      <a:pt x="1438" y="364"/>
                    </a:lnTo>
                    <a:lnTo>
                      <a:pt x="1452" y="373"/>
                    </a:lnTo>
                    <a:lnTo>
                      <a:pt x="1467" y="380"/>
                    </a:lnTo>
                    <a:lnTo>
                      <a:pt x="1481" y="387"/>
                    </a:lnTo>
                    <a:lnTo>
                      <a:pt x="1494" y="391"/>
                    </a:lnTo>
                    <a:lnTo>
                      <a:pt x="1524" y="387"/>
                    </a:lnTo>
                    <a:lnTo>
                      <a:pt x="1554" y="383"/>
                    </a:lnTo>
                    <a:lnTo>
                      <a:pt x="1583" y="378"/>
                    </a:lnTo>
                    <a:lnTo>
                      <a:pt x="1612" y="375"/>
                    </a:lnTo>
                    <a:lnTo>
                      <a:pt x="1618" y="375"/>
                    </a:lnTo>
                    <a:lnTo>
                      <a:pt x="1623" y="375"/>
                    </a:lnTo>
                    <a:lnTo>
                      <a:pt x="1627" y="377"/>
                    </a:lnTo>
                    <a:lnTo>
                      <a:pt x="1630" y="378"/>
                    </a:lnTo>
                    <a:lnTo>
                      <a:pt x="1633" y="380"/>
                    </a:lnTo>
                    <a:lnTo>
                      <a:pt x="1634" y="383"/>
                    </a:lnTo>
                    <a:lnTo>
                      <a:pt x="1634" y="386"/>
                    </a:lnTo>
                    <a:lnTo>
                      <a:pt x="1634" y="388"/>
                    </a:lnTo>
                    <a:lnTo>
                      <a:pt x="1629" y="402"/>
                    </a:lnTo>
                    <a:lnTo>
                      <a:pt x="1625" y="419"/>
                    </a:lnTo>
                    <a:lnTo>
                      <a:pt x="1625" y="423"/>
                    </a:lnTo>
                    <a:lnTo>
                      <a:pt x="1625" y="430"/>
                    </a:lnTo>
                    <a:lnTo>
                      <a:pt x="1627" y="437"/>
                    </a:lnTo>
                    <a:lnTo>
                      <a:pt x="1630" y="445"/>
                    </a:lnTo>
                    <a:lnTo>
                      <a:pt x="1638" y="462"/>
                    </a:lnTo>
                    <a:lnTo>
                      <a:pt x="1648" y="480"/>
                    </a:lnTo>
                    <a:lnTo>
                      <a:pt x="1653" y="488"/>
                    </a:lnTo>
                    <a:lnTo>
                      <a:pt x="1660" y="494"/>
                    </a:lnTo>
                    <a:lnTo>
                      <a:pt x="1665" y="501"/>
                    </a:lnTo>
                    <a:lnTo>
                      <a:pt x="1671" y="506"/>
                    </a:lnTo>
                    <a:lnTo>
                      <a:pt x="1678" y="509"/>
                    </a:lnTo>
                    <a:lnTo>
                      <a:pt x="1683" y="511"/>
                    </a:lnTo>
                    <a:lnTo>
                      <a:pt x="1688" y="511"/>
                    </a:lnTo>
                    <a:lnTo>
                      <a:pt x="1693" y="509"/>
                    </a:lnTo>
                    <a:lnTo>
                      <a:pt x="1701" y="503"/>
                    </a:lnTo>
                    <a:lnTo>
                      <a:pt x="1708" y="500"/>
                    </a:lnTo>
                    <a:lnTo>
                      <a:pt x="1713" y="498"/>
                    </a:lnTo>
                    <a:lnTo>
                      <a:pt x="1718" y="497"/>
                    </a:lnTo>
                    <a:lnTo>
                      <a:pt x="1722" y="497"/>
                    </a:lnTo>
                    <a:lnTo>
                      <a:pt x="1727" y="498"/>
                    </a:lnTo>
                    <a:lnTo>
                      <a:pt x="1730" y="501"/>
                    </a:lnTo>
                    <a:lnTo>
                      <a:pt x="1734" y="505"/>
                    </a:lnTo>
                    <a:lnTo>
                      <a:pt x="1745" y="520"/>
                    </a:lnTo>
                    <a:lnTo>
                      <a:pt x="1761" y="538"/>
                    </a:lnTo>
                    <a:lnTo>
                      <a:pt x="1769" y="542"/>
                    </a:lnTo>
                    <a:lnTo>
                      <a:pt x="1776" y="546"/>
                    </a:lnTo>
                    <a:lnTo>
                      <a:pt x="1784" y="549"/>
                    </a:lnTo>
                    <a:lnTo>
                      <a:pt x="1793" y="550"/>
                    </a:lnTo>
                    <a:lnTo>
                      <a:pt x="1811" y="551"/>
                    </a:lnTo>
                    <a:lnTo>
                      <a:pt x="1829" y="551"/>
                    </a:lnTo>
                    <a:lnTo>
                      <a:pt x="1839" y="551"/>
                    </a:lnTo>
                    <a:lnTo>
                      <a:pt x="1848" y="553"/>
                    </a:lnTo>
                    <a:lnTo>
                      <a:pt x="1855" y="555"/>
                    </a:lnTo>
                    <a:lnTo>
                      <a:pt x="1862" y="558"/>
                    </a:lnTo>
                    <a:lnTo>
                      <a:pt x="1868" y="563"/>
                    </a:lnTo>
                    <a:lnTo>
                      <a:pt x="1874" y="568"/>
                    </a:lnTo>
                    <a:lnTo>
                      <a:pt x="1879" y="576"/>
                    </a:lnTo>
                    <a:lnTo>
                      <a:pt x="1881" y="585"/>
                    </a:lnTo>
                    <a:lnTo>
                      <a:pt x="1885" y="598"/>
                    </a:lnTo>
                    <a:lnTo>
                      <a:pt x="1890" y="614"/>
                    </a:lnTo>
                    <a:lnTo>
                      <a:pt x="1897" y="630"/>
                    </a:lnTo>
                    <a:lnTo>
                      <a:pt x="1905" y="649"/>
                    </a:lnTo>
                    <a:lnTo>
                      <a:pt x="1914" y="664"/>
                    </a:lnTo>
                    <a:lnTo>
                      <a:pt x="1923" y="680"/>
                    </a:lnTo>
                    <a:lnTo>
                      <a:pt x="1933" y="693"/>
                    </a:lnTo>
                    <a:lnTo>
                      <a:pt x="1943" y="702"/>
                    </a:lnTo>
                    <a:lnTo>
                      <a:pt x="1962" y="750"/>
                    </a:lnTo>
                    <a:lnTo>
                      <a:pt x="1818" y="814"/>
                    </a:lnTo>
                    <a:lnTo>
                      <a:pt x="1805" y="825"/>
                    </a:lnTo>
                    <a:lnTo>
                      <a:pt x="1793" y="835"/>
                    </a:lnTo>
                    <a:lnTo>
                      <a:pt x="1784" y="845"/>
                    </a:lnTo>
                    <a:lnTo>
                      <a:pt x="1774" y="857"/>
                    </a:lnTo>
                    <a:lnTo>
                      <a:pt x="1758" y="880"/>
                    </a:lnTo>
                    <a:lnTo>
                      <a:pt x="1743" y="905"/>
                    </a:lnTo>
                    <a:lnTo>
                      <a:pt x="1728" y="930"/>
                    </a:lnTo>
                    <a:lnTo>
                      <a:pt x="1713" y="953"/>
                    </a:lnTo>
                    <a:lnTo>
                      <a:pt x="1704" y="963"/>
                    </a:lnTo>
                    <a:lnTo>
                      <a:pt x="1695" y="974"/>
                    </a:lnTo>
                    <a:lnTo>
                      <a:pt x="1684" y="984"/>
                    </a:lnTo>
                    <a:lnTo>
                      <a:pt x="1673" y="993"/>
                    </a:lnTo>
                    <a:lnTo>
                      <a:pt x="1657" y="1002"/>
                    </a:lnTo>
                    <a:lnTo>
                      <a:pt x="1643" y="1011"/>
                    </a:lnTo>
                    <a:lnTo>
                      <a:pt x="1629" y="1018"/>
                    </a:lnTo>
                    <a:lnTo>
                      <a:pt x="1614" y="1024"/>
                    </a:lnTo>
                    <a:lnTo>
                      <a:pt x="1600" y="1028"/>
                    </a:lnTo>
                    <a:lnTo>
                      <a:pt x="1586" y="1032"/>
                    </a:lnTo>
                    <a:lnTo>
                      <a:pt x="1570" y="1036"/>
                    </a:lnTo>
                    <a:lnTo>
                      <a:pt x="1556" y="1038"/>
                    </a:lnTo>
                    <a:lnTo>
                      <a:pt x="1526" y="1041"/>
                    </a:lnTo>
                    <a:lnTo>
                      <a:pt x="1495" y="1044"/>
                    </a:lnTo>
                    <a:lnTo>
                      <a:pt x="1464" y="1045"/>
                    </a:lnTo>
                    <a:lnTo>
                      <a:pt x="1432" y="1048"/>
                    </a:lnTo>
                    <a:lnTo>
                      <a:pt x="1424" y="1049"/>
                    </a:lnTo>
                    <a:lnTo>
                      <a:pt x="1416" y="1051"/>
                    </a:lnTo>
                    <a:lnTo>
                      <a:pt x="1410" y="1055"/>
                    </a:lnTo>
                    <a:lnTo>
                      <a:pt x="1403" y="1059"/>
                    </a:lnTo>
                    <a:lnTo>
                      <a:pt x="1390" y="1070"/>
                    </a:lnTo>
                    <a:lnTo>
                      <a:pt x="1379" y="1081"/>
                    </a:lnTo>
                    <a:lnTo>
                      <a:pt x="1359" y="1110"/>
                    </a:lnTo>
                    <a:lnTo>
                      <a:pt x="1341" y="1137"/>
                    </a:lnTo>
                    <a:lnTo>
                      <a:pt x="1331" y="1124"/>
                    </a:lnTo>
                    <a:lnTo>
                      <a:pt x="1320" y="1112"/>
                    </a:lnTo>
                    <a:lnTo>
                      <a:pt x="1315" y="1107"/>
                    </a:lnTo>
                    <a:lnTo>
                      <a:pt x="1310" y="1101"/>
                    </a:lnTo>
                    <a:lnTo>
                      <a:pt x="1304" y="1095"/>
                    </a:lnTo>
                    <a:lnTo>
                      <a:pt x="1297" y="1090"/>
                    </a:lnTo>
                    <a:lnTo>
                      <a:pt x="1280" y="1081"/>
                    </a:lnTo>
                    <a:lnTo>
                      <a:pt x="1262" y="1073"/>
                    </a:lnTo>
                    <a:lnTo>
                      <a:pt x="1244" y="1067"/>
                    </a:lnTo>
                    <a:lnTo>
                      <a:pt x="1224" y="1063"/>
                    </a:lnTo>
                    <a:lnTo>
                      <a:pt x="1202" y="1059"/>
                    </a:lnTo>
                    <a:lnTo>
                      <a:pt x="1180" y="1057"/>
                    </a:lnTo>
                    <a:lnTo>
                      <a:pt x="1157" y="1055"/>
                    </a:lnTo>
                    <a:lnTo>
                      <a:pt x="1134" y="1057"/>
                    </a:lnTo>
                    <a:lnTo>
                      <a:pt x="1110" y="1058"/>
                    </a:lnTo>
                    <a:lnTo>
                      <a:pt x="1087" y="1061"/>
                    </a:lnTo>
                    <a:lnTo>
                      <a:pt x="1065" y="1064"/>
                    </a:lnTo>
                    <a:lnTo>
                      <a:pt x="1043" y="1067"/>
                    </a:lnTo>
                    <a:lnTo>
                      <a:pt x="1031" y="1066"/>
                    </a:lnTo>
                    <a:lnTo>
                      <a:pt x="1021" y="1063"/>
                    </a:lnTo>
                    <a:lnTo>
                      <a:pt x="1011" y="1059"/>
                    </a:lnTo>
                    <a:lnTo>
                      <a:pt x="1000" y="1055"/>
                    </a:lnTo>
                    <a:lnTo>
                      <a:pt x="981" y="1046"/>
                    </a:lnTo>
                    <a:lnTo>
                      <a:pt x="961" y="1035"/>
                    </a:lnTo>
                    <a:lnTo>
                      <a:pt x="925" y="1007"/>
                    </a:lnTo>
                    <a:lnTo>
                      <a:pt x="889" y="981"/>
                    </a:lnTo>
                    <a:lnTo>
                      <a:pt x="859" y="959"/>
                    </a:lnTo>
                    <a:lnTo>
                      <a:pt x="837" y="944"/>
                    </a:lnTo>
                    <a:lnTo>
                      <a:pt x="825" y="939"/>
                    </a:lnTo>
                    <a:lnTo>
                      <a:pt x="811" y="935"/>
                    </a:lnTo>
                    <a:lnTo>
                      <a:pt x="794" y="932"/>
                    </a:lnTo>
                    <a:lnTo>
                      <a:pt x="772" y="930"/>
                    </a:lnTo>
                    <a:lnTo>
                      <a:pt x="767" y="930"/>
                    </a:lnTo>
                    <a:lnTo>
                      <a:pt x="763" y="931"/>
                    </a:lnTo>
                    <a:lnTo>
                      <a:pt x="759" y="932"/>
                    </a:lnTo>
                    <a:lnTo>
                      <a:pt x="756" y="935"/>
                    </a:lnTo>
                    <a:lnTo>
                      <a:pt x="749" y="941"/>
                    </a:lnTo>
                    <a:lnTo>
                      <a:pt x="745" y="949"/>
                    </a:lnTo>
                    <a:lnTo>
                      <a:pt x="739" y="967"/>
                    </a:lnTo>
                    <a:lnTo>
                      <a:pt x="735" y="985"/>
                    </a:lnTo>
                    <a:lnTo>
                      <a:pt x="733" y="991"/>
                    </a:lnTo>
                    <a:lnTo>
                      <a:pt x="731" y="997"/>
                    </a:lnTo>
                    <a:lnTo>
                      <a:pt x="728" y="1002"/>
                    </a:lnTo>
                    <a:lnTo>
                      <a:pt x="726" y="1007"/>
                    </a:lnTo>
                    <a:lnTo>
                      <a:pt x="718" y="1016"/>
                    </a:lnTo>
                    <a:lnTo>
                      <a:pt x="709" y="1024"/>
                    </a:lnTo>
                    <a:lnTo>
                      <a:pt x="699" y="1031"/>
                    </a:lnTo>
                    <a:lnTo>
                      <a:pt x="687" y="1037"/>
                    </a:lnTo>
                    <a:lnTo>
                      <a:pt x="675" y="1042"/>
                    </a:lnTo>
                    <a:lnTo>
                      <a:pt x="662" y="1046"/>
                    </a:lnTo>
                    <a:lnTo>
                      <a:pt x="647" y="1054"/>
                    </a:lnTo>
                    <a:lnTo>
                      <a:pt x="630" y="1064"/>
                    </a:lnTo>
                    <a:lnTo>
                      <a:pt x="614" y="1076"/>
                    </a:lnTo>
                    <a:lnTo>
                      <a:pt x="597" y="1089"/>
                    </a:lnTo>
                    <a:lnTo>
                      <a:pt x="581" y="1101"/>
                    </a:lnTo>
                    <a:lnTo>
                      <a:pt x="565" y="1111"/>
                    </a:lnTo>
                    <a:lnTo>
                      <a:pt x="557" y="1115"/>
                    </a:lnTo>
                    <a:lnTo>
                      <a:pt x="550" y="1119"/>
                    </a:lnTo>
                    <a:lnTo>
                      <a:pt x="542" y="1121"/>
                    </a:lnTo>
                    <a:lnTo>
                      <a:pt x="535" y="1123"/>
                    </a:lnTo>
                    <a:lnTo>
                      <a:pt x="528" y="1124"/>
                    </a:lnTo>
                    <a:lnTo>
                      <a:pt x="518" y="1123"/>
                    </a:lnTo>
                    <a:lnTo>
                      <a:pt x="511" y="1120"/>
                    </a:lnTo>
                    <a:lnTo>
                      <a:pt x="502" y="1116"/>
                    </a:lnTo>
                    <a:lnTo>
                      <a:pt x="494" y="1111"/>
                    </a:lnTo>
                    <a:lnTo>
                      <a:pt x="485" y="1106"/>
                    </a:lnTo>
                    <a:lnTo>
                      <a:pt x="477" y="1099"/>
                    </a:lnTo>
                    <a:lnTo>
                      <a:pt x="469" y="1092"/>
                    </a:lnTo>
                    <a:lnTo>
                      <a:pt x="454" y="1076"/>
                    </a:lnTo>
                    <a:lnTo>
                      <a:pt x="439" y="1061"/>
                    </a:lnTo>
                    <a:lnTo>
                      <a:pt x="428" y="1045"/>
                    </a:lnTo>
                    <a:lnTo>
                      <a:pt x="417" y="1032"/>
                    </a:lnTo>
                    <a:lnTo>
                      <a:pt x="376" y="943"/>
                    </a:lnTo>
                    <a:lnTo>
                      <a:pt x="375" y="937"/>
                    </a:lnTo>
                    <a:lnTo>
                      <a:pt x="373" y="934"/>
                    </a:lnTo>
                    <a:lnTo>
                      <a:pt x="353" y="919"/>
                    </a:lnTo>
                    <a:lnTo>
                      <a:pt x="334" y="908"/>
                    </a:lnTo>
                    <a:lnTo>
                      <a:pt x="322" y="897"/>
                    </a:lnTo>
                    <a:lnTo>
                      <a:pt x="311" y="886"/>
                    </a:lnTo>
                    <a:lnTo>
                      <a:pt x="302" y="873"/>
                    </a:lnTo>
                    <a:lnTo>
                      <a:pt x="294" y="857"/>
                    </a:lnTo>
                    <a:lnTo>
                      <a:pt x="288" y="838"/>
                    </a:lnTo>
                    <a:lnTo>
                      <a:pt x="280" y="812"/>
                    </a:lnTo>
                    <a:lnTo>
                      <a:pt x="276" y="798"/>
                    </a:lnTo>
                    <a:lnTo>
                      <a:pt x="268" y="782"/>
                    </a:lnTo>
                    <a:lnTo>
                      <a:pt x="261" y="768"/>
                    </a:lnTo>
                    <a:lnTo>
                      <a:pt x="250" y="752"/>
                    </a:lnTo>
                    <a:lnTo>
                      <a:pt x="240" y="735"/>
                    </a:lnTo>
                    <a:lnTo>
                      <a:pt x="227" y="720"/>
                    </a:lnTo>
                    <a:lnTo>
                      <a:pt x="214" y="704"/>
                    </a:lnTo>
                    <a:lnTo>
                      <a:pt x="201" y="687"/>
                    </a:lnTo>
                    <a:lnTo>
                      <a:pt x="173" y="658"/>
                    </a:lnTo>
                    <a:lnTo>
                      <a:pt x="144" y="629"/>
                    </a:lnTo>
                    <a:lnTo>
                      <a:pt x="117" y="603"/>
                    </a:lnTo>
                    <a:lnTo>
                      <a:pt x="94" y="583"/>
                    </a:lnTo>
                    <a:lnTo>
                      <a:pt x="75" y="566"/>
                    </a:lnTo>
                    <a:lnTo>
                      <a:pt x="62" y="551"/>
                    </a:lnTo>
                    <a:lnTo>
                      <a:pt x="57" y="544"/>
                    </a:lnTo>
                    <a:lnTo>
                      <a:pt x="55" y="537"/>
                    </a:lnTo>
                    <a:lnTo>
                      <a:pt x="52" y="531"/>
                    </a:lnTo>
                    <a:lnTo>
                      <a:pt x="49" y="523"/>
                    </a:lnTo>
                    <a:lnTo>
                      <a:pt x="48" y="509"/>
                    </a:lnTo>
                    <a:lnTo>
                      <a:pt x="49" y="492"/>
                    </a:lnTo>
                    <a:lnTo>
                      <a:pt x="52" y="472"/>
                    </a:lnTo>
                    <a:lnTo>
                      <a:pt x="55" y="449"/>
                    </a:lnTo>
                    <a:lnTo>
                      <a:pt x="56" y="437"/>
                    </a:lnTo>
                    <a:lnTo>
                      <a:pt x="56" y="427"/>
                    </a:lnTo>
                    <a:lnTo>
                      <a:pt x="56" y="419"/>
                    </a:lnTo>
                    <a:lnTo>
                      <a:pt x="53" y="410"/>
                    </a:lnTo>
                    <a:lnTo>
                      <a:pt x="51" y="402"/>
                    </a:lnTo>
                    <a:lnTo>
                      <a:pt x="48" y="396"/>
                    </a:lnTo>
                    <a:lnTo>
                      <a:pt x="44" y="389"/>
                    </a:lnTo>
                    <a:lnTo>
                      <a:pt x="40" y="383"/>
                    </a:lnTo>
                    <a:lnTo>
                      <a:pt x="30" y="371"/>
                    </a:lnTo>
                    <a:lnTo>
                      <a:pt x="20" y="358"/>
                    </a:lnTo>
                    <a:lnTo>
                      <a:pt x="9" y="345"/>
                    </a:lnTo>
                    <a:lnTo>
                      <a:pt x="0" y="329"/>
                    </a:lnTo>
                    <a:lnTo>
                      <a:pt x="2" y="323"/>
                    </a:lnTo>
                    <a:lnTo>
                      <a:pt x="3" y="320"/>
                    </a:lnTo>
                    <a:lnTo>
                      <a:pt x="7" y="316"/>
                    </a:lnTo>
                    <a:lnTo>
                      <a:pt x="9" y="313"/>
                    </a:lnTo>
                    <a:lnTo>
                      <a:pt x="18" y="310"/>
                    </a:lnTo>
                    <a:lnTo>
                      <a:pt x="27" y="308"/>
                    </a:lnTo>
                    <a:lnTo>
                      <a:pt x="38" y="305"/>
                    </a:lnTo>
                    <a:lnTo>
                      <a:pt x="48" y="300"/>
                    </a:lnTo>
                    <a:lnTo>
                      <a:pt x="53" y="296"/>
                    </a:lnTo>
                    <a:lnTo>
                      <a:pt x="57" y="292"/>
                    </a:lnTo>
                    <a:lnTo>
                      <a:pt x="62" y="286"/>
                    </a:lnTo>
                    <a:lnTo>
                      <a:pt x="66" y="278"/>
                    </a:lnTo>
                    <a:lnTo>
                      <a:pt x="73" y="265"/>
                    </a:lnTo>
                    <a:lnTo>
                      <a:pt x="81" y="253"/>
                    </a:lnTo>
                    <a:lnTo>
                      <a:pt x="91" y="246"/>
                    </a:lnTo>
                    <a:lnTo>
                      <a:pt x="101" y="238"/>
                    </a:lnTo>
                    <a:lnTo>
                      <a:pt x="113" y="231"/>
                    </a:lnTo>
                    <a:lnTo>
                      <a:pt x="125" y="228"/>
                    </a:lnTo>
                    <a:lnTo>
                      <a:pt x="138" y="224"/>
                    </a:lnTo>
                    <a:lnTo>
                      <a:pt x="152" y="220"/>
                    </a:lnTo>
                    <a:lnTo>
                      <a:pt x="179" y="215"/>
                    </a:lnTo>
                    <a:lnTo>
                      <a:pt x="206" y="209"/>
                    </a:lnTo>
                    <a:lnTo>
                      <a:pt x="219" y="206"/>
                    </a:lnTo>
                    <a:lnTo>
                      <a:pt x="232" y="202"/>
                    </a:lnTo>
                    <a:lnTo>
                      <a:pt x="244" y="196"/>
                    </a:lnTo>
                    <a:lnTo>
                      <a:pt x="255" y="189"/>
                    </a:lnTo>
                    <a:lnTo>
                      <a:pt x="274" y="177"/>
                    </a:lnTo>
                    <a:lnTo>
                      <a:pt x="292" y="165"/>
                    </a:lnTo>
                    <a:lnTo>
                      <a:pt x="310" y="154"/>
                    </a:lnTo>
                    <a:lnTo>
                      <a:pt x="328" y="145"/>
                    </a:lnTo>
                    <a:lnTo>
                      <a:pt x="346" y="134"/>
                    </a:lnTo>
                    <a:lnTo>
                      <a:pt x="366" y="127"/>
                    </a:lnTo>
                    <a:lnTo>
                      <a:pt x="386" y="120"/>
                    </a:lnTo>
                    <a:lnTo>
                      <a:pt x="407" y="114"/>
                    </a:lnTo>
                    <a:lnTo>
                      <a:pt x="430" y="106"/>
                    </a:lnTo>
                    <a:lnTo>
                      <a:pt x="452" y="97"/>
                    </a:lnTo>
                    <a:lnTo>
                      <a:pt x="473" y="86"/>
                    </a:lnTo>
                    <a:lnTo>
                      <a:pt x="493" y="76"/>
                    </a:lnTo>
                    <a:lnTo>
                      <a:pt x="513" y="66"/>
                    </a:lnTo>
                    <a:lnTo>
                      <a:pt x="534" y="57"/>
                    </a:lnTo>
                    <a:lnTo>
                      <a:pt x="546" y="54"/>
                    </a:lnTo>
                    <a:lnTo>
                      <a:pt x="557" y="50"/>
                    </a:lnTo>
                    <a:lnTo>
                      <a:pt x="569" y="49"/>
                    </a:lnTo>
                    <a:lnTo>
                      <a:pt x="582" y="48"/>
                    </a:lnTo>
                    <a:lnTo>
                      <a:pt x="591" y="46"/>
                    </a:lnTo>
                    <a:lnTo>
                      <a:pt x="600" y="42"/>
                    </a:lnTo>
                    <a:lnTo>
                      <a:pt x="609" y="38"/>
                    </a:lnTo>
                    <a:lnTo>
                      <a:pt x="618" y="32"/>
                    </a:lnTo>
                    <a:lnTo>
                      <a:pt x="636" y="20"/>
                    </a:lnTo>
                    <a:lnTo>
                      <a:pt x="654" y="9"/>
                    </a:lnTo>
                    <a:lnTo>
                      <a:pt x="664" y="3"/>
                    </a:lnTo>
                    <a:lnTo>
                      <a:pt x="673" y="1"/>
                    </a:lnTo>
                    <a:lnTo>
                      <a:pt x="680" y="0"/>
                    </a:lnTo>
                    <a:lnTo>
                      <a:pt x="687" y="1"/>
                    </a:lnTo>
                    <a:lnTo>
                      <a:pt x="691" y="2"/>
                    </a:lnTo>
                    <a:lnTo>
                      <a:pt x="695" y="5"/>
                    </a:lnTo>
                    <a:lnTo>
                      <a:pt x="697" y="7"/>
                    </a:lnTo>
                    <a:lnTo>
                      <a:pt x="700" y="11"/>
                    </a:lnTo>
                    <a:lnTo>
                      <a:pt x="705" y="22"/>
                    </a:lnTo>
                    <a:lnTo>
                      <a:pt x="710" y="35"/>
                    </a:lnTo>
                    <a:lnTo>
                      <a:pt x="745" y="5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8" name="Freeform 143">
                <a:extLst>
                  <a:ext uri="{FF2B5EF4-FFF2-40B4-BE49-F238E27FC236}">
                    <a16:creationId xmlns:a16="http://schemas.microsoft.com/office/drawing/2014/main" id="{A10A7D0C-409F-0943-8F6C-6B0362CFBD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86483" y="3827690"/>
                <a:ext cx="892628" cy="512991"/>
              </a:xfrm>
              <a:custGeom>
                <a:avLst/>
                <a:gdLst/>
                <a:ahLst/>
                <a:cxnLst>
                  <a:cxn ang="0">
                    <a:pos x="797" y="88"/>
                  </a:cxn>
                  <a:cxn ang="0">
                    <a:pos x="863" y="67"/>
                  </a:cxn>
                  <a:cxn ang="0">
                    <a:pos x="917" y="59"/>
                  </a:cxn>
                  <a:cxn ang="0">
                    <a:pos x="947" y="94"/>
                  </a:cxn>
                  <a:cxn ang="0">
                    <a:pos x="1008" y="159"/>
                  </a:cxn>
                  <a:cxn ang="0">
                    <a:pos x="1165" y="221"/>
                  </a:cxn>
                  <a:cxn ang="0">
                    <a:pos x="1228" y="257"/>
                  </a:cxn>
                  <a:cxn ang="0">
                    <a:pos x="1202" y="320"/>
                  </a:cxn>
                  <a:cxn ang="0">
                    <a:pos x="1249" y="401"/>
                  </a:cxn>
                  <a:cxn ang="0">
                    <a:pos x="1314" y="475"/>
                  </a:cxn>
                  <a:cxn ang="0">
                    <a:pos x="1333" y="457"/>
                  </a:cxn>
                  <a:cxn ang="0">
                    <a:pos x="1359" y="432"/>
                  </a:cxn>
                  <a:cxn ang="0">
                    <a:pos x="1364" y="375"/>
                  </a:cxn>
                  <a:cxn ang="0">
                    <a:pos x="1389" y="345"/>
                  </a:cxn>
                  <a:cxn ang="0">
                    <a:pos x="1452" y="373"/>
                  </a:cxn>
                  <a:cxn ang="0">
                    <a:pos x="1583" y="378"/>
                  </a:cxn>
                  <a:cxn ang="0">
                    <a:pos x="1633" y="380"/>
                  </a:cxn>
                  <a:cxn ang="0">
                    <a:pos x="1625" y="423"/>
                  </a:cxn>
                  <a:cxn ang="0">
                    <a:pos x="1653" y="488"/>
                  </a:cxn>
                  <a:cxn ang="0">
                    <a:pos x="1688" y="511"/>
                  </a:cxn>
                  <a:cxn ang="0">
                    <a:pos x="1722" y="497"/>
                  </a:cxn>
                  <a:cxn ang="0">
                    <a:pos x="1769" y="542"/>
                  </a:cxn>
                  <a:cxn ang="0">
                    <a:pos x="1839" y="551"/>
                  </a:cxn>
                  <a:cxn ang="0">
                    <a:pos x="1879" y="576"/>
                  </a:cxn>
                  <a:cxn ang="0">
                    <a:pos x="1914" y="664"/>
                  </a:cxn>
                  <a:cxn ang="0">
                    <a:pos x="1818" y="814"/>
                  </a:cxn>
                  <a:cxn ang="0">
                    <a:pos x="1743" y="905"/>
                  </a:cxn>
                  <a:cxn ang="0">
                    <a:pos x="1673" y="993"/>
                  </a:cxn>
                  <a:cxn ang="0">
                    <a:pos x="1586" y="1032"/>
                  </a:cxn>
                  <a:cxn ang="0">
                    <a:pos x="1432" y="1048"/>
                  </a:cxn>
                  <a:cxn ang="0">
                    <a:pos x="1379" y="1081"/>
                  </a:cxn>
                  <a:cxn ang="0">
                    <a:pos x="1315" y="1107"/>
                  </a:cxn>
                  <a:cxn ang="0">
                    <a:pos x="1244" y="1067"/>
                  </a:cxn>
                  <a:cxn ang="0">
                    <a:pos x="1110" y="1058"/>
                  </a:cxn>
                  <a:cxn ang="0">
                    <a:pos x="1011" y="1059"/>
                  </a:cxn>
                  <a:cxn ang="0">
                    <a:pos x="859" y="959"/>
                  </a:cxn>
                  <a:cxn ang="0">
                    <a:pos x="767" y="930"/>
                  </a:cxn>
                  <a:cxn ang="0">
                    <a:pos x="739" y="967"/>
                  </a:cxn>
                  <a:cxn ang="0">
                    <a:pos x="718" y="1016"/>
                  </a:cxn>
                  <a:cxn ang="0">
                    <a:pos x="647" y="1054"/>
                  </a:cxn>
                  <a:cxn ang="0">
                    <a:pos x="557" y="1115"/>
                  </a:cxn>
                  <a:cxn ang="0">
                    <a:pos x="511" y="1120"/>
                  </a:cxn>
                  <a:cxn ang="0">
                    <a:pos x="454" y="1076"/>
                  </a:cxn>
                  <a:cxn ang="0">
                    <a:pos x="375" y="937"/>
                  </a:cxn>
                  <a:cxn ang="0">
                    <a:pos x="302" y="873"/>
                  </a:cxn>
                  <a:cxn ang="0">
                    <a:pos x="261" y="768"/>
                  </a:cxn>
                  <a:cxn ang="0">
                    <a:pos x="173" y="658"/>
                  </a:cxn>
                  <a:cxn ang="0">
                    <a:pos x="57" y="544"/>
                  </a:cxn>
                  <a:cxn ang="0">
                    <a:pos x="52" y="472"/>
                  </a:cxn>
                  <a:cxn ang="0">
                    <a:pos x="51" y="402"/>
                  </a:cxn>
                  <a:cxn ang="0">
                    <a:pos x="9" y="345"/>
                  </a:cxn>
                  <a:cxn ang="0">
                    <a:pos x="18" y="310"/>
                  </a:cxn>
                  <a:cxn ang="0">
                    <a:pos x="62" y="286"/>
                  </a:cxn>
                  <a:cxn ang="0">
                    <a:pos x="113" y="231"/>
                  </a:cxn>
                  <a:cxn ang="0">
                    <a:pos x="219" y="206"/>
                  </a:cxn>
                  <a:cxn ang="0">
                    <a:pos x="310" y="154"/>
                  </a:cxn>
                  <a:cxn ang="0">
                    <a:pos x="430" y="106"/>
                  </a:cxn>
                  <a:cxn ang="0">
                    <a:pos x="546" y="54"/>
                  </a:cxn>
                  <a:cxn ang="0">
                    <a:pos x="609" y="38"/>
                  </a:cxn>
                  <a:cxn ang="0">
                    <a:pos x="680" y="0"/>
                  </a:cxn>
                  <a:cxn ang="0">
                    <a:pos x="705" y="22"/>
                  </a:cxn>
                </a:cxnLst>
                <a:rect l="0" t="0" r="r" b="b"/>
                <a:pathLst>
                  <a:path w="1962" h="1137">
                    <a:moveTo>
                      <a:pt x="745" y="59"/>
                    </a:moveTo>
                    <a:lnTo>
                      <a:pt x="758" y="70"/>
                    </a:lnTo>
                    <a:lnTo>
                      <a:pt x="768" y="77"/>
                    </a:lnTo>
                    <a:lnTo>
                      <a:pt x="779" y="82"/>
                    </a:lnTo>
                    <a:lnTo>
                      <a:pt x="788" y="86"/>
                    </a:lnTo>
                    <a:lnTo>
                      <a:pt x="797" y="88"/>
                    </a:lnTo>
                    <a:lnTo>
                      <a:pt x="805" y="89"/>
                    </a:lnTo>
                    <a:lnTo>
                      <a:pt x="813" y="88"/>
                    </a:lnTo>
                    <a:lnTo>
                      <a:pt x="820" y="86"/>
                    </a:lnTo>
                    <a:lnTo>
                      <a:pt x="837" y="80"/>
                    </a:lnTo>
                    <a:lnTo>
                      <a:pt x="854" y="72"/>
                    </a:lnTo>
                    <a:lnTo>
                      <a:pt x="863" y="67"/>
                    </a:lnTo>
                    <a:lnTo>
                      <a:pt x="873" y="63"/>
                    </a:lnTo>
                    <a:lnTo>
                      <a:pt x="885" y="60"/>
                    </a:lnTo>
                    <a:lnTo>
                      <a:pt x="897" y="58"/>
                    </a:lnTo>
                    <a:lnTo>
                      <a:pt x="904" y="57"/>
                    </a:lnTo>
                    <a:lnTo>
                      <a:pt x="912" y="57"/>
                    </a:lnTo>
                    <a:lnTo>
                      <a:pt x="917" y="59"/>
                    </a:lnTo>
                    <a:lnTo>
                      <a:pt x="924" y="62"/>
                    </a:lnTo>
                    <a:lnTo>
                      <a:pt x="928" y="66"/>
                    </a:lnTo>
                    <a:lnTo>
                      <a:pt x="933" y="70"/>
                    </a:lnTo>
                    <a:lnTo>
                      <a:pt x="937" y="75"/>
                    </a:lnTo>
                    <a:lnTo>
                      <a:pt x="941" y="81"/>
                    </a:lnTo>
                    <a:lnTo>
                      <a:pt x="947" y="94"/>
                    </a:lnTo>
                    <a:lnTo>
                      <a:pt x="955" y="107"/>
                    </a:lnTo>
                    <a:lnTo>
                      <a:pt x="963" y="120"/>
                    </a:lnTo>
                    <a:lnTo>
                      <a:pt x="972" y="130"/>
                    </a:lnTo>
                    <a:lnTo>
                      <a:pt x="984" y="141"/>
                    </a:lnTo>
                    <a:lnTo>
                      <a:pt x="995" y="151"/>
                    </a:lnTo>
                    <a:lnTo>
                      <a:pt x="1008" y="159"/>
                    </a:lnTo>
                    <a:lnTo>
                      <a:pt x="1021" y="168"/>
                    </a:lnTo>
                    <a:lnTo>
                      <a:pt x="1048" y="182"/>
                    </a:lnTo>
                    <a:lnTo>
                      <a:pt x="1077" y="194"/>
                    </a:lnTo>
                    <a:lnTo>
                      <a:pt x="1107" y="204"/>
                    </a:lnTo>
                    <a:lnTo>
                      <a:pt x="1136" y="213"/>
                    </a:lnTo>
                    <a:lnTo>
                      <a:pt x="1165" y="221"/>
                    </a:lnTo>
                    <a:lnTo>
                      <a:pt x="1193" y="229"/>
                    </a:lnTo>
                    <a:lnTo>
                      <a:pt x="1206" y="233"/>
                    </a:lnTo>
                    <a:lnTo>
                      <a:pt x="1217" y="238"/>
                    </a:lnTo>
                    <a:lnTo>
                      <a:pt x="1223" y="244"/>
                    </a:lnTo>
                    <a:lnTo>
                      <a:pt x="1227" y="251"/>
                    </a:lnTo>
                    <a:lnTo>
                      <a:pt x="1228" y="257"/>
                    </a:lnTo>
                    <a:lnTo>
                      <a:pt x="1228" y="265"/>
                    </a:lnTo>
                    <a:lnTo>
                      <a:pt x="1227" y="273"/>
                    </a:lnTo>
                    <a:lnTo>
                      <a:pt x="1224" y="282"/>
                    </a:lnTo>
                    <a:lnTo>
                      <a:pt x="1215" y="298"/>
                    </a:lnTo>
                    <a:lnTo>
                      <a:pt x="1206" y="313"/>
                    </a:lnTo>
                    <a:lnTo>
                      <a:pt x="1202" y="320"/>
                    </a:lnTo>
                    <a:lnTo>
                      <a:pt x="1200" y="326"/>
                    </a:lnTo>
                    <a:lnTo>
                      <a:pt x="1197" y="331"/>
                    </a:lnTo>
                    <a:lnTo>
                      <a:pt x="1196" y="336"/>
                    </a:lnTo>
                    <a:lnTo>
                      <a:pt x="1205" y="351"/>
                    </a:lnTo>
                    <a:lnTo>
                      <a:pt x="1227" y="375"/>
                    </a:lnTo>
                    <a:lnTo>
                      <a:pt x="1249" y="401"/>
                    </a:lnTo>
                    <a:lnTo>
                      <a:pt x="1265" y="422"/>
                    </a:lnTo>
                    <a:lnTo>
                      <a:pt x="1274" y="436"/>
                    </a:lnTo>
                    <a:lnTo>
                      <a:pt x="1291" y="457"/>
                    </a:lnTo>
                    <a:lnTo>
                      <a:pt x="1300" y="466"/>
                    </a:lnTo>
                    <a:lnTo>
                      <a:pt x="1310" y="474"/>
                    </a:lnTo>
                    <a:lnTo>
                      <a:pt x="1314" y="475"/>
                    </a:lnTo>
                    <a:lnTo>
                      <a:pt x="1318" y="476"/>
                    </a:lnTo>
                    <a:lnTo>
                      <a:pt x="1322" y="476"/>
                    </a:lnTo>
                    <a:lnTo>
                      <a:pt x="1324" y="474"/>
                    </a:lnTo>
                    <a:lnTo>
                      <a:pt x="1329" y="469"/>
                    </a:lnTo>
                    <a:lnTo>
                      <a:pt x="1332" y="463"/>
                    </a:lnTo>
                    <a:lnTo>
                      <a:pt x="1333" y="457"/>
                    </a:lnTo>
                    <a:lnTo>
                      <a:pt x="1335" y="452"/>
                    </a:lnTo>
                    <a:lnTo>
                      <a:pt x="1337" y="446"/>
                    </a:lnTo>
                    <a:lnTo>
                      <a:pt x="1340" y="441"/>
                    </a:lnTo>
                    <a:lnTo>
                      <a:pt x="1345" y="437"/>
                    </a:lnTo>
                    <a:lnTo>
                      <a:pt x="1354" y="435"/>
                    </a:lnTo>
                    <a:lnTo>
                      <a:pt x="1359" y="432"/>
                    </a:lnTo>
                    <a:lnTo>
                      <a:pt x="1362" y="430"/>
                    </a:lnTo>
                    <a:lnTo>
                      <a:pt x="1364" y="424"/>
                    </a:lnTo>
                    <a:lnTo>
                      <a:pt x="1364" y="419"/>
                    </a:lnTo>
                    <a:lnTo>
                      <a:pt x="1366" y="405"/>
                    </a:lnTo>
                    <a:lnTo>
                      <a:pt x="1364" y="391"/>
                    </a:lnTo>
                    <a:lnTo>
                      <a:pt x="1364" y="375"/>
                    </a:lnTo>
                    <a:lnTo>
                      <a:pt x="1366" y="362"/>
                    </a:lnTo>
                    <a:lnTo>
                      <a:pt x="1367" y="356"/>
                    </a:lnTo>
                    <a:lnTo>
                      <a:pt x="1371" y="352"/>
                    </a:lnTo>
                    <a:lnTo>
                      <a:pt x="1376" y="348"/>
                    </a:lnTo>
                    <a:lnTo>
                      <a:pt x="1381" y="345"/>
                    </a:lnTo>
                    <a:lnTo>
                      <a:pt x="1389" y="345"/>
                    </a:lnTo>
                    <a:lnTo>
                      <a:pt x="1395" y="345"/>
                    </a:lnTo>
                    <a:lnTo>
                      <a:pt x="1403" y="347"/>
                    </a:lnTo>
                    <a:lnTo>
                      <a:pt x="1410" y="349"/>
                    </a:lnTo>
                    <a:lnTo>
                      <a:pt x="1424" y="356"/>
                    </a:lnTo>
                    <a:lnTo>
                      <a:pt x="1438" y="364"/>
                    </a:lnTo>
                    <a:lnTo>
                      <a:pt x="1452" y="373"/>
                    </a:lnTo>
                    <a:lnTo>
                      <a:pt x="1467" y="380"/>
                    </a:lnTo>
                    <a:lnTo>
                      <a:pt x="1481" y="387"/>
                    </a:lnTo>
                    <a:lnTo>
                      <a:pt x="1494" y="391"/>
                    </a:lnTo>
                    <a:lnTo>
                      <a:pt x="1524" y="387"/>
                    </a:lnTo>
                    <a:lnTo>
                      <a:pt x="1554" y="383"/>
                    </a:lnTo>
                    <a:lnTo>
                      <a:pt x="1583" y="378"/>
                    </a:lnTo>
                    <a:lnTo>
                      <a:pt x="1612" y="375"/>
                    </a:lnTo>
                    <a:lnTo>
                      <a:pt x="1618" y="375"/>
                    </a:lnTo>
                    <a:lnTo>
                      <a:pt x="1623" y="375"/>
                    </a:lnTo>
                    <a:lnTo>
                      <a:pt x="1627" y="377"/>
                    </a:lnTo>
                    <a:lnTo>
                      <a:pt x="1630" y="378"/>
                    </a:lnTo>
                    <a:lnTo>
                      <a:pt x="1633" y="380"/>
                    </a:lnTo>
                    <a:lnTo>
                      <a:pt x="1634" y="383"/>
                    </a:lnTo>
                    <a:lnTo>
                      <a:pt x="1634" y="386"/>
                    </a:lnTo>
                    <a:lnTo>
                      <a:pt x="1634" y="388"/>
                    </a:lnTo>
                    <a:lnTo>
                      <a:pt x="1629" y="402"/>
                    </a:lnTo>
                    <a:lnTo>
                      <a:pt x="1625" y="419"/>
                    </a:lnTo>
                    <a:lnTo>
                      <a:pt x="1625" y="423"/>
                    </a:lnTo>
                    <a:lnTo>
                      <a:pt x="1625" y="430"/>
                    </a:lnTo>
                    <a:lnTo>
                      <a:pt x="1627" y="437"/>
                    </a:lnTo>
                    <a:lnTo>
                      <a:pt x="1630" y="445"/>
                    </a:lnTo>
                    <a:lnTo>
                      <a:pt x="1638" y="462"/>
                    </a:lnTo>
                    <a:lnTo>
                      <a:pt x="1648" y="480"/>
                    </a:lnTo>
                    <a:lnTo>
                      <a:pt x="1653" y="488"/>
                    </a:lnTo>
                    <a:lnTo>
                      <a:pt x="1660" y="494"/>
                    </a:lnTo>
                    <a:lnTo>
                      <a:pt x="1665" y="501"/>
                    </a:lnTo>
                    <a:lnTo>
                      <a:pt x="1671" y="506"/>
                    </a:lnTo>
                    <a:lnTo>
                      <a:pt x="1678" y="509"/>
                    </a:lnTo>
                    <a:lnTo>
                      <a:pt x="1683" y="511"/>
                    </a:lnTo>
                    <a:lnTo>
                      <a:pt x="1688" y="511"/>
                    </a:lnTo>
                    <a:lnTo>
                      <a:pt x="1693" y="509"/>
                    </a:lnTo>
                    <a:lnTo>
                      <a:pt x="1701" y="503"/>
                    </a:lnTo>
                    <a:lnTo>
                      <a:pt x="1708" y="500"/>
                    </a:lnTo>
                    <a:lnTo>
                      <a:pt x="1713" y="498"/>
                    </a:lnTo>
                    <a:lnTo>
                      <a:pt x="1718" y="497"/>
                    </a:lnTo>
                    <a:lnTo>
                      <a:pt x="1722" y="497"/>
                    </a:lnTo>
                    <a:lnTo>
                      <a:pt x="1727" y="498"/>
                    </a:lnTo>
                    <a:lnTo>
                      <a:pt x="1730" y="501"/>
                    </a:lnTo>
                    <a:lnTo>
                      <a:pt x="1734" y="505"/>
                    </a:lnTo>
                    <a:lnTo>
                      <a:pt x="1745" y="520"/>
                    </a:lnTo>
                    <a:lnTo>
                      <a:pt x="1761" y="538"/>
                    </a:lnTo>
                    <a:lnTo>
                      <a:pt x="1769" y="542"/>
                    </a:lnTo>
                    <a:lnTo>
                      <a:pt x="1776" y="546"/>
                    </a:lnTo>
                    <a:lnTo>
                      <a:pt x="1784" y="549"/>
                    </a:lnTo>
                    <a:lnTo>
                      <a:pt x="1793" y="550"/>
                    </a:lnTo>
                    <a:lnTo>
                      <a:pt x="1811" y="551"/>
                    </a:lnTo>
                    <a:lnTo>
                      <a:pt x="1829" y="551"/>
                    </a:lnTo>
                    <a:lnTo>
                      <a:pt x="1839" y="551"/>
                    </a:lnTo>
                    <a:lnTo>
                      <a:pt x="1848" y="553"/>
                    </a:lnTo>
                    <a:lnTo>
                      <a:pt x="1855" y="555"/>
                    </a:lnTo>
                    <a:lnTo>
                      <a:pt x="1862" y="558"/>
                    </a:lnTo>
                    <a:lnTo>
                      <a:pt x="1868" y="563"/>
                    </a:lnTo>
                    <a:lnTo>
                      <a:pt x="1874" y="568"/>
                    </a:lnTo>
                    <a:lnTo>
                      <a:pt x="1879" y="576"/>
                    </a:lnTo>
                    <a:lnTo>
                      <a:pt x="1881" y="585"/>
                    </a:lnTo>
                    <a:lnTo>
                      <a:pt x="1885" y="598"/>
                    </a:lnTo>
                    <a:lnTo>
                      <a:pt x="1890" y="614"/>
                    </a:lnTo>
                    <a:lnTo>
                      <a:pt x="1897" y="630"/>
                    </a:lnTo>
                    <a:lnTo>
                      <a:pt x="1905" y="649"/>
                    </a:lnTo>
                    <a:lnTo>
                      <a:pt x="1914" y="664"/>
                    </a:lnTo>
                    <a:lnTo>
                      <a:pt x="1923" y="680"/>
                    </a:lnTo>
                    <a:lnTo>
                      <a:pt x="1933" y="693"/>
                    </a:lnTo>
                    <a:lnTo>
                      <a:pt x="1943" y="702"/>
                    </a:lnTo>
                    <a:lnTo>
                      <a:pt x="1962" y="750"/>
                    </a:lnTo>
                    <a:lnTo>
                      <a:pt x="1962" y="750"/>
                    </a:lnTo>
                    <a:lnTo>
                      <a:pt x="1818" y="814"/>
                    </a:lnTo>
                    <a:lnTo>
                      <a:pt x="1805" y="825"/>
                    </a:lnTo>
                    <a:lnTo>
                      <a:pt x="1793" y="835"/>
                    </a:lnTo>
                    <a:lnTo>
                      <a:pt x="1784" y="845"/>
                    </a:lnTo>
                    <a:lnTo>
                      <a:pt x="1774" y="857"/>
                    </a:lnTo>
                    <a:lnTo>
                      <a:pt x="1758" y="880"/>
                    </a:lnTo>
                    <a:lnTo>
                      <a:pt x="1743" y="905"/>
                    </a:lnTo>
                    <a:lnTo>
                      <a:pt x="1728" y="930"/>
                    </a:lnTo>
                    <a:lnTo>
                      <a:pt x="1713" y="953"/>
                    </a:lnTo>
                    <a:lnTo>
                      <a:pt x="1704" y="963"/>
                    </a:lnTo>
                    <a:lnTo>
                      <a:pt x="1695" y="974"/>
                    </a:lnTo>
                    <a:lnTo>
                      <a:pt x="1684" y="984"/>
                    </a:lnTo>
                    <a:lnTo>
                      <a:pt x="1673" y="993"/>
                    </a:lnTo>
                    <a:lnTo>
                      <a:pt x="1657" y="1002"/>
                    </a:lnTo>
                    <a:lnTo>
                      <a:pt x="1643" y="1011"/>
                    </a:lnTo>
                    <a:lnTo>
                      <a:pt x="1629" y="1018"/>
                    </a:lnTo>
                    <a:lnTo>
                      <a:pt x="1614" y="1024"/>
                    </a:lnTo>
                    <a:lnTo>
                      <a:pt x="1600" y="1028"/>
                    </a:lnTo>
                    <a:lnTo>
                      <a:pt x="1586" y="1032"/>
                    </a:lnTo>
                    <a:lnTo>
                      <a:pt x="1570" y="1036"/>
                    </a:lnTo>
                    <a:lnTo>
                      <a:pt x="1556" y="1038"/>
                    </a:lnTo>
                    <a:lnTo>
                      <a:pt x="1526" y="1041"/>
                    </a:lnTo>
                    <a:lnTo>
                      <a:pt x="1495" y="1044"/>
                    </a:lnTo>
                    <a:lnTo>
                      <a:pt x="1464" y="1045"/>
                    </a:lnTo>
                    <a:lnTo>
                      <a:pt x="1432" y="1048"/>
                    </a:lnTo>
                    <a:lnTo>
                      <a:pt x="1424" y="1049"/>
                    </a:lnTo>
                    <a:lnTo>
                      <a:pt x="1416" y="1051"/>
                    </a:lnTo>
                    <a:lnTo>
                      <a:pt x="1410" y="1055"/>
                    </a:lnTo>
                    <a:lnTo>
                      <a:pt x="1403" y="1059"/>
                    </a:lnTo>
                    <a:lnTo>
                      <a:pt x="1390" y="1070"/>
                    </a:lnTo>
                    <a:lnTo>
                      <a:pt x="1379" y="1081"/>
                    </a:lnTo>
                    <a:lnTo>
                      <a:pt x="1359" y="1110"/>
                    </a:lnTo>
                    <a:lnTo>
                      <a:pt x="1341" y="1137"/>
                    </a:lnTo>
                    <a:lnTo>
                      <a:pt x="1341" y="1137"/>
                    </a:lnTo>
                    <a:lnTo>
                      <a:pt x="1331" y="1124"/>
                    </a:lnTo>
                    <a:lnTo>
                      <a:pt x="1320" y="1112"/>
                    </a:lnTo>
                    <a:lnTo>
                      <a:pt x="1315" y="1107"/>
                    </a:lnTo>
                    <a:lnTo>
                      <a:pt x="1310" y="1101"/>
                    </a:lnTo>
                    <a:lnTo>
                      <a:pt x="1304" y="1095"/>
                    </a:lnTo>
                    <a:lnTo>
                      <a:pt x="1297" y="1090"/>
                    </a:lnTo>
                    <a:lnTo>
                      <a:pt x="1280" y="1081"/>
                    </a:lnTo>
                    <a:lnTo>
                      <a:pt x="1262" y="1073"/>
                    </a:lnTo>
                    <a:lnTo>
                      <a:pt x="1244" y="1067"/>
                    </a:lnTo>
                    <a:lnTo>
                      <a:pt x="1224" y="1063"/>
                    </a:lnTo>
                    <a:lnTo>
                      <a:pt x="1202" y="1059"/>
                    </a:lnTo>
                    <a:lnTo>
                      <a:pt x="1180" y="1057"/>
                    </a:lnTo>
                    <a:lnTo>
                      <a:pt x="1157" y="1055"/>
                    </a:lnTo>
                    <a:lnTo>
                      <a:pt x="1134" y="1057"/>
                    </a:lnTo>
                    <a:lnTo>
                      <a:pt x="1110" y="1058"/>
                    </a:lnTo>
                    <a:lnTo>
                      <a:pt x="1087" y="1061"/>
                    </a:lnTo>
                    <a:lnTo>
                      <a:pt x="1065" y="1064"/>
                    </a:lnTo>
                    <a:lnTo>
                      <a:pt x="1043" y="1067"/>
                    </a:lnTo>
                    <a:lnTo>
                      <a:pt x="1031" y="1066"/>
                    </a:lnTo>
                    <a:lnTo>
                      <a:pt x="1021" y="1063"/>
                    </a:lnTo>
                    <a:lnTo>
                      <a:pt x="1011" y="1059"/>
                    </a:lnTo>
                    <a:lnTo>
                      <a:pt x="1000" y="1055"/>
                    </a:lnTo>
                    <a:lnTo>
                      <a:pt x="981" y="1046"/>
                    </a:lnTo>
                    <a:lnTo>
                      <a:pt x="961" y="1035"/>
                    </a:lnTo>
                    <a:lnTo>
                      <a:pt x="925" y="1007"/>
                    </a:lnTo>
                    <a:lnTo>
                      <a:pt x="889" y="981"/>
                    </a:lnTo>
                    <a:lnTo>
                      <a:pt x="859" y="959"/>
                    </a:lnTo>
                    <a:lnTo>
                      <a:pt x="837" y="944"/>
                    </a:lnTo>
                    <a:lnTo>
                      <a:pt x="825" y="939"/>
                    </a:lnTo>
                    <a:lnTo>
                      <a:pt x="811" y="935"/>
                    </a:lnTo>
                    <a:lnTo>
                      <a:pt x="794" y="932"/>
                    </a:lnTo>
                    <a:lnTo>
                      <a:pt x="772" y="930"/>
                    </a:lnTo>
                    <a:lnTo>
                      <a:pt x="767" y="930"/>
                    </a:lnTo>
                    <a:lnTo>
                      <a:pt x="763" y="931"/>
                    </a:lnTo>
                    <a:lnTo>
                      <a:pt x="759" y="932"/>
                    </a:lnTo>
                    <a:lnTo>
                      <a:pt x="756" y="935"/>
                    </a:lnTo>
                    <a:lnTo>
                      <a:pt x="749" y="941"/>
                    </a:lnTo>
                    <a:lnTo>
                      <a:pt x="745" y="949"/>
                    </a:lnTo>
                    <a:lnTo>
                      <a:pt x="739" y="967"/>
                    </a:lnTo>
                    <a:lnTo>
                      <a:pt x="735" y="985"/>
                    </a:lnTo>
                    <a:lnTo>
                      <a:pt x="733" y="991"/>
                    </a:lnTo>
                    <a:lnTo>
                      <a:pt x="731" y="997"/>
                    </a:lnTo>
                    <a:lnTo>
                      <a:pt x="728" y="1002"/>
                    </a:lnTo>
                    <a:lnTo>
                      <a:pt x="726" y="1007"/>
                    </a:lnTo>
                    <a:lnTo>
                      <a:pt x="718" y="1016"/>
                    </a:lnTo>
                    <a:lnTo>
                      <a:pt x="709" y="1024"/>
                    </a:lnTo>
                    <a:lnTo>
                      <a:pt x="699" y="1031"/>
                    </a:lnTo>
                    <a:lnTo>
                      <a:pt x="687" y="1037"/>
                    </a:lnTo>
                    <a:lnTo>
                      <a:pt x="675" y="1042"/>
                    </a:lnTo>
                    <a:lnTo>
                      <a:pt x="662" y="1046"/>
                    </a:lnTo>
                    <a:lnTo>
                      <a:pt x="647" y="1054"/>
                    </a:lnTo>
                    <a:lnTo>
                      <a:pt x="630" y="1064"/>
                    </a:lnTo>
                    <a:lnTo>
                      <a:pt x="614" y="1076"/>
                    </a:lnTo>
                    <a:lnTo>
                      <a:pt x="597" y="1089"/>
                    </a:lnTo>
                    <a:lnTo>
                      <a:pt x="581" y="1101"/>
                    </a:lnTo>
                    <a:lnTo>
                      <a:pt x="565" y="1111"/>
                    </a:lnTo>
                    <a:lnTo>
                      <a:pt x="557" y="1115"/>
                    </a:lnTo>
                    <a:lnTo>
                      <a:pt x="550" y="1119"/>
                    </a:lnTo>
                    <a:lnTo>
                      <a:pt x="542" y="1121"/>
                    </a:lnTo>
                    <a:lnTo>
                      <a:pt x="535" y="1123"/>
                    </a:lnTo>
                    <a:lnTo>
                      <a:pt x="528" y="1124"/>
                    </a:lnTo>
                    <a:lnTo>
                      <a:pt x="518" y="1123"/>
                    </a:lnTo>
                    <a:lnTo>
                      <a:pt x="511" y="1120"/>
                    </a:lnTo>
                    <a:lnTo>
                      <a:pt x="502" y="1116"/>
                    </a:lnTo>
                    <a:lnTo>
                      <a:pt x="494" y="1111"/>
                    </a:lnTo>
                    <a:lnTo>
                      <a:pt x="485" y="1106"/>
                    </a:lnTo>
                    <a:lnTo>
                      <a:pt x="477" y="1099"/>
                    </a:lnTo>
                    <a:lnTo>
                      <a:pt x="469" y="1092"/>
                    </a:lnTo>
                    <a:lnTo>
                      <a:pt x="454" y="1076"/>
                    </a:lnTo>
                    <a:lnTo>
                      <a:pt x="439" y="1061"/>
                    </a:lnTo>
                    <a:lnTo>
                      <a:pt x="428" y="1045"/>
                    </a:lnTo>
                    <a:lnTo>
                      <a:pt x="417" y="1032"/>
                    </a:lnTo>
                    <a:lnTo>
                      <a:pt x="417" y="1032"/>
                    </a:lnTo>
                    <a:lnTo>
                      <a:pt x="376" y="943"/>
                    </a:lnTo>
                    <a:lnTo>
                      <a:pt x="375" y="937"/>
                    </a:lnTo>
                    <a:lnTo>
                      <a:pt x="373" y="934"/>
                    </a:lnTo>
                    <a:lnTo>
                      <a:pt x="353" y="919"/>
                    </a:lnTo>
                    <a:lnTo>
                      <a:pt x="334" y="908"/>
                    </a:lnTo>
                    <a:lnTo>
                      <a:pt x="322" y="897"/>
                    </a:lnTo>
                    <a:lnTo>
                      <a:pt x="311" y="886"/>
                    </a:lnTo>
                    <a:lnTo>
                      <a:pt x="302" y="873"/>
                    </a:lnTo>
                    <a:lnTo>
                      <a:pt x="294" y="857"/>
                    </a:lnTo>
                    <a:lnTo>
                      <a:pt x="288" y="838"/>
                    </a:lnTo>
                    <a:lnTo>
                      <a:pt x="280" y="812"/>
                    </a:lnTo>
                    <a:lnTo>
                      <a:pt x="276" y="798"/>
                    </a:lnTo>
                    <a:lnTo>
                      <a:pt x="268" y="782"/>
                    </a:lnTo>
                    <a:lnTo>
                      <a:pt x="261" y="768"/>
                    </a:lnTo>
                    <a:lnTo>
                      <a:pt x="250" y="752"/>
                    </a:lnTo>
                    <a:lnTo>
                      <a:pt x="240" y="735"/>
                    </a:lnTo>
                    <a:lnTo>
                      <a:pt x="227" y="720"/>
                    </a:lnTo>
                    <a:lnTo>
                      <a:pt x="214" y="704"/>
                    </a:lnTo>
                    <a:lnTo>
                      <a:pt x="201" y="687"/>
                    </a:lnTo>
                    <a:lnTo>
                      <a:pt x="173" y="658"/>
                    </a:lnTo>
                    <a:lnTo>
                      <a:pt x="144" y="629"/>
                    </a:lnTo>
                    <a:lnTo>
                      <a:pt x="117" y="603"/>
                    </a:lnTo>
                    <a:lnTo>
                      <a:pt x="94" y="583"/>
                    </a:lnTo>
                    <a:lnTo>
                      <a:pt x="75" y="566"/>
                    </a:lnTo>
                    <a:lnTo>
                      <a:pt x="62" y="551"/>
                    </a:lnTo>
                    <a:lnTo>
                      <a:pt x="57" y="544"/>
                    </a:lnTo>
                    <a:lnTo>
                      <a:pt x="55" y="537"/>
                    </a:lnTo>
                    <a:lnTo>
                      <a:pt x="52" y="531"/>
                    </a:lnTo>
                    <a:lnTo>
                      <a:pt x="49" y="523"/>
                    </a:lnTo>
                    <a:lnTo>
                      <a:pt x="48" y="509"/>
                    </a:lnTo>
                    <a:lnTo>
                      <a:pt x="49" y="492"/>
                    </a:lnTo>
                    <a:lnTo>
                      <a:pt x="52" y="472"/>
                    </a:lnTo>
                    <a:lnTo>
                      <a:pt x="55" y="449"/>
                    </a:lnTo>
                    <a:lnTo>
                      <a:pt x="56" y="437"/>
                    </a:lnTo>
                    <a:lnTo>
                      <a:pt x="56" y="427"/>
                    </a:lnTo>
                    <a:lnTo>
                      <a:pt x="56" y="419"/>
                    </a:lnTo>
                    <a:lnTo>
                      <a:pt x="53" y="410"/>
                    </a:lnTo>
                    <a:lnTo>
                      <a:pt x="51" y="402"/>
                    </a:lnTo>
                    <a:lnTo>
                      <a:pt x="48" y="396"/>
                    </a:lnTo>
                    <a:lnTo>
                      <a:pt x="44" y="389"/>
                    </a:lnTo>
                    <a:lnTo>
                      <a:pt x="40" y="383"/>
                    </a:lnTo>
                    <a:lnTo>
                      <a:pt x="30" y="371"/>
                    </a:lnTo>
                    <a:lnTo>
                      <a:pt x="20" y="358"/>
                    </a:lnTo>
                    <a:lnTo>
                      <a:pt x="9" y="345"/>
                    </a:lnTo>
                    <a:lnTo>
                      <a:pt x="0" y="329"/>
                    </a:lnTo>
                    <a:lnTo>
                      <a:pt x="2" y="323"/>
                    </a:lnTo>
                    <a:lnTo>
                      <a:pt x="3" y="320"/>
                    </a:lnTo>
                    <a:lnTo>
                      <a:pt x="7" y="316"/>
                    </a:lnTo>
                    <a:lnTo>
                      <a:pt x="9" y="313"/>
                    </a:lnTo>
                    <a:lnTo>
                      <a:pt x="18" y="310"/>
                    </a:lnTo>
                    <a:lnTo>
                      <a:pt x="27" y="308"/>
                    </a:lnTo>
                    <a:lnTo>
                      <a:pt x="38" y="305"/>
                    </a:lnTo>
                    <a:lnTo>
                      <a:pt x="48" y="300"/>
                    </a:lnTo>
                    <a:lnTo>
                      <a:pt x="53" y="296"/>
                    </a:lnTo>
                    <a:lnTo>
                      <a:pt x="57" y="292"/>
                    </a:lnTo>
                    <a:lnTo>
                      <a:pt x="62" y="286"/>
                    </a:lnTo>
                    <a:lnTo>
                      <a:pt x="66" y="278"/>
                    </a:lnTo>
                    <a:lnTo>
                      <a:pt x="73" y="265"/>
                    </a:lnTo>
                    <a:lnTo>
                      <a:pt x="81" y="253"/>
                    </a:lnTo>
                    <a:lnTo>
                      <a:pt x="91" y="246"/>
                    </a:lnTo>
                    <a:lnTo>
                      <a:pt x="101" y="238"/>
                    </a:lnTo>
                    <a:lnTo>
                      <a:pt x="113" y="231"/>
                    </a:lnTo>
                    <a:lnTo>
                      <a:pt x="125" y="228"/>
                    </a:lnTo>
                    <a:lnTo>
                      <a:pt x="138" y="224"/>
                    </a:lnTo>
                    <a:lnTo>
                      <a:pt x="152" y="220"/>
                    </a:lnTo>
                    <a:lnTo>
                      <a:pt x="179" y="215"/>
                    </a:lnTo>
                    <a:lnTo>
                      <a:pt x="206" y="209"/>
                    </a:lnTo>
                    <a:lnTo>
                      <a:pt x="219" y="206"/>
                    </a:lnTo>
                    <a:lnTo>
                      <a:pt x="232" y="202"/>
                    </a:lnTo>
                    <a:lnTo>
                      <a:pt x="244" y="196"/>
                    </a:lnTo>
                    <a:lnTo>
                      <a:pt x="255" y="189"/>
                    </a:lnTo>
                    <a:lnTo>
                      <a:pt x="274" y="177"/>
                    </a:lnTo>
                    <a:lnTo>
                      <a:pt x="292" y="165"/>
                    </a:lnTo>
                    <a:lnTo>
                      <a:pt x="310" y="154"/>
                    </a:lnTo>
                    <a:lnTo>
                      <a:pt x="328" y="145"/>
                    </a:lnTo>
                    <a:lnTo>
                      <a:pt x="346" y="134"/>
                    </a:lnTo>
                    <a:lnTo>
                      <a:pt x="366" y="127"/>
                    </a:lnTo>
                    <a:lnTo>
                      <a:pt x="386" y="120"/>
                    </a:lnTo>
                    <a:lnTo>
                      <a:pt x="407" y="114"/>
                    </a:lnTo>
                    <a:lnTo>
                      <a:pt x="430" y="106"/>
                    </a:lnTo>
                    <a:lnTo>
                      <a:pt x="452" y="97"/>
                    </a:lnTo>
                    <a:lnTo>
                      <a:pt x="473" y="86"/>
                    </a:lnTo>
                    <a:lnTo>
                      <a:pt x="493" y="76"/>
                    </a:lnTo>
                    <a:lnTo>
                      <a:pt x="513" y="66"/>
                    </a:lnTo>
                    <a:lnTo>
                      <a:pt x="534" y="57"/>
                    </a:lnTo>
                    <a:lnTo>
                      <a:pt x="546" y="54"/>
                    </a:lnTo>
                    <a:lnTo>
                      <a:pt x="557" y="50"/>
                    </a:lnTo>
                    <a:lnTo>
                      <a:pt x="569" y="49"/>
                    </a:lnTo>
                    <a:lnTo>
                      <a:pt x="582" y="48"/>
                    </a:lnTo>
                    <a:lnTo>
                      <a:pt x="591" y="46"/>
                    </a:lnTo>
                    <a:lnTo>
                      <a:pt x="600" y="42"/>
                    </a:lnTo>
                    <a:lnTo>
                      <a:pt x="609" y="38"/>
                    </a:lnTo>
                    <a:lnTo>
                      <a:pt x="618" y="32"/>
                    </a:lnTo>
                    <a:lnTo>
                      <a:pt x="636" y="20"/>
                    </a:lnTo>
                    <a:lnTo>
                      <a:pt x="654" y="9"/>
                    </a:lnTo>
                    <a:lnTo>
                      <a:pt x="664" y="3"/>
                    </a:lnTo>
                    <a:lnTo>
                      <a:pt x="673" y="1"/>
                    </a:lnTo>
                    <a:lnTo>
                      <a:pt x="680" y="0"/>
                    </a:lnTo>
                    <a:lnTo>
                      <a:pt x="687" y="1"/>
                    </a:lnTo>
                    <a:lnTo>
                      <a:pt x="691" y="2"/>
                    </a:lnTo>
                    <a:lnTo>
                      <a:pt x="695" y="5"/>
                    </a:lnTo>
                    <a:lnTo>
                      <a:pt x="697" y="7"/>
                    </a:lnTo>
                    <a:lnTo>
                      <a:pt x="700" y="11"/>
                    </a:lnTo>
                    <a:lnTo>
                      <a:pt x="705" y="22"/>
                    </a:lnTo>
                    <a:lnTo>
                      <a:pt x="710" y="35"/>
                    </a:lnTo>
                    <a:lnTo>
                      <a:pt x="745" y="59"/>
                    </a:lnTo>
                    <a:lnTo>
                      <a:pt x="745" y="5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29" name="Freeform 144">
                <a:extLst>
                  <a:ext uri="{FF2B5EF4-FFF2-40B4-BE49-F238E27FC236}">
                    <a16:creationId xmlns:a16="http://schemas.microsoft.com/office/drawing/2014/main" id="{3B8F2F9D-4013-4F4F-A46A-F22CF2334B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91092" y="4351518"/>
                <a:ext cx="954566" cy="610531"/>
              </a:xfrm>
              <a:custGeom>
                <a:avLst/>
                <a:gdLst/>
                <a:ahLst/>
                <a:cxnLst>
                  <a:cxn ang="0">
                    <a:pos x="584" y="437"/>
                  </a:cxn>
                  <a:cxn ang="0">
                    <a:pos x="737" y="423"/>
                  </a:cxn>
                  <a:cxn ang="0">
                    <a:pos x="831" y="415"/>
                  </a:cxn>
                  <a:cxn ang="0">
                    <a:pos x="828" y="328"/>
                  </a:cxn>
                  <a:cxn ang="0">
                    <a:pos x="843" y="218"/>
                  </a:cxn>
                  <a:cxn ang="0">
                    <a:pos x="868" y="196"/>
                  </a:cxn>
                  <a:cxn ang="0">
                    <a:pos x="931" y="215"/>
                  </a:cxn>
                  <a:cxn ang="0">
                    <a:pos x="1047" y="191"/>
                  </a:cxn>
                  <a:cxn ang="0">
                    <a:pos x="1088" y="147"/>
                  </a:cxn>
                  <a:cxn ang="0">
                    <a:pos x="1118" y="132"/>
                  </a:cxn>
                  <a:cxn ang="0">
                    <a:pos x="1185" y="158"/>
                  </a:cxn>
                  <a:cxn ang="0">
                    <a:pos x="1245" y="153"/>
                  </a:cxn>
                  <a:cxn ang="0">
                    <a:pos x="1320" y="75"/>
                  </a:cxn>
                  <a:cxn ang="0">
                    <a:pos x="1389" y="13"/>
                  </a:cxn>
                  <a:cxn ang="0">
                    <a:pos x="1509" y="9"/>
                  </a:cxn>
                  <a:cxn ang="0">
                    <a:pos x="1627" y="0"/>
                  </a:cxn>
                  <a:cxn ang="0">
                    <a:pos x="1680" y="20"/>
                  </a:cxn>
                  <a:cxn ang="0">
                    <a:pos x="1728" y="73"/>
                  </a:cxn>
                  <a:cxn ang="0">
                    <a:pos x="1872" y="90"/>
                  </a:cxn>
                  <a:cxn ang="0">
                    <a:pos x="1921" y="140"/>
                  </a:cxn>
                  <a:cxn ang="0">
                    <a:pos x="2027" y="210"/>
                  </a:cxn>
                  <a:cxn ang="0">
                    <a:pos x="2092" y="280"/>
                  </a:cxn>
                  <a:cxn ang="0">
                    <a:pos x="2070" y="336"/>
                  </a:cxn>
                  <a:cxn ang="0">
                    <a:pos x="1977" y="338"/>
                  </a:cxn>
                  <a:cxn ang="0">
                    <a:pos x="1920" y="366"/>
                  </a:cxn>
                  <a:cxn ang="0">
                    <a:pos x="1858" y="480"/>
                  </a:cxn>
                  <a:cxn ang="0">
                    <a:pos x="1819" y="529"/>
                  </a:cxn>
                  <a:cxn ang="0">
                    <a:pos x="1782" y="546"/>
                  </a:cxn>
                  <a:cxn ang="0">
                    <a:pos x="1793" y="605"/>
                  </a:cxn>
                  <a:cxn ang="0">
                    <a:pos x="1775" y="683"/>
                  </a:cxn>
                  <a:cxn ang="0">
                    <a:pos x="1697" y="785"/>
                  </a:cxn>
                  <a:cxn ang="0">
                    <a:pos x="1605" y="894"/>
                  </a:cxn>
                  <a:cxn ang="0">
                    <a:pos x="1557" y="998"/>
                  </a:cxn>
                  <a:cxn ang="0">
                    <a:pos x="1501" y="1091"/>
                  </a:cxn>
                  <a:cxn ang="0">
                    <a:pos x="1386" y="1142"/>
                  </a:cxn>
                  <a:cxn ang="0">
                    <a:pos x="1319" y="1179"/>
                  </a:cxn>
                  <a:cxn ang="0">
                    <a:pos x="1126" y="1142"/>
                  </a:cxn>
                  <a:cxn ang="0">
                    <a:pos x="1044" y="1145"/>
                  </a:cxn>
                  <a:cxn ang="0">
                    <a:pos x="990" y="1199"/>
                  </a:cxn>
                  <a:cxn ang="0">
                    <a:pos x="935" y="1246"/>
                  </a:cxn>
                  <a:cxn ang="0">
                    <a:pos x="803" y="1279"/>
                  </a:cxn>
                  <a:cxn ang="0">
                    <a:pos x="664" y="1335"/>
                  </a:cxn>
                  <a:cxn ang="0">
                    <a:pos x="526" y="1353"/>
                  </a:cxn>
                  <a:cxn ang="0">
                    <a:pos x="454" y="1341"/>
                  </a:cxn>
                  <a:cxn ang="0">
                    <a:pos x="348" y="1279"/>
                  </a:cxn>
                  <a:cxn ang="0">
                    <a:pos x="259" y="1195"/>
                  </a:cxn>
                  <a:cxn ang="0">
                    <a:pos x="172" y="1117"/>
                  </a:cxn>
                  <a:cxn ang="0">
                    <a:pos x="133" y="1057"/>
                  </a:cxn>
                  <a:cxn ang="0">
                    <a:pos x="65" y="978"/>
                  </a:cxn>
                  <a:cxn ang="0">
                    <a:pos x="0" y="825"/>
                  </a:cxn>
                  <a:cxn ang="0">
                    <a:pos x="48" y="675"/>
                  </a:cxn>
                  <a:cxn ang="0">
                    <a:pos x="74" y="631"/>
                  </a:cxn>
                  <a:cxn ang="0">
                    <a:pos x="97" y="587"/>
                  </a:cxn>
                  <a:cxn ang="0">
                    <a:pos x="124" y="520"/>
                  </a:cxn>
                  <a:cxn ang="0">
                    <a:pos x="120" y="467"/>
                  </a:cxn>
                  <a:cxn ang="0">
                    <a:pos x="128" y="438"/>
                  </a:cxn>
                  <a:cxn ang="0">
                    <a:pos x="212" y="425"/>
                  </a:cxn>
                </a:cxnLst>
                <a:rect l="0" t="0" r="r" b="b"/>
                <a:pathLst>
                  <a:path w="2092" h="1353">
                    <a:moveTo>
                      <a:pt x="283" y="268"/>
                    </a:moveTo>
                    <a:lnTo>
                      <a:pt x="346" y="360"/>
                    </a:lnTo>
                    <a:lnTo>
                      <a:pt x="505" y="426"/>
                    </a:lnTo>
                    <a:lnTo>
                      <a:pt x="531" y="432"/>
                    </a:lnTo>
                    <a:lnTo>
                      <a:pt x="558" y="436"/>
                    </a:lnTo>
                    <a:lnTo>
                      <a:pt x="584" y="437"/>
                    </a:lnTo>
                    <a:lnTo>
                      <a:pt x="610" y="437"/>
                    </a:lnTo>
                    <a:lnTo>
                      <a:pt x="636" y="436"/>
                    </a:lnTo>
                    <a:lnTo>
                      <a:pt x="660" y="433"/>
                    </a:lnTo>
                    <a:lnTo>
                      <a:pt x="684" y="430"/>
                    </a:lnTo>
                    <a:lnTo>
                      <a:pt x="706" y="428"/>
                    </a:lnTo>
                    <a:lnTo>
                      <a:pt x="737" y="423"/>
                    </a:lnTo>
                    <a:lnTo>
                      <a:pt x="767" y="419"/>
                    </a:lnTo>
                    <a:lnTo>
                      <a:pt x="781" y="417"/>
                    </a:lnTo>
                    <a:lnTo>
                      <a:pt x="797" y="417"/>
                    </a:lnTo>
                    <a:lnTo>
                      <a:pt x="812" y="419"/>
                    </a:lnTo>
                    <a:lnTo>
                      <a:pt x="829" y="423"/>
                    </a:lnTo>
                    <a:lnTo>
                      <a:pt x="831" y="415"/>
                    </a:lnTo>
                    <a:lnTo>
                      <a:pt x="833" y="407"/>
                    </a:lnTo>
                    <a:lnTo>
                      <a:pt x="833" y="397"/>
                    </a:lnTo>
                    <a:lnTo>
                      <a:pt x="831" y="385"/>
                    </a:lnTo>
                    <a:lnTo>
                      <a:pt x="829" y="363"/>
                    </a:lnTo>
                    <a:lnTo>
                      <a:pt x="826" y="345"/>
                    </a:lnTo>
                    <a:lnTo>
                      <a:pt x="828" y="328"/>
                    </a:lnTo>
                    <a:lnTo>
                      <a:pt x="830" y="312"/>
                    </a:lnTo>
                    <a:lnTo>
                      <a:pt x="833" y="297"/>
                    </a:lnTo>
                    <a:lnTo>
                      <a:pt x="834" y="280"/>
                    </a:lnTo>
                    <a:lnTo>
                      <a:pt x="835" y="258"/>
                    </a:lnTo>
                    <a:lnTo>
                      <a:pt x="842" y="226"/>
                    </a:lnTo>
                    <a:lnTo>
                      <a:pt x="843" y="218"/>
                    </a:lnTo>
                    <a:lnTo>
                      <a:pt x="846" y="211"/>
                    </a:lnTo>
                    <a:lnTo>
                      <a:pt x="850" y="205"/>
                    </a:lnTo>
                    <a:lnTo>
                      <a:pt x="854" y="200"/>
                    </a:lnTo>
                    <a:lnTo>
                      <a:pt x="857" y="197"/>
                    </a:lnTo>
                    <a:lnTo>
                      <a:pt x="861" y="196"/>
                    </a:lnTo>
                    <a:lnTo>
                      <a:pt x="868" y="196"/>
                    </a:lnTo>
                    <a:lnTo>
                      <a:pt x="873" y="200"/>
                    </a:lnTo>
                    <a:lnTo>
                      <a:pt x="883" y="205"/>
                    </a:lnTo>
                    <a:lnTo>
                      <a:pt x="894" y="210"/>
                    </a:lnTo>
                    <a:lnTo>
                      <a:pt x="907" y="213"/>
                    </a:lnTo>
                    <a:lnTo>
                      <a:pt x="918" y="215"/>
                    </a:lnTo>
                    <a:lnTo>
                      <a:pt x="931" y="215"/>
                    </a:lnTo>
                    <a:lnTo>
                      <a:pt x="944" y="215"/>
                    </a:lnTo>
                    <a:lnTo>
                      <a:pt x="957" y="214"/>
                    </a:lnTo>
                    <a:lnTo>
                      <a:pt x="971" y="213"/>
                    </a:lnTo>
                    <a:lnTo>
                      <a:pt x="997" y="208"/>
                    </a:lnTo>
                    <a:lnTo>
                      <a:pt x="1023" y="200"/>
                    </a:lnTo>
                    <a:lnTo>
                      <a:pt x="1047" y="191"/>
                    </a:lnTo>
                    <a:lnTo>
                      <a:pt x="1066" y="180"/>
                    </a:lnTo>
                    <a:lnTo>
                      <a:pt x="1072" y="174"/>
                    </a:lnTo>
                    <a:lnTo>
                      <a:pt x="1078" y="167"/>
                    </a:lnTo>
                    <a:lnTo>
                      <a:pt x="1082" y="161"/>
                    </a:lnTo>
                    <a:lnTo>
                      <a:pt x="1084" y="153"/>
                    </a:lnTo>
                    <a:lnTo>
                      <a:pt x="1088" y="147"/>
                    </a:lnTo>
                    <a:lnTo>
                      <a:pt x="1092" y="140"/>
                    </a:lnTo>
                    <a:lnTo>
                      <a:pt x="1094" y="138"/>
                    </a:lnTo>
                    <a:lnTo>
                      <a:pt x="1098" y="136"/>
                    </a:lnTo>
                    <a:lnTo>
                      <a:pt x="1102" y="134"/>
                    </a:lnTo>
                    <a:lnTo>
                      <a:pt x="1106" y="134"/>
                    </a:lnTo>
                    <a:lnTo>
                      <a:pt x="1118" y="132"/>
                    </a:lnTo>
                    <a:lnTo>
                      <a:pt x="1127" y="132"/>
                    </a:lnTo>
                    <a:lnTo>
                      <a:pt x="1136" y="135"/>
                    </a:lnTo>
                    <a:lnTo>
                      <a:pt x="1145" y="138"/>
                    </a:lnTo>
                    <a:lnTo>
                      <a:pt x="1161" y="145"/>
                    </a:lnTo>
                    <a:lnTo>
                      <a:pt x="1177" y="154"/>
                    </a:lnTo>
                    <a:lnTo>
                      <a:pt x="1185" y="158"/>
                    </a:lnTo>
                    <a:lnTo>
                      <a:pt x="1193" y="161"/>
                    </a:lnTo>
                    <a:lnTo>
                      <a:pt x="1202" y="163"/>
                    </a:lnTo>
                    <a:lnTo>
                      <a:pt x="1212" y="163"/>
                    </a:lnTo>
                    <a:lnTo>
                      <a:pt x="1221" y="162"/>
                    </a:lnTo>
                    <a:lnTo>
                      <a:pt x="1233" y="158"/>
                    </a:lnTo>
                    <a:lnTo>
                      <a:pt x="1245" y="153"/>
                    </a:lnTo>
                    <a:lnTo>
                      <a:pt x="1258" y="144"/>
                    </a:lnTo>
                    <a:lnTo>
                      <a:pt x="1275" y="131"/>
                    </a:lnTo>
                    <a:lnTo>
                      <a:pt x="1287" y="118"/>
                    </a:lnTo>
                    <a:lnTo>
                      <a:pt x="1299" y="104"/>
                    </a:lnTo>
                    <a:lnTo>
                      <a:pt x="1310" y="90"/>
                    </a:lnTo>
                    <a:lnTo>
                      <a:pt x="1320" y="75"/>
                    </a:lnTo>
                    <a:lnTo>
                      <a:pt x="1330" y="61"/>
                    </a:lnTo>
                    <a:lnTo>
                      <a:pt x="1342" y="47"/>
                    </a:lnTo>
                    <a:lnTo>
                      <a:pt x="1356" y="33"/>
                    </a:lnTo>
                    <a:lnTo>
                      <a:pt x="1368" y="24"/>
                    </a:lnTo>
                    <a:lnTo>
                      <a:pt x="1378" y="17"/>
                    </a:lnTo>
                    <a:lnTo>
                      <a:pt x="1389" y="13"/>
                    </a:lnTo>
                    <a:lnTo>
                      <a:pt x="1399" y="12"/>
                    </a:lnTo>
                    <a:lnTo>
                      <a:pt x="1420" y="12"/>
                    </a:lnTo>
                    <a:lnTo>
                      <a:pt x="1446" y="13"/>
                    </a:lnTo>
                    <a:lnTo>
                      <a:pt x="1468" y="13"/>
                    </a:lnTo>
                    <a:lnTo>
                      <a:pt x="1488" y="12"/>
                    </a:lnTo>
                    <a:lnTo>
                      <a:pt x="1509" y="9"/>
                    </a:lnTo>
                    <a:lnTo>
                      <a:pt x="1530" y="7"/>
                    </a:lnTo>
                    <a:lnTo>
                      <a:pt x="1550" y="4"/>
                    </a:lnTo>
                    <a:lnTo>
                      <a:pt x="1571" y="2"/>
                    </a:lnTo>
                    <a:lnTo>
                      <a:pt x="1592" y="0"/>
                    </a:lnTo>
                    <a:lnTo>
                      <a:pt x="1613" y="0"/>
                    </a:lnTo>
                    <a:lnTo>
                      <a:pt x="1627" y="0"/>
                    </a:lnTo>
                    <a:lnTo>
                      <a:pt x="1640" y="2"/>
                    </a:lnTo>
                    <a:lnTo>
                      <a:pt x="1650" y="4"/>
                    </a:lnTo>
                    <a:lnTo>
                      <a:pt x="1659" y="7"/>
                    </a:lnTo>
                    <a:lnTo>
                      <a:pt x="1667" y="11"/>
                    </a:lnTo>
                    <a:lnTo>
                      <a:pt x="1674" y="16"/>
                    </a:lnTo>
                    <a:lnTo>
                      <a:pt x="1680" y="20"/>
                    </a:lnTo>
                    <a:lnTo>
                      <a:pt x="1685" y="26"/>
                    </a:lnTo>
                    <a:lnTo>
                      <a:pt x="1696" y="38"/>
                    </a:lnTo>
                    <a:lnTo>
                      <a:pt x="1707" y="51"/>
                    </a:lnTo>
                    <a:lnTo>
                      <a:pt x="1714" y="59"/>
                    </a:lnTo>
                    <a:lnTo>
                      <a:pt x="1720" y="65"/>
                    </a:lnTo>
                    <a:lnTo>
                      <a:pt x="1728" y="73"/>
                    </a:lnTo>
                    <a:lnTo>
                      <a:pt x="1738" y="79"/>
                    </a:lnTo>
                    <a:lnTo>
                      <a:pt x="1834" y="75"/>
                    </a:lnTo>
                    <a:lnTo>
                      <a:pt x="1846" y="79"/>
                    </a:lnTo>
                    <a:lnTo>
                      <a:pt x="1856" y="82"/>
                    </a:lnTo>
                    <a:lnTo>
                      <a:pt x="1865" y="86"/>
                    </a:lnTo>
                    <a:lnTo>
                      <a:pt x="1872" y="90"/>
                    </a:lnTo>
                    <a:lnTo>
                      <a:pt x="1878" y="94"/>
                    </a:lnTo>
                    <a:lnTo>
                      <a:pt x="1885" y="100"/>
                    </a:lnTo>
                    <a:lnTo>
                      <a:pt x="1891" y="106"/>
                    </a:lnTo>
                    <a:lnTo>
                      <a:pt x="1899" y="117"/>
                    </a:lnTo>
                    <a:lnTo>
                      <a:pt x="1909" y="129"/>
                    </a:lnTo>
                    <a:lnTo>
                      <a:pt x="1921" y="140"/>
                    </a:lnTo>
                    <a:lnTo>
                      <a:pt x="1933" y="151"/>
                    </a:lnTo>
                    <a:lnTo>
                      <a:pt x="1946" y="160"/>
                    </a:lnTo>
                    <a:lnTo>
                      <a:pt x="1973" y="176"/>
                    </a:lnTo>
                    <a:lnTo>
                      <a:pt x="2000" y="193"/>
                    </a:lnTo>
                    <a:lnTo>
                      <a:pt x="2014" y="201"/>
                    </a:lnTo>
                    <a:lnTo>
                      <a:pt x="2027" y="210"/>
                    </a:lnTo>
                    <a:lnTo>
                      <a:pt x="2040" y="219"/>
                    </a:lnTo>
                    <a:lnTo>
                      <a:pt x="2052" y="230"/>
                    </a:lnTo>
                    <a:lnTo>
                      <a:pt x="2064" y="240"/>
                    </a:lnTo>
                    <a:lnTo>
                      <a:pt x="2074" y="253"/>
                    </a:lnTo>
                    <a:lnTo>
                      <a:pt x="2084" y="266"/>
                    </a:lnTo>
                    <a:lnTo>
                      <a:pt x="2092" y="280"/>
                    </a:lnTo>
                    <a:lnTo>
                      <a:pt x="2092" y="294"/>
                    </a:lnTo>
                    <a:lnTo>
                      <a:pt x="2089" y="307"/>
                    </a:lnTo>
                    <a:lnTo>
                      <a:pt x="2086" y="316"/>
                    </a:lnTo>
                    <a:lnTo>
                      <a:pt x="2082" y="324"/>
                    </a:lnTo>
                    <a:lnTo>
                      <a:pt x="2076" y="331"/>
                    </a:lnTo>
                    <a:lnTo>
                      <a:pt x="2070" y="336"/>
                    </a:lnTo>
                    <a:lnTo>
                      <a:pt x="2062" y="338"/>
                    </a:lnTo>
                    <a:lnTo>
                      <a:pt x="2054" y="341"/>
                    </a:lnTo>
                    <a:lnTo>
                      <a:pt x="2036" y="342"/>
                    </a:lnTo>
                    <a:lnTo>
                      <a:pt x="2017" y="341"/>
                    </a:lnTo>
                    <a:lnTo>
                      <a:pt x="1997" y="340"/>
                    </a:lnTo>
                    <a:lnTo>
                      <a:pt x="1977" y="338"/>
                    </a:lnTo>
                    <a:lnTo>
                      <a:pt x="1970" y="340"/>
                    </a:lnTo>
                    <a:lnTo>
                      <a:pt x="1962" y="341"/>
                    </a:lnTo>
                    <a:lnTo>
                      <a:pt x="1955" y="344"/>
                    </a:lnTo>
                    <a:lnTo>
                      <a:pt x="1948" y="346"/>
                    </a:lnTo>
                    <a:lnTo>
                      <a:pt x="1933" y="355"/>
                    </a:lnTo>
                    <a:lnTo>
                      <a:pt x="1920" y="366"/>
                    </a:lnTo>
                    <a:lnTo>
                      <a:pt x="1907" y="377"/>
                    </a:lnTo>
                    <a:lnTo>
                      <a:pt x="1895" y="390"/>
                    </a:lnTo>
                    <a:lnTo>
                      <a:pt x="1886" y="404"/>
                    </a:lnTo>
                    <a:lnTo>
                      <a:pt x="1878" y="416"/>
                    </a:lnTo>
                    <a:lnTo>
                      <a:pt x="1869" y="445"/>
                    </a:lnTo>
                    <a:lnTo>
                      <a:pt x="1858" y="480"/>
                    </a:lnTo>
                    <a:lnTo>
                      <a:pt x="1851" y="496"/>
                    </a:lnTo>
                    <a:lnTo>
                      <a:pt x="1842" y="512"/>
                    </a:lnTo>
                    <a:lnTo>
                      <a:pt x="1837" y="517"/>
                    </a:lnTo>
                    <a:lnTo>
                      <a:pt x="1832" y="522"/>
                    </a:lnTo>
                    <a:lnTo>
                      <a:pt x="1825" y="526"/>
                    </a:lnTo>
                    <a:lnTo>
                      <a:pt x="1819" y="529"/>
                    </a:lnTo>
                    <a:lnTo>
                      <a:pt x="1801" y="534"/>
                    </a:lnTo>
                    <a:lnTo>
                      <a:pt x="1788" y="537"/>
                    </a:lnTo>
                    <a:lnTo>
                      <a:pt x="1785" y="538"/>
                    </a:lnTo>
                    <a:lnTo>
                      <a:pt x="1784" y="540"/>
                    </a:lnTo>
                    <a:lnTo>
                      <a:pt x="1782" y="543"/>
                    </a:lnTo>
                    <a:lnTo>
                      <a:pt x="1782" y="546"/>
                    </a:lnTo>
                    <a:lnTo>
                      <a:pt x="1782" y="555"/>
                    </a:lnTo>
                    <a:lnTo>
                      <a:pt x="1786" y="566"/>
                    </a:lnTo>
                    <a:lnTo>
                      <a:pt x="1789" y="575"/>
                    </a:lnTo>
                    <a:lnTo>
                      <a:pt x="1791" y="586"/>
                    </a:lnTo>
                    <a:lnTo>
                      <a:pt x="1793" y="596"/>
                    </a:lnTo>
                    <a:lnTo>
                      <a:pt x="1793" y="605"/>
                    </a:lnTo>
                    <a:lnTo>
                      <a:pt x="1793" y="616"/>
                    </a:lnTo>
                    <a:lnTo>
                      <a:pt x="1793" y="626"/>
                    </a:lnTo>
                    <a:lnTo>
                      <a:pt x="1791" y="635"/>
                    </a:lnTo>
                    <a:lnTo>
                      <a:pt x="1789" y="645"/>
                    </a:lnTo>
                    <a:lnTo>
                      <a:pt x="1782" y="664"/>
                    </a:lnTo>
                    <a:lnTo>
                      <a:pt x="1775" y="683"/>
                    </a:lnTo>
                    <a:lnTo>
                      <a:pt x="1764" y="701"/>
                    </a:lnTo>
                    <a:lnTo>
                      <a:pt x="1754" y="719"/>
                    </a:lnTo>
                    <a:lnTo>
                      <a:pt x="1741" y="736"/>
                    </a:lnTo>
                    <a:lnTo>
                      <a:pt x="1727" y="753"/>
                    </a:lnTo>
                    <a:lnTo>
                      <a:pt x="1712" y="770"/>
                    </a:lnTo>
                    <a:lnTo>
                      <a:pt x="1697" y="785"/>
                    </a:lnTo>
                    <a:lnTo>
                      <a:pt x="1667" y="815"/>
                    </a:lnTo>
                    <a:lnTo>
                      <a:pt x="1639" y="841"/>
                    </a:lnTo>
                    <a:lnTo>
                      <a:pt x="1632" y="855"/>
                    </a:lnTo>
                    <a:lnTo>
                      <a:pt x="1623" y="868"/>
                    </a:lnTo>
                    <a:lnTo>
                      <a:pt x="1614" y="881"/>
                    </a:lnTo>
                    <a:lnTo>
                      <a:pt x="1605" y="894"/>
                    </a:lnTo>
                    <a:lnTo>
                      <a:pt x="1596" y="907"/>
                    </a:lnTo>
                    <a:lnTo>
                      <a:pt x="1587" y="920"/>
                    </a:lnTo>
                    <a:lnTo>
                      <a:pt x="1580" y="936"/>
                    </a:lnTo>
                    <a:lnTo>
                      <a:pt x="1574" y="951"/>
                    </a:lnTo>
                    <a:lnTo>
                      <a:pt x="1566" y="973"/>
                    </a:lnTo>
                    <a:lnTo>
                      <a:pt x="1557" y="998"/>
                    </a:lnTo>
                    <a:lnTo>
                      <a:pt x="1545" y="1022"/>
                    </a:lnTo>
                    <a:lnTo>
                      <a:pt x="1532" y="1048"/>
                    </a:lnTo>
                    <a:lnTo>
                      <a:pt x="1526" y="1060"/>
                    </a:lnTo>
                    <a:lnTo>
                      <a:pt x="1518" y="1070"/>
                    </a:lnTo>
                    <a:lnTo>
                      <a:pt x="1510" y="1082"/>
                    </a:lnTo>
                    <a:lnTo>
                      <a:pt x="1501" y="1091"/>
                    </a:lnTo>
                    <a:lnTo>
                      <a:pt x="1492" y="1100"/>
                    </a:lnTo>
                    <a:lnTo>
                      <a:pt x="1483" y="1108"/>
                    </a:lnTo>
                    <a:lnTo>
                      <a:pt x="1473" y="1114"/>
                    </a:lnTo>
                    <a:lnTo>
                      <a:pt x="1461" y="1118"/>
                    </a:lnTo>
                    <a:lnTo>
                      <a:pt x="1425" y="1130"/>
                    </a:lnTo>
                    <a:lnTo>
                      <a:pt x="1386" y="1142"/>
                    </a:lnTo>
                    <a:lnTo>
                      <a:pt x="1367" y="1149"/>
                    </a:lnTo>
                    <a:lnTo>
                      <a:pt x="1348" y="1157"/>
                    </a:lnTo>
                    <a:lnTo>
                      <a:pt x="1341" y="1162"/>
                    </a:lnTo>
                    <a:lnTo>
                      <a:pt x="1333" y="1167"/>
                    </a:lnTo>
                    <a:lnTo>
                      <a:pt x="1325" y="1173"/>
                    </a:lnTo>
                    <a:lnTo>
                      <a:pt x="1319" y="1179"/>
                    </a:lnTo>
                    <a:lnTo>
                      <a:pt x="1265" y="1175"/>
                    </a:lnTo>
                    <a:lnTo>
                      <a:pt x="1176" y="1157"/>
                    </a:lnTo>
                    <a:lnTo>
                      <a:pt x="1164" y="1153"/>
                    </a:lnTo>
                    <a:lnTo>
                      <a:pt x="1153" y="1148"/>
                    </a:lnTo>
                    <a:lnTo>
                      <a:pt x="1140" y="1144"/>
                    </a:lnTo>
                    <a:lnTo>
                      <a:pt x="1126" y="1142"/>
                    </a:lnTo>
                    <a:lnTo>
                      <a:pt x="1111" y="1140"/>
                    </a:lnTo>
                    <a:lnTo>
                      <a:pt x="1098" y="1139"/>
                    </a:lnTo>
                    <a:lnTo>
                      <a:pt x="1084" y="1139"/>
                    </a:lnTo>
                    <a:lnTo>
                      <a:pt x="1070" y="1140"/>
                    </a:lnTo>
                    <a:lnTo>
                      <a:pt x="1057" y="1142"/>
                    </a:lnTo>
                    <a:lnTo>
                      <a:pt x="1044" y="1145"/>
                    </a:lnTo>
                    <a:lnTo>
                      <a:pt x="1032" y="1151"/>
                    </a:lnTo>
                    <a:lnTo>
                      <a:pt x="1021" y="1157"/>
                    </a:lnTo>
                    <a:lnTo>
                      <a:pt x="1012" y="1165"/>
                    </a:lnTo>
                    <a:lnTo>
                      <a:pt x="1002" y="1174"/>
                    </a:lnTo>
                    <a:lnTo>
                      <a:pt x="995" y="1186"/>
                    </a:lnTo>
                    <a:lnTo>
                      <a:pt x="990" y="1199"/>
                    </a:lnTo>
                    <a:lnTo>
                      <a:pt x="984" y="1210"/>
                    </a:lnTo>
                    <a:lnTo>
                      <a:pt x="977" y="1221"/>
                    </a:lnTo>
                    <a:lnTo>
                      <a:pt x="969" y="1228"/>
                    </a:lnTo>
                    <a:lnTo>
                      <a:pt x="958" y="1235"/>
                    </a:lnTo>
                    <a:lnTo>
                      <a:pt x="948" y="1241"/>
                    </a:lnTo>
                    <a:lnTo>
                      <a:pt x="935" y="1246"/>
                    </a:lnTo>
                    <a:lnTo>
                      <a:pt x="922" y="1250"/>
                    </a:lnTo>
                    <a:lnTo>
                      <a:pt x="909" y="1254"/>
                    </a:lnTo>
                    <a:lnTo>
                      <a:pt x="881" y="1259"/>
                    </a:lnTo>
                    <a:lnTo>
                      <a:pt x="854" y="1265"/>
                    </a:lnTo>
                    <a:lnTo>
                      <a:pt x="826" y="1271"/>
                    </a:lnTo>
                    <a:lnTo>
                      <a:pt x="803" y="1279"/>
                    </a:lnTo>
                    <a:lnTo>
                      <a:pt x="734" y="1313"/>
                    </a:lnTo>
                    <a:lnTo>
                      <a:pt x="724" y="1318"/>
                    </a:lnTo>
                    <a:lnTo>
                      <a:pt x="712" y="1322"/>
                    </a:lnTo>
                    <a:lnTo>
                      <a:pt x="701" y="1325"/>
                    </a:lnTo>
                    <a:lnTo>
                      <a:pt x="689" y="1329"/>
                    </a:lnTo>
                    <a:lnTo>
                      <a:pt x="664" y="1335"/>
                    </a:lnTo>
                    <a:lnTo>
                      <a:pt x="637" y="1338"/>
                    </a:lnTo>
                    <a:lnTo>
                      <a:pt x="611" y="1341"/>
                    </a:lnTo>
                    <a:lnTo>
                      <a:pt x="585" y="1344"/>
                    </a:lnTo>
                    <a:lnTo>
                      <a:pt x="561" y="1346"/>
                    </a:lnTo>
                    <a:lnTo>
                      <a:pt x="537" y="1350"/>
                    </a:lnTo>
                    <a:lnTo>
                      <a:pt x="526" y="1353"/>
                    </a:lnTo>
                    <a:lnTo>
                      <a:pt x="514" y="1353"/>
                    </a:lnTo>
                    <a:lnTo>
                      <a:pt x="501" y="1353"/>
                    </a:lnTo>
                    <a:lnTo>
                      <a:pt x="489" y="1351"/>
                    </a:lnTo>
                    <a:lnTo>
                      <a:pt x="478" y="1349"/>
                    </a:lnTo>
                    <a:lnTo>
                      <a:pt x="466" y="1345"/>
                    </a:lnTo>
                    <a:lnTo>
                      <a:pt x="454" y="1341"/>
                    </a:lnTo>
                    <a:lnTo>
                      <a:pt x="443" y="1337"/>
                    </a:lnTo>
                    <a:lnTo>
                      <a:pt x="421" y="1325"/>
                    </a:lnTo>
                    <a:lnTo>
                      <a:pt x="399" y="1314"/>
                    </a:lnTo>
                    <a:lnTo>
                      <a:pt x="378" y="1301"/>
                    </a:lnTo>
                    <a:lnTo>
                      <a:pt x="359" y="1288"/>
                    </a:lnTo>
                    <a:lnTo>
                      <a:pt x="348" y="1279"/>
                    </a:lnTo>
                    <a:lnTo>
                      <a:pt x="337" y="1268"/>
                    </a:lnTo>
                    <a:lnTo>
                      <a:pt x="328" y="1258"/>
                    </a:lnTo>
                    <a:lnTo>
                      <a:pt x="317" y="1248"/>
                    </a:lnTo>
                    <a:lnTo>
                      <a:pt x="298" y="1226"/>
                    </a:lnTo>
                    <a:lnTo>
                      <a:pt x="277" y="1205"/>
                    </a:lnTo>
                    <a:lnTo>
                      <a:pt x="259" y="1195"/>
                    </a:lnTo>
                    <a:lnTo>
                      <a:pt x="242" y="1184"/>
                    </a:lnTo>
                    <a:lnTo>
                      <a:pt x="225" y="1174"/>
                    </a:lnTo>
                    <a:lnTo>
                      <a:pt x="210" y="1161"/>
                    </a:lnTo>
                    <a:lnTo>
                      <a:pt x="197" y="1148"/>
                    </a:lnTo>
                    <a:lnTo>
                      <a:pt x="184" y="1134"/>
                    </a:lnTo>
                    <a:lnTo>
                      <a:pt x="172" y="1117"/>
                    </a:lnTo>
                    <a:lnTo>
                      <a:pt x="163" y="1097"/>
                    </a:lnTo>
                    <a:lnTo>
                      <a:pt x="159" y="1090"/>
                    </a:lnTo>
                    <a:lnTo>
                      <a:pt x="155" y="1082"/>
                    </a:lnTo>
                    <a:lnTo>
                      <a:pt x="150" y="1075"/>
                    </a:lnTo>
                    <a:lnTo>
                      <a:pt x="145" y="1069"/>
                    </a:lnTo>
                    <a:lnTo>
                      <a:pt x="133" y="1057"/>
                    </a:lnTo>
                    <a:lnTo>
                      <a:pt x="120" y="1047"/>
                    </a:lnTo>
                    <a:lnTo>
                      <a:pt x="107" y="1037"/>
                    </a:lnTo>
                    <a:lnTo>
                      <a:pt x="96" y="1025"/>
                    </a:lnTo>
                    <a:lnTo>
                      <a:pt x="84" y="1013"/>
                    </a:lnTo>
                    <a:lnTo>
                      <a:pt x="75" y="998"/>
                    </a:lnTo>
                    <a:lnTo>
                      <a:pt x="65" y="978"/>
                    </a:lnTo>
                    <a:lnTo>
                      <a:pt x="54" y="959"/>
                    </a:lnTo>
                    <a:lnTo>
                      <a:pt x="48" y="950"/>
                    </a:lnTo>
                    <a:lnTo>
                      <a:pt x="40" y="942"/>
                    </a:lnTo>
                    <a:lnTo>
                      <a:pt x="31" y="937"/>
                    </a:lnTo>
                    <a:lnTo>
                      <a:pt x="21" y="933"/>
                    </a:lnTo>
                    <a:lnTo>
                      <a:pt x="0" y="825"/>
                    </a:lnTo>
                    <a:lnTo>
                      <a:pt x="14" y="789"/>
                    </a:lnTo>
                    <a:lnTo>
                      <a:pt x="28" y="752"/>
                    </a:lnTo>
                    <a:lnTo>
                      <a:pt x="35" y="733"/>
                    </a:lnTo>
                    <a:lnTo>
                      <a:pt x="40" y="714"/>
                    </a:lnTo>
                    <a:lnTo>
                      <a:pt x="45" y="695"/>
                    </a:lnTo>
                    <a:lnTo>
                      <a:pt x="48" y="675"/>
                    </a:lnTo>
                    <a:lnTo>
                      <a:pt x="49" y="669"/>
                    </a:lnTo>
                    <a:lnTo>
                      <a:pt x="52" y="662"/>
                    </a:lnTo>
                    <a:lnTo>
                      <a:pt x="54" y="657"/>
                    </a:lnTo>
                    <a:lnTo>
                      <a:pt x="58" y="652"/>
                    </a:lnTo>
                    <a:lnTo>
                      <a:pt x="66" y="641"/>
                    </a:lnTo>
                    <a:lnTo>
                      <a:pt x="74" y="631"/>
                    </a:lnTo>
                    <a:lnTo>
                      <a:pt x="83" y="621"/>
                    </a:lnTo>
                    <a:lnTo>
                      <a:pt x="89" y="610"/>
                    </a:lnTo>
                    <a:lnTo>
                      <a:pt x="92" y="605"/>
                    </a:lnTo>
                    <a:lnTo>
                      <a:pt x="94" y="600"/>
                    </a:lnTo>
                    <a:lnTo>
                      <a:pt x="96" y="594"/>
                    </a:lnTo>
                    <a:lnTo>
                      <a:pt x="97" y="587"/>
                    </a:lnTo>
                    <a:lnTo>
                      <a:pt x="98" y="577"/>
                    </a:lnTo>
                    <a:lnTo>
                      <a:pt x="101" y="568"/>
                    </a:lnTo>
                    <a:lnTo>
                      <a:pt x="103" y="559"/>
                    </a:lnTo>
                    <a:lnTo>
                      <a:pt x="107" y="552"/>
                    </a:lnTo>
                    <a:lnTo>
                      <a:pt x="116" y="537"/>
                    </a:lnTo>
                    <a:lnTo>
                      <a:pt x="124" y="520"/>
                    </a:lnTo>
                    <a:lnTo>
                      <a:pt x="125" y="513"/>
                    </a:lnTo>
                    <a:lnTo>
                      <a:pt x="127" y="507"/>
                    </a:lnTo>
                    <a:lnTo>
                      <a:pt x="125" y="500"/>
                    </a:lnTo>
                    <a:lnTo>
                      <a:pt x="125" y="494"/>
                    </a:lnTo>
                    <a:lnTo>
                      <a:pt x="123" y="480"/>
                    </a:lnTo>
                    <a:lnTo>
                      <a:pt x="120" y="467"/>
                    </a:lnTo>
                    <a:lnTo>
                      <a:pt x="119" y="460"/>
                    </a:lnTo>
                    <a:lnTo>
                      <a:pt x="119" y="454"/>
                    </a:lnTo>
                    <a:lnTo>
                      <a:pt x="120" y="448"/>
                    </a:lnTo>
                    <a:lnTo>
                      <a:pt x="122" y="445"/>
                    </a:lnTo>
                    <a:lnTo>
                      <a:pt x="124" y="441"/>
                    </a:lnTo>
                    <a:lnTo>
                      <a:pt x="128" y="438"/>
                    </a:lnTo>
                    <a:lnTo>
                      <a:pt x="133" y="437"/>
                    </a:lnTo>
                    <a:lnTo>
                      <a:pt x="140" y="436"/>
                    </a:lnTo>
                    <a:lnTo>
                      <a:pt x="159" y="436"/>
                    </a:lnTo>
                    <a:lnTo>
                      <a:pt x="179" y="433"/>
                    </a:lnTo>
                    <a:lnTo>
                      <a:pt x="195" y="429"/>
                    </a:lnTo>
                    <a:lnTo>
                      <a:pt x="212" y="425"/>
                    </a:lnTo>
                    <a:lnTo>
                      <a:pt x="228" y="419"/>
                    </a:lnTo>
                    <a:lnTo>
                      <a:pt x="243" y="410"/>
                    </a:lnTo>
                    <a:lnTo>
                      <a:pt x="260" y="401"/>
                    </a:lnTo>
                    <a:lnTo>
                      <a:pt x="276" y="389"/>
                    </a:lnTo>
                    <a:lnTo>
                      <a:pt x="283" y="26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0" name="Freeform 145">
                <a:extLst>
                  <a:ext uri="{FF2B5EF4-FFF2-40B4-BE49-F238E27FC236}">
                    <a16:creationId xmlns:a16="http://schemas.microsoft.com/office/drawing/2014/main" id="{A2CC9371-11D3-7841-A806-B2805AD500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91092" y="4351518"/>
                <a:ext cx="954566" cy="610531"/>
              </a:xfrm>
              <a:custGeom>
                <a:avLst/>
                <a:gdLst/>
                <a:ahLst/>
                <a:cxnLst>
                  <a:cxn ang="0">
                    <a:pos x="584" y="437"/>
                  </a:cxn>
                  <a:cxn ang="0">
                    <a:pos x="737" y="423"/>
                  </a:cxn>
                  <a:cxn ang="0">
                    <a:pos x="831" y="415"/>
                  </a:cxn>
                  <a:cxn ang="0">
                    <a:pos x="828" y="328"/>
                  </a:cxn>
                  <a:cxn ang="0">
                    <a:pos x="843" y="218"/>
                  </a:cxn>
                  <a:cxn ang="0">
                    <a:pos x="868" y="196"/>
                  </a:cxn>
                  <a:cxn ang="0">
                    <a:pos x="931" y="215"/>
                  </a:cxn>
                  <a:cxn ang="0">
                    <a:pos x="1047" y="191"/>
                  </a:cxn>
                  <a:cxn ang="0">
                    <a:pos x="1088" y="147"/>
                  </a:cxn>
                  <a:cxn ang="0">
                    <a:pos x="1118" y="132"/>
                  </a:cxn>
                  <a:cxn ang="0">
                    <a:pos x="1185" y="158"/>
                  </a:cxn>
                  <a:cxn ang="0">
                    <a:pos x="1245" y="153"/>
                  </a:cxn>
                  <a:cxn ang="0">
                    <a:pos x="1320" y="75"/>
                  </a:cxn>
                  <a:cxn ang="0">
                    <a:pos x="1389" y="13"/>
                  </a:cxn>
                  <a:cxn ang="0">
                    <a:pos x="1509" y="9"/>
                  </a:cxn>
                  <a:cxn ang="0">
                    <a:pos x="1627" y="0"/>
                  </a:cxn>
                  <a:cxn ang="0">
                    <a:pos x="1680" y="20"/>
                  </a:cxn>
                  <a:cxn ang="0">
                    <a:pos x="1728" y="73"/>
                  </a:cxn>
                  <a:cxn ang="0">
                    <a:pos x="1865" y="86"/>
                  </a:cxn>
                  <a:cxn ang="0">
                    <a:pos x="1909" y="129"/>
                  </a:cxn>
                  <a:cxn ang="0">
                    <a:pos x="2014" y="201"/>
                  </a:cxn>
                  <a:cxn ang="0">
                    <a:pos x="2084" y="266"/>
                  </a:cxn>
                  <a:cxn ang="0">
                    <a:pos x="2082" y="324"/>
                  </a:cxn>
                  <a:cxn ang="0">
                    <a:pos x="2017" y="341"/>
                  </a:cxn>
                  <a:cxn ang="0">
                    <a:pos x="1948" y="346"/>
                  </a:cxn>
                  <a:cxn ang="0">
                    <a:pos x="1878" y="416"/>
                  </a:cxn>
                  <a:cxn ang="0">
                    <a:pos x="1832" y="522"/>
                  </a:cxn>
                  <a:cxn ang="0">
                    <a:pos x="1784" y="540"/>
                  </a:cxn>
                  <a:cxn ang="0">
                    <a:pos x="1791" y="586"/>
                  </a:cxn>
                  <a:cxn ang="0">
                    <a:pos x="1789" y="645"/>
                  </a:cxn>
                  <a:cxn ang="0">
                    <a:pos x="1727" y="753"/>
                  </a:cxn>
                  <a:cxn ang="0">
                    <a:pos x="1623" y="868"/>
                  </a:cxn>
                  <a:cxn ang="0">
                    <a:pos x="1574" y="951"/>
                  </a:cxn>
                  <a:cxn ang="0">
                    <a:pos x="1518" y="1070"/>
                  </a:cxn>
                  <a:cxn ang="0">
                    <a:pos x="1461" y="1118"/>
                  </a:cxn>
                  <a:cxn ang="0">
                    <a:pos x="1333" y="1167"/>
                  </a:cxn>
                  <a:cxn ang="0">
                    <a:pos x="1164" y="1153"/>
                  </a:cxn>
                  <a:cxn ang="0">
                    <a:pos x="1084" y="1139"/>
                  </a:cxn>
                  <a:cxn ang="0">
                    <a:pos x="1012" y="1165"/>
                  </a:cxn>
                  <a:cxn ang="0">
                    <a:pos x="969" y="1228"/>
                  </a:cxn>
                  <a:cxn ang="0">
                    <a:pos x="881" y="1259"/>
                  </a:cxn>
                  <a:cxn ang="0">
                    <a:pos x="724" y="1318"/>
                  </a:cxn>
                  <a:cxn ang="0">
                    <a:pos x="611" y="1341"/>
                  </a:cxn>
                  <a:cxn ang="0">
                    <a:pos x="501" y="1353"/>
                  </a:cxn>
                  <a:cxn ang="0">
                    <a:pos x="421" y="1325"/>
                  </a:cxn>
                  <a:cxn ang="0">
                    <a:pos x="328" y="1258"/>
                  </a:cxn>
                  <a:cxn ang="0">
                    <a:pos x="225" y="1174"/>
                  </a:cxn>
                  <a:cxn ang="0">
                    <a:pos x="159" y="1090"/>
                  </a:cxn>
                  <a:cxn ang="0">
                    <a:pos x="107" y="1037"/>
                  </a:cxn>
                  <a:cxn ang="0">
                    <a:pos x="48" y="950"/>
                  </a:cxn>
                  <a:cxn ang="0">
                    <a:pos x="0" y="825"/>
                  </a:cxn>
                  <a:cxn ang="0">
                    <a:pos x="48" y="675"/>
                  </a:cxn>
                  <a:cxn ang="0">
                    <a:pos x="74" y="631"/>
                  </a:cxn>
                  <a:cxn ang="0">
                    <a:pos x="97" y="587"/>
                  </a:cxn>
                  <a:cxn ang="0">
                    <a:pos x="124" y="520"/>
                  </a:cxn>
                  <a:cxn ang="0">
                    <a:pos x="120" y="467"/>
                  </a:cxn>
                  <a:cxn ang="0">
                    <a:pos x="128" y="438"/>
                  </a:cxn>
                  <a:cxn ang="0">
                    <a:pos x="212" y="425"/>
                  </a:cxn>
                  <a:cxn ang="0">
                    <a:pos x="283" y="268"/>
                  </a:cxn>
                </a:cxnLst>
                <a:rect l="0" t="0" r="r" b="b"/>
                <a:pathLst>
                  <a:path w="2092" h="1353">
                    <a:moveTo>
                      <a:pt x="283" y="268"/>
                    </a:moveTo>
                    <a:lnTo>
                      <a:pt x="346" y="360"/>
                    </a:lnTo>
                    <a:lnTo>
                      <a:pt x="505" y="426"/>
                    </a:lnTo>
                    <a:lnTo>
                      <a:pt x="531" y="432"/>
                    </a:lnTo>
                    <a:lnTo>
                      <a:pt x="558" y="436"/>
                    </a:lnTo>
                    <a:lnTo>
                      <a:pt x="584" y="437"/>
                    </a:lnTo>
                    <a:lnTo>
                      <a:pt x="610" y="437"/>
                    </a:lnTo>
                    <a:lnTo>
                      <a:pt x="636" y="436"/>
                    </a:lnTo>
                    <a:lnTo>
                      <a:pt x="660" y="433"/>
                    </a:lnTo>
                    <a:lnTo>
                      <a:pt x="684" y="430"/>
                    </a:lnTo>
                    <a:lnTo>
                      <a:pt x="706" y="428"/>
                    </a:lnTo>
                    <a:lnTo>
                      <a:pt x="737" y="423"/>
                    </a:lnTo>
                    <a:lnTo>
                      <a:pt x="767" y="419"/>
                    </a:lnTo>
                    <a:lnTo>
                      <a:pt x="781" y="417"/>
                    </a:lnTo>
                    <a:lnTo>
                      <a:pt x="797" y="417"/>
                    </a:lnTo>
                    <a:lnTo>
                      <a:pt x="812" y="419"/>
                    </a:lnTo>
                    <a:lnTo>
                      <a:pt x="829" y="423"/>
                    </a:lnTo>
                    <a:lnTo>
                      <a:pt x="831" y="415"/>
                    </a:lnTo>
                    <a:lnTo>
                      <a:pt x="833" y="407"/>
                    </a:lnTo>
                    <a:lnTo>
                      <a:pt x="833" y="397"/>
                    </a:lnTo>
                    <a:lnTo>
                      <a:pt x="831" y="385"/>
                    </a:lnTo>
                    <a:lnTo>
                      <a:pt x="829" y="363"/>
                    </a:lnTo>
                    <a:lnTo>
                      <a:pt x="826" y="345"/>
                    </a:lnTo>
                    <a:lnTo>
                      <a:pt x="828" y="328"/>
                    </a:lnTo>
                    <a:lnTo>
                      <a:pt x="830" y="312"/>
                    </a:lnTo>
                    <a:lnTo>
                      <a:pt x="833" y="297"/>
                    </a:lnTo>
                    <a:lnTo>
                      <a:pt x="834" y="280"/>
                    </a:lnTo>
                    <a:lnTo>
                      <a:pt x="835" y="258"/>
                    </a:lnTo>
                    <a:lnTo>
                      <a:pt x="842" y="226"/>
                    </a:lnTo>
                    <a:lnTo>
                      <a:pt x="843" y="218"/>
                    </a:lnTo>
                    <a:lnTo>
                      <a:pt x="846" y="211"/>
                    </a:lnTo>
                    <a:lnTo>
                      <a:pt x="850" y="205"/>
                    </a:lnTo>
                    <a:lnTo>
                      <a:pt x="854" y="200"/>
                    </a:lnTo>
                    <a:lnTo>
                      <a:pt x="857" y="197"/>
                    </a:lnTo>
                    <a:lnTo>
                      <a:pt x="861" y="196"/>
                    </a:lnTo>
                    <a:lnTo>
                      <a:pt x="868" y="196"/>
                    </a:lnTo>
                    <a:lnTo>
                      <a:pt x="873" y="200"/>
                    </a:lnTo>
                    <a:lnTo>
                      <a:pt x="883" y="205"/>
                    </a:lnTo>
                    <a:lnTo>
                      <a:pt x="894" y="210"/>
                    </a:lnTo>
                    <a:lnTo>
                      <a:pt x="907" y="213"/>
                    </a:lnTo>
                    <a:lnTo>
                      <a:pt x="918" y="215"/>
                    </a:lnTo>
                    <a:lnTo>
                      <a:pt x="931" y="215"/>
                    </a:lnTo>
                    <a:lnTo>
                      <a:pt x="944" y="215"/>
                    </a:lnTo>
                    <a:lnTo>
                      <a:pt x="957" y="214"/>
                    </a:lnTo>
                    <a:lnTo>
                      <a:pt x="971" y="213"/>
                    </a:lnTo>
                    <a:lnTo>
                      <a:pt x="997" y="208"/>
                    </a:lnTo>
                    <a:lnTo>
                      <a:pt x="1023" y="200"/>
                    </a:lnTo>
                    <a:lnTo>
                      <a:pt x="1047" y="191"/>
                    </a:lnTo>
                    <a:lnTo>
                      <a:pt x="1066" y="180"/>
                    </a:lnTo>
                    <a:lnTo>
                      <a:pt x="1072" y="174"/>
                    </a:lnTo>
                    <a:lnTo>
                      <a:pt x="1078" y="167"/>
                    </a:lnTo>
                    <a:lnTo>
                      <a:pt x="1082" y="161"/>
                    </a:lnTo>
                    <a:lnTo>
                      <a:pt x="1084" y="153"/>
                    </a:lnTo>
                    <a:lnTo>
                      <a:pt x="1088" y="147"/>
                    </a:lnTo>
                    <a:lnTo>
                      <a:pt x="1092" y="140"/>
                    </a:lnTo>
                    <a:lnTo>
                      <a:pt x="1094" y="138"/>
                    </a:lnTo>
                    <a:lnTo>
                      <a:pt x="1098" y="136"/>
                    </a:lnTo>
                    <a:lnTo>
                      <a:pt x="1102" y="134"/>
                    </a:lnTo>
                    <a:lnTo>
                      <a:pt x="1106" y="134"/>
                    </a:lnTo>
                    <a:lnTo>
                      <a:pt x="1118" y="132"/>
                    </a:lnTo>
                    <a:lnTo>
                      <a:pt x="1127" y="132"/>
                    </a:lnTo>
                    <a:lnTo>
                      <a:pt x="1136" y="135"/>
                    </a:lnTo>
                    <a:lnTo>
                      <a:pt x="1145" y="138"/>
                    </a:lnTo>
                    <a:lnTo>
                      <a:pt x="1161" y="145"/>
                    </a:lnTo>
                    <a:lnTo>
                      <a:pt x="1177" y="154"/>
                    </a:lnTo>
                    <a:lnTo>
                      <a:pt x="1185" y="158"/>
                    </a:lnTo>
                    <a:lnTo>
                      <a:pt x="1193" y="161"/>
                    </a:lnTo>
                    <a:lnTo>
                      <a:pt x="1202" y="163"/>
                    </a:lnTo>
                    <a:lnTo>
                      <a:pt x="1212" y="163"/>
                    </a:lnTo>
                    <a:lnTo>
                      <a:pt x="1221" y="162"/>
                    </a:lnTo>
                    <a:lnTo>
                      <a:pt x="1233" y="158"/>
                    </a:lnTo>
                    <a:lnTo>
                      <a:pt x="1245" y="153"/>
                    </a:lnTo>
                    <a:lnTo>
                      <a:pt x="1258" y="144"/>
                    </a:lnTo>
                    <a:lnTo>
                      <a:pt x="1275" y="131"/>
                    </a:lnTo>
                    <a:lnTo>
                      <a:pt x="1287" y="118"/>
                    </a:lnTo>
                    <a:lnTo>
                      <a:pt x="1299" y="104"/>
                    </a:lnTo>
                    <a:lnTo>
                      <a:pt x="1310" y="90"/>
                    </a:lnTo>
                    <a:lnTo>
                      <a:pt x="1320" y="75"/>
                    </a:lnTo>
                    <a:lnTo>
                      <a:pt x="1330" y="61"/>
                    </a:lnTo>
                    <a:lnTo>
                      <a:pt x="1342" y="47"/>
                    </a:lnTo>
                    <a:lnTo>
                      <a:pt x="1356" y="33"/>
                    </a:lnTo>
                    <a:lnTo>
                      <a:pt x="1368" y="24"/>
                    </a:lnTo>
                    <a:lnTo>
                      <a:pt x="1378" y="17"/>
                    </a:lnTo>
                    <a:lnTo>
                      <a:pt x="1389" y="13"/>
                    </a:lnTo>
                    <a:lnTo>
                      <a:pt x="1399" y="12"/>
                    </a:lnTo>
                    <a:lnTo>
                      <a:pt x="1420" y="12"/>
                    </a:lnTo>
                    <a:lnTo>
                      <a:pt x="1446" y="13"/>
                    </a:lnTo>
                    <a:lnTo>
                      <a:pt x="1468" y="13"/>
                    </a:lnTo>
                    <a:lnTo>
                      <a:pt x="1488" y="12"/>
                    </a:lnTo>
                    <a:lnTo>
                      <a:pt x="1509" y="9"/>
                    </a:lnTo>
                    <a:lnTo>
                      <a:pt x="1530" y="7"/>
                    </a:lnTo>
                    <a:lnTo>
                      <a:pt x="1550" y="4"/>
                    </a:lnTo>
                    <a:lnTo>
                      <a:pt x="1571" y="2"/>
                    </a:lnTo>
                    <a:lnTo>
                      <a:pt x="1592" y="0"/>
                    </a:lnTo>
                    <a:lnTo>
                      <a:pt x="1613" y="0"/>
                    </a:lnTo>
                    <a:lnTo>
                      <a:pt x="1627" y="0"/>
                    </a:lnTo>
                    <a:lnTo>
                      <a:pt x="1640" y="2"/>
                    </a:lnTo>
                    <a:lnTo>
                      <a:pt x="1650" y="4"/>
                    </a:lnTo>
                    <a:lnTo>
                      <a:pt x="1659" y="7"/>
                    </a:lnTo>
                    <a:lnTo>
                      <a:pt x="1667" y="11"/>
                    </a:lnTo>
                    <a:lnTo>
                      <a:pt x="1674" y="16"/>
                    </a:lnTo>
                    <a:lnTo>
                      <a:pt x="1680" y="20"/>
                    </a:lnTo>
                    <a:lnTo>
                      <a:pt x="1685" y="26"/>
                    </a:lnTo>
                    <a:lnTo>
                      <a:pt x="1696" y="38"/>
                    </a:lnTo>
                    <a:lnTo>
                      <a:pt x="1707" y="51"/>
                    </a:lnTo>
                    <a:lnTo>
                      <a:pt x="1714" y="59"/>
                    </a:lnTo>
                    <a:lnTo>
                      <a:pt x="1720" y="65"/>
                    </a:lnTo>
                    <a:lnTo>
                      <a:pt x="1728" y="73"/>
                    </a:lnTo>
                    <a:lnTo>
                      <a:pt x="1738" y="79"/>
                    </a:lnTo>
                    <a:lnTo>
                      <a:pt x="1834" y="75"/>
                    </a:lnTo>
                    <a:lnTo>
                      <a:pt x="1834" y="75"/>
                    </a:lnTo>
                    <a:lnTo>
                      <a:pt x="1846" y="79"/>
                    </a:lnTo>
                    <a:lnTo>
                      <a:pt x="1856" y="82"/>
                    </a:lnTo>
                    <a:lnTo>
                      <a:pt x="1865" y="86"/>
                    </a:lnTo>
                    <a:lnTo>
                      <a:pt x="1872" y="90"/>
                    </a:lnTo>
                    <a:lnTo>
                      <a:pt x="1878" y="94"/>
                    </a:lnTo>
                    <a:lnTo>
                      <a:pt x="1885" y="100"/>
                    </a:lnTo>
                    <a:lnTo>
                      <a:pt x="1891" y="106"/>
                    </a:lnTo>
                    <a:lnTo>
                      <a:pt x="1899" y="117"/>
                    </a:lnTo>
                    <a:lnTo>
                      <a:pt x="1909" y="129"/>
                    </a:lnTo>
                    <a:lnTo>
                      <a:pt x="1921" y="140"/>
                    </a:lnTo>
                    <a:lnTo>
                      <a:pt x="1933" y="151"/>
                    </a:lnTo>
                    <a:lnTo>
                      <a:pt x="1946" y="160"/>
                    </a:lnTo>
                    <a:lnTo>
                      <a:pt x="1973" y="176"/>
                    </a:lnTo>
                    <a:lnTo>
                      <a:pt x="2000" y="193"/>
                    </a:lnTo>
                    <a:lnTo>
                      <a:pt x="2014" y="201"/>
                    </a:lnTo>
                    <a:lnTo>
                      <a:pt x="2027" y="210"/>
                    </a:lnTo>
                    <a:lnTo>
                      <a:pt x="2040" y="219"/>
                    </a:lnTo>
                    <a:lnTo>
                      <a:pt x="2052" y="230"/>
                    </a:lnTo>
                    <a:lnTo>
                      <a:pt x="2064" y="240"/>
                    </a:lnTo>
                    <a:lnTo>
                      <a:pt x="2074" y="253"/>
                    </a:lnTo>
                    <a:lnTo>
                      <a:pt x="2084" y="266"/>
                    </a:lnTo>
                    <a:lnTo>
                      <a:pt x="2092" y="280"/>
                    </a:lnTo>
                    <a:lnTo>
                      <a:pt x="2092" y="280"/>
                    </a:lnTo>
                    <a:lnTo>
                      <a:pt x="2092" y="294"/>
                    </a:lnTo>
                    <a:lnTo>
                      <a:pt x="2089" y="307"/>
                    </a:lnTo>
                    <a:lnTo>
                      <a:pt x="2086" y="316"/>
                    </a:lnTo>
                    <a:lnTo>
                      <a:pt x="2082" y="324"/>
                    </a:lnTo>
                    <a:lnTo>
                      <a:pt x="2076" y="331"/>
                    </a:lnTo>
                    <a:lnTo>
                      <a:pt x="2070" y="336"/>
                    </a:lnTo>
                    <a:lnTo>
                      <a:pt x="2062" y="338"/>
                    </a:lnTo>
                    <a:lnTo>
                      <a:pt x="2054" y="341"/>
                    </a:lnTo>
                    <a:lnTo>
                      <a:pt x="2036" y="342"/>
                    </a:lnTo>
                    <a:lnTo>
                      <a:pt x="2017" y="341"/>
                    </a:lnTo>
                    <a:lnTo>
                      <a:pt x="1997" y="340"/>
                    </a:lnTo>
                    <a:lnTo>
                      <a:pt x="1977" y="338"/>
                    </a:lnTo>
                    <a:lnTo>
                      <a:pt x="1970" y="340"/>
                    </a:lnTo>
                    <a:lnTo>
                      <a:pt x="1962" y="341"/>
                    </a:lnTo>
                    <a:lnTo>
                      <a:pt x="1955" y="344"/>
                    </a:lnTo>
                    <a:lnTo>
                      <a:pt x="1948" y="346"/>
                    </a:lnTo>
                    <a:lnTo>
                      <a:pt x="1933" y="355"/>
                    </a:lnTo>
                    <a:lnTo>
                      <a:pt x="1920" y="366"/>
                    </a:lnTo>
                    <a:lnTo>
                      <a:pt x="1907" y="377"/>
                    </a:lnTo>
                    <a:lnTo>
                      <a:pt x="1895" y="390"/>
                    </a:lnTo>
                    <a:lnTo>
                      <a:pt x="1886" y="404"/>
                    </a:lnTo>
                    <a:lnTo>
                      <a:pt x="1878" y="416"/>
                    </a:lnTo>
                    <a:lnTo>
                      <a:pt x="1869" y="445"/>
                    </a:lnTo>
                    <a:lnTo>
                      <a:pt x="1858" y="480"/>
                    </a:lnTo>
                    <a:lnTo>
                      <a:pt x="1851" y="496"/>
                    </a:lnTo>
                    <a:lnTo>
                      <a:pt x="1842" y="512"/>
                    </a:lnTo>
                    <a:lnTo>
                      <a:pt x="1837" y="517"/>
                    </a:lnTo>
                    <a:lnTo>
                      <a:pt x="1832" y="522"/>
                    </a:lnTo>
                    <a:lnTo>
                      <a:pt x="1825" y="526"/>
                    </a:lnTo>
                    <a:lnTo>
                      <a:pt x="1819" y="529"/>
                    </a:lnTo>
                    <a:lnTo>
                      <a:pt x="1801" y="534"/>
                    </a:lnTo>
                    <a:lnTo>
                      <a:pt x="1788" y="537"/>
                    </a:lnTo>
                    <a:lnTo>
                      <a:pt x="1785" y="538"/>
                    </a:lnTo>
                    <a:lnTo>
                      <a:pt x="1784" y="540"/>
                    </a:lnTo>
                    <a:lnTo>
                      <a:pt x="1782" y="543"/>
                    </a:lnTo>
                    <a:lnTo>
                      <a:pt x="1782" y="546"/>
                    </a:lnTo>
                    <a:lnTo>
                      <a:pt x="1782" y="555"/>
                    </a:lnTo>
                    <a:lnTo>
                      <a:pt x="1786" y="566"/>
                    </a:lnTo>
                    <a:lnTo>
                      <a:pt x="1789" y="575"/>
                    </a:lnTo>
                    <a:lnTo>
                      <a:pt x="1791" y="586"/>
                    </a:lnTo>
                    <a:lnTo>
                      <a:pt x="1793" y="596"/>
                    </a:lnTo>
                    <a:lnTo>
                      <a:pt x="1793" y="605"/>
                    </a:lnTo>
                    <a:lnTo>
                      <a:pt x="1793" y="616"/>
                    </a:lnTo>
                    <a:lnTo>
                      <a:pt x="1793" y="626"/>
                    </a:lnTo>
                    <a:lnTo>
                      <a:pt x="1791" y="635"/>
                    </a:lnTo>
                    <a:lnTo>
                      <a:pt x="1789" y="645"/>
                    </a:lnTo>
                    <a:lnTo>
                      <a:pt x="1782" y="664"/>
                    </a:lnTo>
                    <a:lnTo>
                      <a:pt x="1775" y="683"/>
                    </a:lnTo>
                    <a:lnTo>
                      <a:pt x="1764" y="701"/>
                    </a:lnTo>
                    <a:lnTo>
                      <a:pt x="1754" y="719"/>
                    </a:lnTo>
                    <a:lnTo>
                      <a:pt x="1741" y="736"/>
                    </a:lnTo>
                    <a:lnTo>
                      <a:pt x="1727" y="753"/>
                    </a:lnTo>
                    <a:lnTo>
                      <a:pt x="1712" y="770"/>
                    </a:lnTo>
                    <a:lnTo>
                      <a:pt x="1697" y="785"/>
                    </a:lnTo>
                    <a:lnTo>
                      <a:pt x="1667" y="815"/>
                    </a:lnTo>
                    <a:lnTo>
                      <a:pt x="1639" y="841"/>
                    </a:lnTo>
                    <a:lnTo>
                      <a:pt x="1632" y="855"/>
                    </a:lnTo>
                    <a:lnTo>
                      <a:pt x="1623" y="868"/>
                    </a:lnTo>
                    <a:lnTo>
                      <a:pt x="1614" y="881"/>
                    </a:lnTo>
                    <a:lnTo>
                      <a:pt x="1605" y="894"/>
                    </a:lnTo>
                    <a:lnTo>
                      <a:pt x="1596" y="907"/>
                    </a:lnTo>
                    <a:lnTo>
                      <a:pt x="1587" y="920"/>
                    </a:lnTo>
                    <a:lnTo>
                      <a:pt x="1580" y="936"/>
                    </a:lnTo>
                    <a:lnTo>
                      <a:pt x="1574" y="951"/>
                    </a:lnTo>
                    <a:lnTo>
                      <a:pt x="1566" y="973"/>
                    </a:lnTo>
                    <a:lnTo>
                      <a:pt x="1557" y="998"/>
                    </a:lnTo>
                    <a:lnTo>
                      <a:pt x="1545" y="1022"/>
                    </a:lnTo>
                    <a:lnTo>
                      <a:pt x="1532" y="1048"/>
                    </a:lnTo>
                    <a:lnTo>
                      <a:pt x="1526" y="1060"/>
                    </a:lnTo>
                    <a:lnTo>
                      <a:pt x="1518" y="1070"/>
                    </a:lnTo>
                    <a:lnTo>
                      <a:pt x="1510" y="1082"/>
                    </a:lnTo>
                    <a:lnTo>
                      <a:pt x="1501" y="1091"/>
                    </a:lnTo>
                    <a:lnTo>
                      <a:pt x="1492" y="1100"/>
                    </a:lnTo>
                    <a:lnTo>
                      <a:pt x="1483" y="1108"/>
                    </a:lnTo>
                    <a:lnTo>
                      <a:pt x="1473" y="1114"/>
                    </a:lnTo>
                    <a:lnTo>
                      <a:pt x="1461" y="1118"/>
                    </a:lnTo>
                    <a:lnTo>
                      <a:pt x="1425" y="1130"/>
                    </a:lnTo>
                    <a:lnTo>
                      <a:pt x="1386" y="1142"/>
                    </a:lnTo>
                    <a:lnTo>
                      <a:pt x="1367" y="1149"/>
                    </a:lnTo>
                    <a:lnTo>
                      <a:pt x="1348" y="1157"/>
                    </a:lnTo>
                    <a:lnTo>
                      <a:pt x="1341" y="1162"/>
                    </a:lnTo>
                    <a:lnTo>
                      <a:pt x="1333" y="1167"/>
                    </a:lnTo>
                    <a:lnTo>
                      <a:pt x="1325" y="1173"/>
                    </a:lnTo>
                    <a:lnTo>
                      <a:pt x="1319" y="1179"/>
                    </a:lnTo>
                    <a:lnTo>
                      <a:pt x="1319" y="1179"/>
                    </a:lnTo>
                    <a:lnTo>
                      <a:pt x="1265" y="1175"/>
                    </a:lnTo>
                    <a:lnTo>
                      <a:pt x="1176" y="1157"/>
                    </a:lnTo>
                    <a:lnTo>
                      <a:pt x="1164" y="1153"/>
                    </a:lnTo>
                    <a:lnTo>
                      <a:pt x="1153" y="1148"/>
                    </a:lnTo>
                    <a:lnTo>
                      <a:pt x="1140" y="1144"/>
                    </a:lnTo>
                    <a:lnTo>
                      <a:pt x="1126" y="1142"/>
                    </a:lnTo>
                    <a:lnTo>
                      <a:pt x="1111" y="1140"/>
                    </a:lnTo>
                    <a:lnTo>
                      <a:pt x="1098" y="1139"/>
                    </a:lnTo>
                    <a:lnTo>
                      <a:pt x="1084" y="1139"/>
                    </a:lnTo>
                    <a:lnTo>
                      <a:pt x="1070" y="1140"/>
                    </a:lnTo>
                    <a:lnTo>
                      <a:pt x="1057" y="1142"/>
                    </a:lnTo>
                    <a:lnTo>
                      <a:pt x="1044" y="1145"/>
                    </a:lnTo>
                    <a:lnTo>
                      <a:pt x="1032" y="1151"/>
                    </a:lnTo>
                    <a:lnTo>
                      <a:pt x="1021" y="1157"/>
                    </a:lnTo>
                    <a:lnTo>
                      <a:pt x="1012" y="1165"/>
                    </a:lnTo>
                    <a:lnTo>
                      <a:pt x="1002" y="1174"/>
                    </a:lnTo>
                    <a:lnTo>
                      <a:pt x="995" y="1186"/>
                    </a:lnTo>
                    <a:lnTo>
                      <a:pt x="990" y="1199"/>
                    </a:lnTo>
                    <a:lnTo>
                      <a:pt x="984" y="1210"/>
                    </a:lnTo>
                    <a:lnTo>
                      <a:pt x="977" y="1221"/>
                    </a:lnTo>
                    <a:lnTo>
                      <a:pt x="969" y="1228"/>
                    </a:lnTo>
                    <a:lnTo>
                      <a:pt x="958" y="1235"/>
                    </a:lnTo>
                    <a:lnTo>
                      <a:pt x="948" y="1241"/>
                    </a:lnTo>
                    <a:lnTo>
                      <a:pt x="935" y="1246"/>
                    </a:lnTo>
                    <a:lnTo>
                      <a:pt x="922" y="1250"/>
                    </a:lnTo>
                    <a:lnTo>
                      <a:pt x="909" y="1254"/>
                    </a:lnTo>
                    <a:lnTo>
                      <a:pt x="881" y="1259"/>
                    </a:lnTo>
                    <a:lnTo>
                      <a:pt x="854" y="1265"/>
                    </a:lnTo>
                    <a:lnTo>
                      <a:pt x="826" y="1271"/>
                    </a:lnTo>
                    <a:lnTo>
                      <a:pt x="803" y="1279"/>
                    </a:lnTo>
                    <a:lnTo>
                      <a:pt x="803" y="1279"/>
                    </a:lnTo>
                    <a:lnTo>
                      <a:pt x="734" y="1313"/>
                    </a:lnTo>
                    <a:lnTo>
                      <a:pt x="724" y="1318"/>
                    </a:lnTo>
                    <a:lnTo>
                      <a:pt x="712" y="1322"/>
                    </a:lnTo>
                    <a:lnTo>
                      <a:pt x="701" y="1325"/>
                    </a:lnTo>
                    <a:lnTo>
                      <a:pt x="689" y="1329"/>
                    </a:lnTo>
                    <a:lnTo>
                      <a:pt x="664" y="1335"/>
                    </a:lnTo>
                    <a:lnTo>
                      <a:pt x="637" y="1338"/>
                    </a:lnTo>
                    <a:lnTo>
                      <a:pt x="611" y="1341"/>
                    </a:lnTo>
                    <a:lnTo>
                      <a:pt x="585" y="1344"/>
                    </a:lnTo>
                    <a:lnTo>
                      <a:pt x="561" y="1346"/>
                    </a:lnTo>
                    <a:lnTo>
                      <a:pt x="537" y="1350"/>
                    </a:lnTo>
                    <a:lnTo>
                      <a:pt x="526" y="1353"/>
                    </a:lnTo>
                    <a:lnTo>
                      <a:pt x="514" y="1353"/>
                    </a:lnTo>
                    <a:lnTo>
                      <a:pt x="501" y="1353"/>
                    </a:lnTo>
                    <a:lnTo>
                      <a:pt x="489" y="1351"/>
                    </a:lnTo>
                    <a:lnTo>
                      <a:pt x="478" y="1349"/>
                    </a:lnTo>
                    <a:lnTo>
                      <a:pt x="466" y="1345"/>
                    </a:lnTo>
                    <a:lnTo>
                      <a:pt x="454" y="1341"/>
                    </a:lnTo>
                    <a:lnTo>
                      <a:pt x="443" y="1337"/>
                    </a:lnTo>
                    <a:lnTo>
                      <a:pt x="421" y="1325"/>
                    </a:lnTo>
                    <a:lnTo>
                      <a:pt x="399" y="1314"/>
                    </a:lnTo>
                    <a:lnTo>
                      <a:pt x="378" y="1301"/>
                    </a:lnTo>
                    <a:lnTo>
                      <a:pt x="359" y="1288"/>
                    </a:lnTo>
                    <a:lnTo>
                      <a:pt x="348" y="1279"/>
                    </a:lnTo>
                    <a:lnTo>
                      <a:pt x="337" y="1268"/>
                    </a:lnTo>
                    <a:lnTo>
                      <a:pt x="328" y="1258"/>
                    </a:lnTo>
                    <a:lnTo>
                      <a:pt x="317" y="1248"/>
                    </a:lnTo>
                    <a:lnTo>
                      <a:pt x="298" y="1226"/>
                    </a:lnTo>
                    <a:lnTo>
                      <a:pt x="277" y="1205"/>
                    </a:lnTo>
                    <a:lnTo>
                      <a:pt x="259" y="1195"/>
                    </a:lnTo>
                    <a:lnTo>
                      <a:pt x="242" y="1184"/>
                    </a:lnTo>
                    <a:lnTo>
                      <a:pt x="225" y="1174"/>
                    </a:lnTo>
                    <a:lnTo>
                      <a:pt x="210" y="1161"/>
                    </a:lnTo>
                    <a:lnTo>
                      <a:pt x="197" y="1148"/>
                    </a:lnTo>
                    <a:lnTo>
                      <a:pt x="184" y="1134"/>
                    </a:lnTo>
                    <a:lnTo>
                      <a:pt x="172" y="1117"/>
                    </a:lnTo>
                    <a:lnTo>
                      <a:pt x="163" y="1097"/>
                    </a:lnTo>
                    <a:lnTo>
                      <a:pt x="159" y="1090"/>
                    </a:lnTo>
                    <a:lnTo>
                      <a:pt x="155" y="1082"/>
                    </a:lnTo>
                    <a:lnTo>
                      <a:pt x="150" y="1075"/>
                    </a:lnTo>
                    <a:lnTo>
                      <a:pt x="145" y="1069"/>
                    </a:lnTo>
                    <a:lnTo>
                      <a:pt x="133" y="1057"/>
                    </a:lnTo>
                    <a:lnTo>
                      <a:pt x="120" y="1047"/>
                    </a:lnTo>
                    <a:lnTo>
                      <a:pt x="107" y="1037"/>
                    </a:lnTo>
                    <a:lnTo>
                      <a:pt x="96" y="1025"/>
                    </a:lnTo>
                    <a:lnTo>
                      <a:pt x="84" y="1013"/>
                    </a:lnTo>
                    <a:lnTo>
                      <a:pt x="75" y="998"/>
                    </a:lnTo>
                    <a:lnTo>
                      <a:pt x="65" y="978"/>
                    </a:lnTo>
                    <a:lnTo>
                      <a:pt x="54" y="959"/>
                    </a:lnTo>
                    <a:lnTo>
                      <a:pt x="48" y="950"/>
                    </a:lnTo>
                    <a:lnTo>
                      <a:pt x="40" y="942"/>
                    </a:lnTo>
                    <a:lnTo>
                      <a:pt x="31" y="937"/>
                    </a:lnTo>
                    <a:lnTo>
                      <a:pt x="21" y="933"/>
                    </a:lnTo>
                    <a:lnTo>
                      <a:pt x="21" y="933"/>
                    </a:lnTo>
                    <a:lnTo>
                      <a:pt x="0" y="825"/>
                    </a:lnTo>
                    <a:lnTo>
                      <a:pt x="0" y="825"/>
                    </a:lnTo>
                    <a:lnTo>
                      <a:pt x="14" y="789"/>
                    </a:lnTo>
                    <a:lnTo>
                      <a:pt x="28" y="752"/>
                    </a:lnTo>
                    <a:lnTo>
                      <a:pt x="35" y="733"/>
                    </a:lnTo>
                    <a:lnTo>
                      <a:pt x="40" y="714"/>
                    </a:lnTo>
                    <a:lnTo>
                      <a:pt x="45" y="695"/>
                    </a:lnTo>
                    <a:lnTo>
                      <a:pt x="48" y="675"/>
                    </a:lnTo>
                    <a:lnTo>
                      <a:pt x="49" y="669"/>
                    </a:lnTo>
                    <a:lnTo>
                      <a:pt x="52" y="662"/>
                    </a:lnTo>
                    <a:lnTo>
                      <a:pt x="54" y="657"/>
                    </a:lnTo>
                    <a:lnTo>
                      <a:pt x="58" y="652"/>
                    </a:lnTo>
                    <a:lnTo>
                      <a:pt x="66" y="641"/>
                    </a:lnTo>
                    <a:lnTo>
                      <a:pt x="74" y="631"/>
                    </a:lnTo>
                    <a:lnTo>
                      <a:pt x="83" y="621"/>
                    </a:lnTo>
                    <a:lnTo>
                      <a:pt x="89" y="610"/>
                    </a:lnTo>
                    <a:lnTo>
                      <a:pt x="92" y="605"/>
                    </a:lnTo>
                    <a:lnTo>
                      <a:pt x="94" y="600"/>
                    </a:lnTo>
                    <a:lnTo>
                      <a:pt x="96" y="594"/>
                    </a:lnTo>
                    <a:lnTo>
                      <a:pt x="97" y="587"/>
                    </a:lnTo>
                    <a:lnTo>
                      <a:pt x="98" y="577"/>
                    </a:lnTo>
                    <a:lnTo>
                      <a:pt x="101" y="568"/>
                    </a:lnTo>
                    <a:lnTo>
                      <a:pt x="103" y="559"/>
                    </a:lnTo>
                    <a:lnTo>
                      <a:pt x="107" y="552"/>
                    </a:lnTo>
                    <a:lnTo>
                      <a:pt x="116" y="537"/>
                    </a:lnTo>
                    <a:lnTo>
                      <a:pt x="124" y="520"/>
                    </a:lnTo>
                    <a:lnTo>
                      <a:pt x="125" y="513"/>
                    </a:lnTo>
                    <a:lnTo>
                      <a:pt x="127" y="507"/>
                    </a:lnTo>
                    <a:lnTo>
                      <a:pt x="125" y="500"/>
                    </a:lnTo>
                    <a:lnTo>
                      <a:pt x="125" y="494"/>
                    </a:lnTo>
                    <a:lnTo>
                      <a:pt x="123" y="480"/>
                    </a:lnTo>
                    <a:lnTo>
                      <a:pt x="120" y="467"/>
                    </a:lnTo>
                    <a:lnTo>
                      <a:pt x="119" y="460"/>
                    </a:lnTo>
                    <a:lnTo>
                      <a:pt x="119" y="454"/>
                    </a:lnTo>
                    <a:lnTo>
                      <a:pt x="120" y="448"/>
                    </a:lnTo>
                    <a:lnTo>
                      <a:pt x="122" y="445"/>
                    </a:lnTo>
                    <a:lnTo>
                      <a:pt x="124" y="441"/>
                    </a:lnTo>
                    <a:lnTo>
                      <a:pt x="128" y="438"/>
                    </a:lnTo>
                    <a:lnTo>
                      <a:pt x="133" y="437"/>
                    </a:lnTo>
                    <a:lnTo>
                      <a:pt x="140" y="436"/>
                    </a:lnTo>
                    <a:lnTo>
                      <a:pt x="159" y="436"/>
                    </a:lnTo>
                    <a:lnTo>
                      <a:pt x="179" y="433"/>
                    </a:lnTo>
                    <a:lnTo>
                      <a:pt x="195" y="429"/>
                    </a:lnTo>
                    <a:lnTo>
                      <a:pt x="212" y="425"/>
                    </a:lnTo>
                    <a:lnTo>
                      <a:pt x="228" y="419"/>
                    </a:lnTo>
                    <a:lnTo>
                      <a:pt x="243" y="410"/>
                    </a:lnTo>
                    <a:lnTo>
                      <a:pt x="260" y="401"/>
                    </a:lnTo>
                    <a:lnTo>
                      <a:pt x="276" y="389"/>
                    </a:lnTo>
                    <a:lnTo>
                      <a:pt x="283" y="268"/>
                    </a:lnTo>
                    <a:lnTo>
                      <a:pt x="283" y="26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1" name="Freeform 146">
                <a:extLst>
                  <a:ext uri="{FF2B5EF4-FFF2-40B4-BE49-F238E27FC236}">
                    <a16:creationId xmlns:a16="http://schemas.microsoft.com/office/drawing/2014/main" id="{A63DF1E4-DB85-E44D-A3A9-A2F7736F7A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72103" y="4723617"/>
                <a:ext cx="429919" cy="305266"/>
              </a:xfrm>
              <a:custGeom>
                <a:avLst/>
                <a:gdLst/>
                <a:ahLst/>
                <a:cxnLst>
                  <a:cxn ang="0">
                    <a:pos x="336" y="186"/>
                  </a:cxn>
                  <a:cxn ang="0">
                    <a:pos x="390" y="181"/>
                  </a:cxn>
                  <a:cxn ang="0">
                    <a:pos x="447" y="144"/>
                  </a:cxn>
                  <a:cxn ang="0">
                    <a:pos x="490" y="116"/>
                  </a:cxn>
                  <a:cxn ang="0">
                    <a:pos x="526" y="103"/>
                  </a:cxn>
                  <a:cxn ang="0">
                    <a:pos x="554" y="101"/>
                  </a:cxn>
                  <a:cxn ang="0">
                    <a:pos x="602" y="105"/>
                  </a:cxn>
                  <a:cxn ang="0">
                    <a:pos x="626" y="101"/>
                  </a:cxn>
                  <a:cxn ang="0">
                    <a:pos x="674" y="82"/>
                  </a:cxn>
                  <a:cxn ang="0">
                    <a:pos x="723" y="65"/>
                  </a:cxn>
                  <a:cxn ang="0">
                    <a:pos x="819" y="43"/>
                  </a:cxn>
                  <a:cxn ang="0">
                    <a:pos x="941" y="108"/>
                  </a:cxn>
                  <a:cxn ang="0">
                    <a:pos x="921" y="149"/>
                  </a:cxn>
                  <a:cxn ang="0">
                    <a:pos x="918" y="181"/>
                  </a:cxn>
                  <a:cxn ang="0">
                    <a:pos x="916" y="208"/>
                  </a:cxn>
                  <a:cxn ang="0">
                    <a:pos x="895" y="248"/>
                  </a:cxn>
                  <a:cxn ang="0">
                    <a:pos x="871" y="270"/>
                  </a:cxn>
                  <a:cxn ang="0">
                    <a:pos x="838" y="282"/>
                  </a:cxn>
                  <a:cxn ang="0">
                    <a:pos x="789" y="289"/>
                  </a:cxn>
                  <a:cxn ang="0">
                    <a:pos x="742" y="300"/>
                  </a:cxn>
                  <a:cxn ang="0">
                    <a:pos x="710" y="319"/>
                  </a:cxn>
                  <a:cxn ang="0">
                    <a:pos x="689" y="339"/>
                  </a:cxn>
                  <a:cxn ang="0">
                    <a:pos x="676" y="354"/>
                  </a:cxn>
                  <a:cxn ang="0">
                    <a:pos x="683" y="383"/>
                  </a:cxn>
                  <a:cxn ang="0">
                    <a:pos x="709" y="436"/>
                  </a:cxn>
                  <a:cxn ang="0">
                    <a:pos x="718" y="469"/>
                  </a:cxn>
                  <a:cxn ang="0">
                    <a:pos x="712" y="493"/>
                  </a:cxn>
                  <a:cxn ang="0">
                    <a:pos x="697" y="513"/>
                  </a:cxn>
                  <a:cxn ang="0">
                    <a:pos x="633" y="545"/>
                  </a:cxn>
                  <a:cxn ang="0">
                    <a:pos x="588" y="567"/>
                  </a:cxn>
                  <a:cxn ang="0">
                    <a:pos x="569" y="590"/>
                  </a:cxn>
                  <a:cxn ang="0">
                    <a:pos x="548" y="651"/>
                  </a:cxn>
                  <a:cxn ang="0">
                    <a:pos x="535" y="671"/>
                  </a:cxn>
                  <a:cxn ang="0">
                    <a:pos x="521" y="677"/>
                  </a:cxn>
                  <a:cxn ang="0">
                    <a:pos x="499" y="675"/>
                  </a:cxn>
                  <a:cxn ang="0">
                    <a:pos x="438" y="655"/>
                  </a:cxn>
                  <a:cxn ang="0">
                    <a:pos x="391" y="624"/>
                  </a:cxn>
                  <a:cxn ang="0">
                    <a:pos x="317" y="568"/>
                  </a:cxn>
                  <a:cxn ang="0">
                    <a:pos x="310" y="574"/>
                  </a:cxn>
                  <a:cxn ang="0">
                    <a:pos x="298" y="599"/>
                  </a:cxn>
                  <a:cxn ang="0">
                    <a:pos x="273" y="644"/>
                  </a:cxn>
                  <a:cxn ang="0">
                    <a:pos x="238" y="657"/>
                  </a:cxn>
                  <a:cxn ang="0">
                    <a:pos x="193" y="661"/>
                  </a:cxn>
                  <a:cxn ang="0">
                    <a:pos x="115" y="653"/>
                  </a:cxn>
                  <a:cxn ang="0">
                    <a:pos x="0" y="613"/>
                  </a:cxn>
                  <a:cxn ang="0">
                    <a:pos x="49" y="599"/>
                  </a:cxn>
                  <a:cxn ang="0">
                    <a:pos x="70" y="581"/>
                  </a:cxn>
                  <a:cxn ang="0">
                    <a:pos x="124" y="557"/>
                  </a:cxn>
                  <a:cxn ang="0">
                    <a:pos x="126" y="528"/>
                  </a:cxn>
                  <a:cxn ang="0">
                    <a:pos x="113" y="497"/>
                  </a:cxn>
                  <a:cxn ang="0">
                    <a:pos x="58" y="408"/>
                  </a:cxn>
                  <a:cxn ang="0">
                    <a:pos x="52" y="362"/>
                  </a:cxn>
                  <a:cxn ang="0">
                    <a:pos x="50" y="314"/>
                  </a:cxn>
                  <a:cxn ang="0">
                    <a:pos x="41" y="270"/>
                  </a:cxn>
                  <a:cxn ang="0">
                    <a:pos x="40" y="235"/>
                  </a:cxn>
                  <a:cxn ang="0">
                    <a:pos x="48" y="218"/>
                  </a:cxn>
                  <a:cxn ang="0">
                    <a:pos x="67" y="208"/>
                  </a:cxn>
                </a:cxnLst>
                <a:rect l="0" t="0" r="r" b="b"/>
                <a:pathLst>
                  <a:path w="941" h="677">
                    <a:moveTo>
                      <a:pt x="136" y="181"/>
                    </a:moveTo>
                    <a:lnTo>
                      <a:pt x="298" y="181"/>
                    </a:lnTo>
                    <a:lnTo>
                      <a:pt x="336" y="186"/>
                    </a:lnTo>
                    <a:lnTo>
                      <a:pt x="364" y="187"/>
                    </a:lnTo>
                    <a:lnTo>
                      <a:pt x="377" y="184"/>
                    </a:lnTo>
                    <a:lnTo>
                      <a:pt x="390" y="181"/>
                    </a:lnTo>
                    <a:lnTo>
                      <a:pt x="405" y="173"/>
                    </a:lnTo>
                    <a:lnTo>
                      <a:pt x="425" y="161"/>
                    </a:lnTo>
                    <a:lnTo>
                      <a:pt x="447" y="144"/>
                    </a:lnTo>
                    <a:lnTo>
                      <a:pt x="468" y="129"/>
                    </a:lnTo>
                    <a:lnTo>
                      <a:pt x="479" y="122"/>
                    </a:lnTo>
                    <a:lnTo>
                      <a:pt x="490" y="116"/>
                    </a:lnTo>
                    <a:lnTo>
                      <a:pt x="503" y="109"/>
                    </a:lnTo>
                    <a:lnTo>
                      <a:pt x="516" y="105"/>
                    </a:lnTo>
                    <a:lnTo>
                      <a:pt x="526" y="103"/>
                    </a:lnTo>
                    <a:lnTo>
                      <a:pt x="536" y="101"/>
                    </a:lnTo>
                    <a:lnTo>
                      <a:pt x="545" y="101"/>
                    </a:lnTo>
                    <a:lnTo>
                      <a:pt x="554" y="101"/>
                    </a:lnTo>
                    <a:lnTo>
                      <a:pt x="574" y="103"/>
                    </a:lnTo>
                    <a:lnTo>
                      <a:pt x="595" y="104"/>
                    </a:lnTo>
                    <a:lnTo>
                      <a:pt x="602" y="105"/>
                    </a:lnTo>
                    <a:lnTo>
                      <a:pt x="610" y="104"/>
                    </a:lnTo>
                    <a:lnTo>
                      <a:pt x="618" y="103"/>
                    </a:lnTo>
                    <a:lnTo>
                      <a:pt x="626" y="101"/>
                    </a:lnTo>
                    <a:lnTo>
                      <a:pt x="641" y="96"/>
                    </a:lnTo>
                    <a:lnTo>
                      <a:pt x="658" y="90"/>
                    </a:lnTo>
                    <a:lnTo>
                      <a:pt x="674" y="82"/>
                    </a:lnTo>
                    <a:lnTo>
                      <a:pt x="690" y="76"/>
                    </a:lnTo>
                    <a:lnTo>
                      <a:pt x="706" y="69"/>
                    </a:lnTo>
                    <a:lnTo>
                      <a:pt x="723" y="65"/>
                    </a:lnTo>
                    <a:lnTo>
                      <a:pt x="757" y="59"/>
                    </a:lnTo>
                    <a:lnTo>
                      <a:pt x="788" y="52"/>
                    </a:lnTo>
                    <a:lnTo>
                      <a:pt x="819" y="43"/>
                    </a:lnTo>
                    <a:lnTo>
                      <a:pt x="852" y="33"/>
                    </a:lnTo>
                    <a:lnTo>
                      <a:pt x="920" y="0"/>
                    </a:lnTo>
                    <a:lnTo>
                      <a:pt x="941" y="108"/>
                    </a:lnTo>
                    <a:lnTo>
                      <a:pt x="930" y="126"/>
                    </a:lnTo>
                    <a:lnTo>
                      <a:pt x="924" y="142"/>
                    </a:lnTo>
                    <a:lnTo>
                      <a:pt x="921" y="149"/>
                    </a:lnTo>
                    <a:lnTo>
                      <a:pt x="920" y="158"/>
                    </a:lnTo>
                    <a:lnTo>
                      <a:pt x="918" y="169"/>
                    </a:lnTo>
                    <a:lnTo>
                      <a:pt x="918" y="181"/>
                    </a:lnTo>
                    <a:lnTo>
                      <a:pt x="918" y="191"/>
                    </a:lnTo>
                    <a:lnTo>
                      <a:pt x="917" y="200"/>
                    </a:lnTo>
                    <a:lnTo>
                      <a:pt x="916" y="208"/>
                    </a:lnTo>
                    <a:lnTo>
                      <a:pt x="913" y="217"/>
                    </a:lnTo>
                    <a:lnTo>
                      <a:pt x="906" y="231"/>
                    </a:lnTo>
                    <a:lnTo>
                      <a:pt x="895" y="248"/>
                    </a:lnTo>
                    <a:lnTo>
                      <a:pt x="889" y="257"/>
                    </a:lnTo>
                    <a:lnTo>
                      <a:pt x="880" y="263"/>
                    </a:lnTo>
                    <a:lnTo>
                      <a:pt x="871" y="270"/>
                    </a:lnTo>
                    <a:lnTo>
                      <a:pt x="860" y="275"/>
                    </a:lnTo>
                    <a:lnTo>
                      <a:pt x="850" y="279"/>
                    </a:lnTo>
                    <a:lnTo>
                      <a:pt x="838" y="282"/>
                    </a:lnTo>
                    <a:lnTo>
                      <a:pt x="826" y="284"/>
                    </a:lnTo>
                    <a:lnTo>
                      <a:pt x="814" y="285"/>
                    </a:lnTo>
                    <a:lnTo>
                      <a:pt x="789" y="289"/>
                    </a:lnTo>
                    <a:lnTo>
                      <a:pt x="764" y="293"/>
                    </a:lnTo>
                    <a:lnTo>
                      <a:pt x="753" y="296"/>
                    </a:lnTo>
                    <a:lnTo>
                      <a:pt x="742" y="300"/>
                    </a:lnTo>
                    <a:lnTo>
                      <a:pt x="731" y="304"/>
                    </a:lnTo>
                    <a:lnTo>
                      <a:pt x="722" y="309"/>
                    </a:lnTo>
                    <a:lnTo>
                      <a:pt x="710" y="319"/>
                    </a:lnTo>
                    <a:lnTo>
                      <a:pt x="700" y="329"/>
                    </a:lnTo>
                    <a:lnTo>
                      <a:pt x="694" y="335"/>
                    </a:lnTo>
                    <a:lnTo>
                      <a:pt x="689" y="339"/>
                    </a:lnTo>
                    <a:lnTo>
                      <a:pt x="683" y="342"/>
                    </a:lnTo>
                    <a:lnTo>
                      <a:pt x="676" y="344"/>
                    </a:lnTo>
                    <a:lnTo>
                      <a:pt x="676" y="354"/>
                    </a:lnTo>
                    <a:lnTo>
                      <a:pt x="678" y="364"/>
                    </a:lnTo>
                    <a:lnTo>
                      <a:pt x="680" y="374"/>
                    </a:lnTo>
                    <a:lnTo>
                      <a:pt x="683" y="383"/>
                    </a:lnTo>
                    <a:lnTo>
                      <a:pt x="692" y="401"/>
                    </a:lnTo>
                    <a:lnTo>
                      <a:pt x="701" y="419"/>
                    </a:lnTo>
                    <a:lnTo>
                      <a:pt x="709" y="436"/>
                    </a:lnTo>
                    <a:lnTo>
                      <a:pt x="715" y="453"/>
                    </a:lnTo>
                    <a:lnTo>
                      <a:pt x="718" y="460"/>
                    </a:lnTo>
                    <a:lnTo>
                      <a:pt x="718" y="469"/>
                    </a:lnTo>
                    <a:lnTo>
                      <a:pt x="718" y="477"/>
                    </a:lnTo>
                    <a:lnTo>
                      <a:pt x="715" y="485"/>
                    </a:lnTo>
                    <a:lnTo>
                      <a:pt x="712" y="493"/>
                    </a:lnTo>
                    <a:lnTo>
                      <a:pt x="707" y="500"/>
                    </a:lnTo>
                    <a:lnTo>
                      <a:pt x="702" y="507"/>
                    </a:lnTo>
                    <a:lnTo>
                      <a:pt x="697" y="513"/>
                    </a:lnTo>
                    <a:lnTo>
                      <a:pt x="683" y="524"/>
                    </a:lnTo>
                    <a:lnTo>
                      <a:pt x="667" y="532"/>
                    </a:lnTo>
                    <a:lnTo>
                      <a:pt x="633" y="545"/>
                    </a:lnTo>
                    <a:lnTo>
                      <a:pt x="604" y="557"/>
                    </a:lnTo>
                    <a:lnTo>
                      <a:pt x="595" y="561"/>
                    </a:lnTo>
                    <a:lnTo>
                      <a:pt x="588" y="567"/>
                    </a:lnTo>
                    <a:lnTo>
                      <a:pt x="582" y="573"/>
                    </a:lnTo>
                    <a:lnTo>
                      <a:pt x="576" y="578"/>
                    </a:lnTo>
                    <a:lnTo>
                      <a:pt x="569" y="590"/>
                    </a:lnTo>
                    <a:lnTo>
                      <a:pt x="562" y="603"/>
                    </a:lnTo>
                    <a:lnTo>
                      <a:pt x="554" y="629"/>
                    </a:lnTo>
                    <a:lnTo>
                      <a:pt x="548" y="651"/>
                    </a:lnTo>
                    <a:lnTo>
                      <a:pt x="544" y="661"/>
                    </a:lnTo>
                    <a:lnTo>
                      <a:pt x="539" y="668"/>
                    </a:lnTo>
                    <a:lnTo>
                      <a:pt x="535" y="671"/>
                    </a:lnTo>
                    <a:lnTo>
                      <a:pt x="531" y="674"/>
                    </a:lnTo>
                    <a:lnTo>
                      <a:pt x="526" y="675"/>
                    </a:lnTo>
                    <a:lnTo>
                      <a:pt x="521" y="677"/>
                    </a:lnTo>
                    <a:lnTo>
                      <a:pt x="514" y="677"/>
                    </a:lnTo>
                    <a:lnTo>
                      <a:pt x="507" y="677"/>
                    </a:lnTo>
                    <a:lnTo>
                      <a:pt x="499" y="675"/>
                    </a:lnTo>
                    <a:lnTo>
                      <a:pt x="488" y="673"/>
                    </a:lnTo>
                    <a:lnTo>
                      <a:pt x="466" y="666"/>
                    </a:lnTo>
                    <a:lnTo>
                      <a:pt x="438" y="655"/>
                    </a:lnTo>
                    <a:lnTo>
                      <a:pt x="426" y="648"/>
                    </a:lnTo>
                    <a:lnTo>
                      <a:pt x="411" y="638"/>
                    </a:lnTo>
                    <a:lnTo>
                      <a:pt x="391" y="624"/>
                    </a:lnTo>
                    <a:lnTo>
                      <a:pt x="370" y="608"/>
                    </a:lnTo>
                    <a:lnTo>
                      <a:pt x="334" y="579"/>
                    </a:lnTo>
                    <a:lnTo>
                      <a:pt x="317" y="568"/>
                    </a:lnTo>
                    <a:lnTo>
                      <a:pt x="315" y="569"/>
                    </a:lnTo>
                    <a:lnTo>
                      <a:pt x="312" y="572"/>
                    </a:lnTo>
                    <a:lnTo>
                      <a:pt x="310" y="574"/>
                    </a:lnTo>
                    <a:lnTo>
                      <a:pt x="307" y="578"/>
                    </a:lnTo>
                    <a:lnTo>
                      <a:pt x="302" y="589"/>
                    </a:lnTo>
                    <a:lnTo>
                      <a:pt x="298" y="599"/>
                    </a:lnTo>
                    <a:lnTo>
                      <a:pt x="289" y="622"/>
                    </a:lnTo>
                    <a:lnTo>
                      <a:pt x="281" y="636"/>
                    </a:lnTo>
                    <a:lnTo>
                      <a:pt x="273" y="644"/>
                    </a:lnTo>
                    <a:lnTo>
                      <a:pt x="263" y="649"/>
                    </a:lnTo>
                    <a:lnTo>
                      <a:pt x="251" y="655"/>
                    </a:lnTo>
                    <a:lnTo>
                      <a:pt x="238" y="657"/>
                    </a:lnTo>
                    <a:lnTo>
                      <a:pt x="224" y="660"/>
                    </a:lnTo>
                    <a:lnTo>
                      <a:pt x="209" y="661"/>
                    </a:lnTo>
                    <a:lnTo>
                      <a:pt x="193" y="661"/>
                    </a:lnTo>
                    <a:lnTo>
                      <a:pt x="177" y="661"/>
                    </a:lnTo>
                    <a:lnTo>
                      <a:pt x="146" y="659"/>
                    </a:lnTo>
                    <a:lnTo>
                      <a:pt x="115" y="653"/>
                    </a:lnTo>
                    <a:lnTo>
                      <a:pt x="89" y="647"/>
                    </a:lnTo>
                    <a:lnTo>
                      <a:pt x="70" y="639"/>
                    </a:lnTo>
                    <a:lnTo>
                      <a:pt x="0" y="613"/>
                    </a:lnTo>
                    <a:lnTo>
                      <a:pt x="19" y="608"/>
                    </a:lnTo>
                    <a:lnTo>
                      <a:pt x="40" y="603"/>
                    </a:lnTo>
                    <a:lnTo>
                      <a:pt x="49" y="599"/>
                    </a:lnTo>
                    <a:lnTo>
                      <a:pt x="57" y="594"/>
                    </a:lnTo>
                    <a:lnTo>
                      <a:pt x="65" y="589"/>
                    </a:lnTo>
                    <a:lnTo>
                      <a:pt x="70" y="581"/>
                    </a:lnTo>
                    <a:lnTo>
                      <a:pt x="111" y="574"/>
                    </a:lnTo>
                    <a:lnTo>
                      <a:pt x="119" y="567"/>
                    </a:lnTo>
                    <a:lnTo>
                      <a:pt x="124" y="557"/>
                    </a:lnTo>
                    <a:lnTo>
                      <a:pt x="127" y="547"/>
                    </a:lnTo>
                    <a:lnTo>
                      <a:pt x="127" y="538"/>
                    </a:lnTo>
                    <a:lnTo>
                      <a:pt x="126" y="528"/>
                    </a:lnTo>
                    <a:lnTo>
                      <a:pt x="123" y="517"/>
                    </a:lnTo>
                    <a:lnTo>
                      <a:pt x="119" y="507"/>
                    </a:lnTo>
                    <a:lnTo>
                      <a:pt x="113" y="497"/>
                    </a:lnTo>
                    <a:lnTo>
                      <a:pt x="87" y="456"/>
                    </a:lnTo>
                    <a:lnTo>
                      <a:pt x="65" y="423"/>
                    </a:lnTo>
                    <a:lnTo>
                      <a:pt x="58" y="408"/>
                    </a:lnTo>
                    <a:lnTo>
                      <a:pt x="54" y="393"/>
                    </a:lnTo>
                    <a:lnTo>
                      <a:pt x="53" y="377"/>
                    </a:lnTo>
                    <a:lnTo>
                      <a:pt x="52" y="362"/>
                    </a:lnTo>
                    <a:lnTo>
                      <a:pt x="52" y="346"/>
                    </a:lnTo>
                    <a:lnTo>
                      <a:pt x="52" y="331"/>
                    </a:lnTo>
                    <a:lnTo>
                      <a:pt x="50" y="314"/>
                    </a:lnTo>
                    <a:lnTo>
                      <a:pt x="48" y="298"/>
                    </a:lnTo>
                    <a:lnTo>
                      <a:pt x="45" y="285"/>
                    </a:lnTo>
                    <a:lnTo>
                      <a:pt x="41" y="270"/>
                    </a:lnTo>
                    <a:lnTo>
                      <a:pt x="40" y="256"/>
                    </a:lnTo>
                    <a:lnTo>
                      <a:pt x="39" y="241"/>
                    </a:lnTo>
                    <a:lnTo>
                      <a:pt x="40" y="235"/>
                    </a:lnTo>
                    <a:lnTo>
                      <a:pt x="41" y="228"/>
                    </a:lnTo>
                    <a:lnTo>
                      <a:pt x="44" y="223"/>
                    </a:lnTo>
                    <a:lnTo>
                      <a:pt x="48" y="218"/>
                    </a:lnTo>
                    <a:lnTo>
                      <a:pt x="53" y="213"/>
                    </a:lnTo>
                    <a:lnTo>
                      <a:pt x="60" y="210"/>
                    </a:lnTo>
                    <a:lnTo>
                      <a:pt x="67" y="208"/>
                    </a:lnTo>
                    <a:lnTo>
                      <a:pt x="76" y="205"/>
                    </a:lnTo>
                    <a:lnTo>
                      <a:pt x="136" y="18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2" name="Freeform 147">
                <a:extLst>
                  <a:ext uri="{FF2B5EF4-FFF2-40B4-BE49-F238E27FC236}">
                    <a16:creationId xmlns:a16="http://schemas.microsoft.com/office/drawing/2014/main" id="{0B9ABC45-3A1D-D844-BDA3-8076843F1A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572103" y="4723617"/>
                <a:ext cx="429919" cy="305266"/>
              </a:xfrm>
              <a:custGeom>
                <a:avLst/>
                <a:gdLst/>
                <a:ahLst/>
                <a:cxnLst>
                  <a:cxn ang="0">
                    <a:pos x="336" y="186"/>
                  </a:cxn>
                  <a:cxn ang="0">
                    <a:pos x="390" y="181"/>
                  </a:cxn>
                  <a:cxn ang="0">
                    <a:pos x="447" y="144"/>
                  </a:cxn>
                  <a:cxn ang="0">
                    <a:pos x="490" y="116"/>
                  </a:cxn>
                  <a:cxn ang="0">
                    <a:pos x="526" y="103"/>
                  </a:cxn>
                  <a:cxn ang="0">
                    <a:pos x="554" y="101"/>
                  </a:cxn>
                  <a:cxn ang="0">
                    <a:pos x="602" y="105"/>
                  </a:cxn>
                  <a:cxn ang="0">
                    <a:pos x="626" y="101"/>
                  </a:cxn>
                  <a:cxn ang="0">
                    <a:pos x="674" y="82"/>
                  </a:cxn>
                  <a:cxn ang="0">
                    <a:pos x="723" y="65"/>
                  </a:cxn>
                  <a:cxn ang="0">
                    <a:pos x="819" y="43"/>
                  </a:cxn>
                  <a:cxn ang="0">
                    <a:pos x="920" y="0"/>
                  </a:cxn>
                  <a:cxn ang="0">
                    <a:pos x="930" y="126"/>
                  </a:cxn>
                  <a:cxn ang="0">
                    <a:pos x="920" y="158"/>
                  </a:cxn>
                  <a:cxn ang="0">
                    <a:pos x="918" y="191"/>
                  </a:cxn>
                  <a:cxn ang="0">
                    <a:pos x="913" y="217"/>
                  </a:cxn>
                  <a:cxn ang="0">
                    <a:pos x="889" y="257"/>
                  </a:cxn>
                  <a:cxn ang="0">
                    <a:pos x="860" y="275"/>
                  </a:cxn>
                  <a:cxn ang="0">
                    <a:pos x="826" y="284"/>
                  </a:cxn>
                  <a:cxn ang="0">
                    <a:pos x="764" y="293"/>
                  </a:cxn>
                  <a:cxn ang="0">
                    <a:pos x="731" y="304"/>
                  </a:cxn>
                  <a:cxn ang="0">
                    <a:pos x="700" y="329"/>
                  </a:cxn>
                  <a:cxn ang="0">
                    <a:pos x="683" y="342"/>
                  </a:cxn>
                  <a:cxn ang="0">
                    <a:pos x="678" y="364"/>
                  </a:cxn>
                  <a:cxn ang="0">
                    <a:pos x="692" y="401"/>
                  </a:cxn>
                  <a:cxn ang="0">
                    <a:pos x="715" y="453"/>
                  </a:cxn>
                  <a:cxn ang="0">
                    <a:pos x="718" y="477"/>
                  </a:cxn>
                  <a:cxn ang="0">
                    <a:pos x="707" y="500"/>
                  </a:cxn>
                  <a:cxn ang="0">
                    <a:pos x="683" y="524"/>
                  </a:cxn>
                  <a:cxn ang="0">
                    <a:pos x="604" y="557"/>
                  </a:cxn>
                  <a:cxn ang="0">
                    <a:pos x="582" y="573"/>
                  </a:cxn>
                  <a:cxn ang="0">
                    <a:pos x="562" y="603"/>
                  </a:cxn>
                  <a:cxn ang="0">
                    <a:pos x="544" y="661"/>
                  </a:cxn>
                  <a:cxn ang="0">
                    <a:pos x="531" y="674"/>
                  </a:cxn>
                  <a:cxn ang="0">
                    <a:pos x="514" y="677"/>
                  </a:cxn>
                  <a:cxn ang="0">
                    <a:pos x="488" y="673"/>
                  </a:cxn>
                  <a:cxn ang="0">
                    <a:pos x="426" y="648"/>
                  </a:cxn>
                  <a:cxn ang="0">
                    <a:pos x="370" y="608"/>
                  </a:cxn>
                  <a:cxn ang="0">
                    <a:pos x="315" y="569"/>
                  </a:cxn>
                  <a:cxn ang="0">
                    <a:pos x="307" y="578"/>
                  </a:cxn>
                  <a:cxn ang="0">
                    <a:pos x="289" y="622"/>
                  </a:cxn>
                  <a:cxn ang="0">
                    <a:pos x="263" y="649"/>
                  </a:cxn>
                  <a:cxn ang="0">
                    <a:pos x="224" y="660"/>
                  </a:cxn>
                  <a:cxn ang="0">
                    <a:pos x="177" y="661"/>
                  </a:cxn>
                  <a:cxn ang="0">
                    <a:pos x="89" y="647"/>
                  </a:cxn>
                  <a:cxn ang="0">
                    <a:pos x="0" y="613"/>
                  </a:cxn>
                  <a:cxn ang="0">
                    <a:pos x="49" y="599"/>
                  </a:cxn>
                  <a:cxn ang="0">
                    <a:pos x="70" y="581"/>
                  </a:cxn>
                  <a:cxn ang="0">
                    <a:pos x="119" y="567"/>
                  </a:cxn>
                  <a:cxn ang="0">
                    <a:pos x="127" y="538"/>
                  </a:cxn>
                  <a:cxn ang="0">
                    <a:pos x="119" y="507"/>
                  </a:cxn>
                  <a:cxn ang="0">
                    <a:pos x="65" y="423"/>
                  </a:cxn>
                  <a:cxn ang="0">
                    <a:pos x="53" y="377"/>
                  </a:cxn>
                  <a:cxn ang="0">
                    <a:pos x="52" y="331"/>
                  </a:cxn>
                  <a:cxn ang="0">
                    <a:pos x="45" y="285"/>
                  </a:cxn>
                  <a:cxn ang="0">
                    <a:pos x="39" y="241"/>
                  </a:cxn>
                  <a:cxn ang="0">
                    <a:pos x="44" y="223"/>
                  </a:cxn>
                  <a:cxn ang="0">
                    <a:pos x="60" y="210"/>
                  </a:cxn>
                  <a:cxn ang="0">
                    <a:pos x="136" y="181"/>
                  </a:cxn>
                </a:cxnLst>
                <a:rect l="0" t="0" r="r" b="b"/>
                <a:pathLst>
                  <a:path w="941" h="677">
                    <a:moveTo>
                      <a:pt x="136" y="181"/>
                    </a:moveTo>
                    <a:lnTo>
                      <a:pt x="298" y="181"/>
                    </a:lnTo>
                    <a:lnTo>
                      <a:pt x="336" y="186"/>
                    </a:lnTo>
                    <a:lnTo>
                      <a:pt x="364" y="187"/>
                    </a:lnTo>
                    <a:lnTo>
                      <a:pt x="377" y="184"/>
                    </a:lnTo>
                    <a:lnTo>
                      <a:pt x="390" y="181"/>
                    </a:lnTo>
                    <a:lnTo>
                      <a:pt x="405" y="173"/>
                    </a:lnTo>
                    <a:lnTo>
                      <a:pt x="425" y="161"/>
                    </a:lnTo>
                    <a:lnTo>
                      <a:pt x="447" y="144"/>
                    </a:lnTo>
                    <a:lnTo>
                      <a:pt x="468" y="129"/>
                    </a:lnTo>
                    <a:lnTo>
                      <a:pt x="479" y="122"/>
                    </a:lnTo>
                    <a:lnTo>
                      <a:pt x="490" y="116"/>
                    </a:lnTo>
                    <a:lnTo>
                      <a:pt x="503" y="109"/>
                    </a:lnTo>
                    <a:lnTo>
                      <a:pt x="516" y="105"/>
                    </a:lnTo>
                    <a:lnTo>
                      <a:pt x="526" y="103"/>
                    </a:lnTo>
                    <a:lnTo>
                      <a:pt x="536" y="101"/>
                    </a:lnTo>
                    <a:lnTo>
                      <a:pt x="545" y="101"/>
                    </a:lnTo>
                    <a:lnTo>
                      <a:pt x="554" y="101"/>
                    </a:lnTo>
                    <a:lnTo>
                      <a:pt x="574" y="103"/>
                    </a:lnTo>
                    <a:lnTo>
                      <a:pt x="595" y="104"/>
                    </a:lnTo>
                    <a:lnTo>
                      <a:pt x="602" y="105"/>
                    </a:lnTo>
                    <a:lnTo>
                      <a:pt x="610" y="104"/>
                    </a:lnTo>
                    <a:lnTo>
                      <a:pt x="618" y="103"/>
                    </a:lnTo>
                    <a:lnTo>
                      <a:pt x="626" y="101"/>
                    </a:lnTo>
                    <a:lnTo>
                      <a:pt x="641" y="96"/>
                    </a:lnTo>
                    <a:lnTo>
                      <a:pt x="658" y="90"/>
                    </a:lnTo>
                    <a:lnTo>
                      <a:pt x="674" y="82"/>
                    </a:lnTo>
                    <a:lnTo>
                      <a:pt x="690" y="76"/>
                    </a:lnTo>
                    <a:lnTo>
                      <a:pt x="706" y="69"/>
                    </a:lnTo>
                    <a:lnTo>
                      <a:pt x="723" y="65"/>
                    </a:lnTo>
                    <a:lnTo>
                      <a:pt x="757" y="59"/>
                    </a:lnTo>
                    <a:lnTo>
                      <a:pt x="788" y="52"/>
                    </a:lnTo>
                    <a:lnTo>
                      <a:pt x="819" y="43"/>
                    </a:lnTo>
                    <a:lnTo>
                      <a:pt x="852" y="33"/>
                    </a:lnTo>
                    <a:lnTo>
                      <a:pt x="920" y="0"/>
                    </a:lnTo>
                    <a:lnTo>
                      <a:pt x="920" y="0"/>
                    </a:lnTo>
                    <a:lnTo>
                      <a:pt x="941" y="108"/>
                    </a:lnTo>
                    <a:lnTo>
                      <a:pt x="941" y="108"/>
                    </a:lnTo>
                    <a:lnTo>
                      <a:pt x="930" y="126"/>
                    </a:lnTo>
                    <a:lnTo>
                      <a:pt x="924" y="142"/>
                    </a:lnTo>
                    <a:lnTo>
                      <a:pt x="921" y="149"/>
                    </a:lnTo>
                    <a:lnTo>
                      <a:pt x="920" y="158"/>
                    </a:lnTo>
                    <a:lnTo>
                      <a:pt x="918" y="169"/>
                    </a:lnTo>
                    <a:lnTo>
                      <a:pt x="918" y="181"/>
                    </a:lnTo>
                    <a:lnTo>
                      <a:pt x="918" y="191"/>
                    </a:lnTo>
                    <a:lnTo>
                      <a:pt x="917" y="200"/>
                    </a:lnTo>
                    <a:lnTo>
                      <a:pt x="916" y="208"/>
                    </a:lnTo>
                    <a:lnTo>
                      <a:pt x="913" y="217"/>
                    </a:lnTo>
                    <a:lnTo>
                      <a:pt x="906" y="231"/>
                    </a:lnTo>
                    <a:lnTo>
                      <a:pt x="895" y="248"/>
                    </a:lnTo>
                    <a:lnTo>
                      <a:pt x="889" y="257"/>
                    </a:lnTo>
                    <a:lnTo>
                      <a:pt x="880" y="263"/>
                    </a:lnTo>
                    <a:lnTo>
                      <a:pt x="871" y="270"/>
                    </a:lnTo>
                    <a:lnTo>
                      <a:pt x="860" y="275"/>
                    </a:lnTo>
                    <a:lnTo>
                      <a:pt x="850" y="279"/>
                    </a:lnTo>
                    <a:lnTo>
                      <a:pt x="838" y="282"/>
                    </a:lnTo>
                    <a:lnTo>
                      <a:pt x="826" y="284"/>
                    </a:lnTo>
                    <a:lnTo>
                      <a:pt x="814" y="285"/>
                    </a:lnTo>
                    <a:lnTo>
                      <a:pt x="789" y="289"/>
                    </a:lnTo>
                    <a:lnTo>
                      <a:pt x="764" y="293"/>
                    </a:lnTo>
                    <a:lnTo>
                      <a:pt x="753" y="296"/>
                    </a:lnTo>
                    <a:lnTo>
                      <a:pt x="742" y="300"/>
                    </a:lnTo>
                    <a:lnTo>
                      <a:pt x="731" y="304"/>
                    </a:lnTo>
                    <a:lnTo>
                      <a:pt x="722" y="309"/>
                    </a:lnTo>
                    <a:lnTo>
                      <a:pt x="710" y="319"/>
                    </a:lnTo>
                    <a:lnTo>
                      <a:pt x="700" y="329"/>
                    </a:lnTo>
                    <a:lnTo>
                      <a:pt x="694" y="335"/>
                    </a:lnTo>
                    <a:lnTo>
                      <a:pt x="689" y="339"/>
                    </a:lnTo>
                    <a:lnTo>
                      <a:pt x="683" y="342"/>
                    </a:lnTo>
                    <a:lnTo>
                      <a:pt x="676" y="344"/>
                    </a:lnTo>
                    <a:lnTo>
                      <a:pt x="676" y="354"/>
                    </a:lnTo>
                    <a:lnTo>
                      <a:pt x="678" y="364"/>
                    </a:lnTo>
                    <a:lnTo>
                      <a:pt x="680" y="374"/>
                    </a:lnTo>
                    <a:lnTo>
                      <a:pt x="683" y="383"/>
                    </a:lnTo>
                    <a:lnTo>
                      <a:pt x="692" y="401"/>
                    </a:lnTo>
                    <a:lnTo>
                      <a:pt x="701" y="419"/>
                    </a:lnTo>
                    <a:lnTo>
                      <a:pt x="709" y="436"/>
                    </a:lnTo>
                    <a:lnTo>
                      <a:pt x="715" y="453"/>
                    </a:lnTo>
                    <a:lnTo>
                      <a:pt x="718" y="460"/>
                    </a:lnTo>
                    <a:lnTo>
                      <a:pt x="718" y="469"/>
                    </a:lnTo>
                    <a:lnTo>
                      <a:pt x="718" y="477"/>
                    </a:lnTo>
                    <a:lnTo>
                      <a:pt x="715" y="485"/>
                    </a:lnTo>
                    <a:lnTo>
                      <a:pt x="712" y="493"/>
                    </a:lnTo>
                    <a:lnTo>
                      <a:pt x="707" y="500"/>
                    </a:lnTo>
                    <a:lnTo>
                      <a:pt x="702" y="507"/>
                    </a:lnTo>
                    <a:lnTo>
                      <a:pt x="697" y="513"/>
                    </a:lnTo>
                    <a:lnTo>
                      <a:pt x="683" y="524"/>
                    </a:lnTo>
                    <a:lnTo>
                      <a:pt x="667" y="532"/>
                    </a:lnTo>
                    <a:lnTo>
                      <a:pt x="633" y="545"/>
                    </a:lnTo>
                    <a:lnTo>
                      <a:pt x="604" y="557"/>
                    </a:lnTo>
                    <a:lnTo>
                      <a:pt x="595" y="561"/>
                    </a:lnTo>
                    <a:lnTo>
                      <a:pt x="588" y="567"/>
                    </a:lnTo>
                    <a:lnTo>
                      <a:pt x="582" y="573"/>
                    </a:lnTo>
                    <a:lnTo>
                      <a:pt x="576" y="578"/>
                    </a:lnTo>
                    <a:lnTo>
                      <a:pt x="569" y="590"/>
                    </a:lnTo>
                    <a:lnTo>
                      <a:pt x="562" y="603"/>
                    </a:lnTo>
                    <a:lnTo>
                      <a:pt x="554" y="629"/>
                    </a:lnTo>
                    <a:lnTo>
                      <a:pt x="548" y="651"/>
                    </a:lnTo>
                    <a:lnTo>
                      <a:pt x="544" y="661"/>
                    </a:lnTo>
                    <a:lnTo>
                      <a:pt x="539" y="668"/>
                    </a:lnTo>
                    <a:lnTo>
                      <a:pt x="535" y="671"/>
                    </a:lnTo>
                    <a:lnTo>
                      <a:pt x="531" y="674"/>
                    </a:lnTo>
                    <a:lnTo>
                      <a:pt x="526" y="675"/>
                    </a:lnTo>
                    <a:lnTo>
                      <a:pt x="521" y="677"/>
                    </a:lnTo>
                    <a:lnTo>
                      <a:pt x="514" y="677"/>
                    </a:lnTo>
                    <a:lnTo>
                      <a:pt x="507" y="677"/>
                    </a:lnTo>
                    <a:lnTo>
                      <a:pt x="499" y="675"/>
                    </a:lnTo>
                    <a:lnTo>
                      <a:pt x="488" y="673"/>
                    </a:lnTo>
                    <a:lnTo>
                      <a:pt x="466" y="666"/>
                    </a:lnTo>
                    <a:lnTo>
                      <a:pt x="438" y="655"/>
                    </a:lnTo>
                    <a:lnTo>
                      <a:pt x="426" y="648"/>
                    </a:lnTo>
                    <a:lnTo>
                      <a:pt x="411" y="638"/>
                    </a:lnTo>
                    <a:lnTo>
                      <a:pt x="391" y="624"/>
                    </a:lnTo>
                    <a:lnTo>
                      <a:pt x="370" y="608"/>
                    </a:lnTo>
                    <a:lnTo>
                      <a:pt x="334" y="579"/>
                    </a:lnTo>
                    <a:lnTo>
                      <a:pt x="317" y="568"/>
                    </a:lnTo>
                    <a:lnTo>
                      <a:pt x="315" y="569"/>
                    </a:lnTo>
                    <a:lnTo>
                      <a:pt x="312" y="572"/>
                    </a:lnTo>
                    <a:lnTo>
                      <a:pt x="310" y="574"/>
                    </a:lnTo>
                    <a:lnTo>
                      <a:pt x="307" y="578"/>
                    </a:lnTo>
                    <a:lnTo>
                      <a:pt x="302" y="589"/>
                    </a:lnTo>
                    <a:lnTo>
                      <a:pt x="298" y="599"/>
                    </a:lnTo>
                    <a:lnTo>
                      <a:pt x="289" y="622"/>
                    </a:lnTo>
                    <a:lnTo>
                      <a:pt x="281" y="636"/>
                    </a:lnTo>
                    <a:lnTo>
                      <a:pt x="273" y="644"/>
                    </a:lnTo>
                    <a:lnTo>
                      <a:pt x="263" y="649"/>
                    </a:lnTo>
                    <a:lnTo>
                      <a:pt x="251" y="655"/>
                    </a:lnTo>
                    <a:lnTo>
                      <a:pt x="238" y="657"/>
                    </a:lnTo>
                    <a:lnTo>
                      <a:pt x="224" y="660"/>
                    </a:lnTo>
                    <a:lnTo>
                      <a:pt x="209" y="661"/>
                    </a:lnTo>
                    <a:lnTo>
                      <a:pt x="193" y="661"/>
                    </a:lnTo>
                    <a:lnTo>
                      <a:pt x="177" y="661"/>
                    </a:lnTo>
                    <a:lnTo>
                      <a:pt x="146" y="659"/>
                    </a:lnTo>
                    <a:lnTo>
                      <a:pt x="115" y="653"/>
                    </a:lnTo>
                    <a:lnTo>
                      <a:pt x="89" y="647"/>
                    </a:lnTo>
                    <a:lnTo>
                      <a:pt x="70" y="639"/>
                    </a:lnTo>
                    <a:lnTo>
                      <a:pt x="0" y="613"/>
                    </a:lnTo>
                    <a:lnTo>
                      <a:pt x="0" y="613"/>
                    </a:lnTo>
                    <a:lnTo>
                      <a:pt x="19" y="608"/>
                    </a:lnTo>
                    <a:lnTo>
                      <a:pt x="40" y="603"/>
                    </a:lnTo>
                    <a:lnTo>
                      <a:pt x="49" y="599"/>
                    </a:lnTo>
                    <a:lnTo>
                      <a:pt x="57" y="594"/>
                    </a:lnTo>
                    <a:lnTo>
                      <a:pt x="65" y="589"/>
                    </a:lnTo>
                    <a:lnTo>
                      <a:pt x="70" y="581"/>
                    </a:lnTo>
                    <a:lnTo>
                      <a:pt x="70" y="581"/>
                    </a:lnTo>
                    <a:lnTo>
                      <a:pt x="111" y="574"/>
                    </a:lnTo>
                    <a:lnTo>
                      <a:pt x="119" y="567"/>
                    </a:lnTo>
                    <a:lnTo>
                      <a:pt x="124" y="557"/>
                    </a:lnTo>
                    <a:lnTo>
                      <a:pt x="127" y="547"/>
                    </a:lnTo>
                    <a:lnTo>
                      <a:pt x="127" y="538"/>
                    </a:lnTo>
                    <a:lnTo>
                      <a:pt x="126" y="528"/>
                    </a:lnTo>
                    <a:lnTo>
                      <a:pt x="123" y="517"/>
                    </a:lnTo>
                    <a:lnTo>
                      <a:pt x="119" y="507"/>
                    </a:lnTo>
                    <a:lnTo>
                      <a:pt x="113" y="497"/>
                    </a:lnTo>
                    <a:lnTo>
                      <a:pt x="87" y="456"/>
                    </a:lnTo>
                    <a:lnTo>
                      <a:pt x="65" y="423"/>
                    </a:lnTo>
                    <a:lnTo>
                      <a:pt x="58" y="408"/>
                    </a:lnTo>
                    <a:lnTo>
                      <a:pt x="54" y="393"/>
                    </a:lnTo>
                    <a:lnTo>
                      <a:pt x="53" y="377"/>
                    </a:lnTo>
                    <a:lnTo>
                      <a:pt x="52" y="362"/>
                    </a:lnTo>
                    <a:lnTo>
                      <a:pt x="52" y="346"/>
                    </a:lnTo>
                    <a:lnTo>
                      <a:pt x="52" y="331"/>
                    </a:lnTo>
                    <a:lnTo>
                      <a:pt x="50" y="314"/>
                    </a:lnTo>
                    <a:lnTo>
                      <a:pt x="48" y="298"/>
                    </a:lnTo>
                    <a:lnTo>
                      <a:pt x="45" y="285"/>
                    </a:lnTo>
                    <a:lnTo>
                      <a:pt x="41" y="270"/>
                    </a:lnTo>
                    <a:lnTo>
                      <a:pt x="40" y="256"/>
                    </a:lnTo>
                    <a:lnTo>
                      <a:pt x="39" y="241"/>
                    </a:lnTo>
                    <a:lnTo>
                      <a:pt x="40" y="235"/>
                    </a:lnTo>
                    <a:lnTo>
                      <a:pt x="41" y="228"/>
                    </a:lnTo>
                    <a:lnTo>
                      <a:pt x="44" y="223"/>
                    </a:lnTo>
                    <a:lnTo>
                      <a:pt x="48" y="218"/>
                    </a:lnTo>
                    <a:lnTo>
                      <a:pt x="53" y="213"/>
                    </a:lnTo>
                    <a:lnTo>
                      <a:pt x="60" y="210"/>
                    </a:lnTo>
                    <a:lnTo>
                      <a:pt x="67" y="208"/>
                    </a:lnTo>
                    <a:lnTo>
                      <a:pt x="76" y="205"/>
                    </a:lnTo>
                    <a:lnTo>
                      <a:pt x="136" y="181"/>
                    </a:lnTo>
                    <a:lnTo>
                      <a:pt x="136" y="18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3" name="Freeform 148">
                <a:extLst>
                  <a:ext uri="{FF2B5EF4-FFF2-40B4-BE49-F238E27FC236}">
                    <a16:creationId xmlns:a16="http://schemas.microsoft.com/office/drawing/2014/main" id="{B9C69459-A82C-A04F-9099-D11D373769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80354" y="4145600"/>
                <a:ext cx="805187" cy="402807"/>
              </a:xfrm>
              <a:custGeom>
                <a:avLst/>
                <a:gdLst/>
                <a:ahLst/>
                <a:cxnLst>
                  <a:cxn ang="0">
                    <a:pos x="97" y="353"/>
                  </a:cxn>
                  <a:cxn ang="0">
                    <a:pos x="158" y="339"/>
                  </a:cxn>
                  <a:cxn ang="0">
                    <a:pos x="280" y="326"/>
                  </a:cxn>
                  <a:cxn ang="0">
                    <a:pos x="351" y="296"/>
                  </a:cxn>
                  <a:cxn ang="0">
                    <a:pos x="407" y="247"/>
                  </a:cxn>
                  <a:cxn ang="0">
                    <a:pos x="478" y="139"/>
                  </a:cxn>
                  <a:cxn ang="0">
                    <a:pos x="670" y="57"/>
                  </a:cxn>
                  <a:cxn ang="0">
                    <a:pos x="717" y="85"/>
                  </a:cxn>
                  <a:cxn ang="0">
                    <a:pos x="744" y="60"/>
                  </a:cxn>
                  <a:cxn ang="0">
                    <a:pos x="786" y="5"/>
                  </a:cxn>
                  <a:cxn ang="0">
                    <a:pos x="831" y="10"/>
                  </a:cxn>
                  <a:cxn ang="0">
                    <a:pos x="898" y="81"/>
                  </a:cxn>
                  <a:cxn ang="0">
                    <a:pos x="921" y="134"/>
                  </a:cxn>
                  <a:cxn ang="0">
                    <a:pos x="972" y="167"/>
                  </a:cxn>
                  <a:cxn ang="0">
                    <a:pos x="1031" y="174"/>
                  </a:cxn>
                  <a:cxn ang="0">
                    <a:pos x="1131" y="112"/>
                  </a:cxn>
                  <a:cxn ang="0">
                    <a:pos x="1174" y="111"/>
                  </a:cxn>
                  <a:cxn ang="0">
                    <a:pos x="1220" y="150"/>
                  </a:cxn>
                  <a:cxn ang="0">
                    <a:pos x="1272" y="147"/>
                  </a:cxn>
                  <a:cxn ang="0">
                    <a:pos x="1397" y="103"/>
                  </a:cxn>
                  <a:cxn ang="0">
                    <a:pos x="1476" y="108"/>
                  </a:cxn>
                  <a:cxn ang="0">
                    <a:pos x="1548" y="138"/>
                  </a:cxn>
                  <a:cxn ang="0">
                    <a:pos x="1608" y="187"/>
                  </a:cxn>
                  <a:cxn ang="0">
                    <a:pos x="1678" y="231"/>
                  </a:cxn>
                  <a:cxn ang="0">
                    <a:pos x="1722" y="371"/>
                  </a:cxn>
                  <a:cxn ang="0">
                    <a:pos x="1665" y="493"/>
                  </a:cxn>
                  <a:cxn ang="0">
                    <a:pos x="1534" y="527"/>
                  </a:cxn>
                  <a:cxn ang="0">
                    <a:pos x="1491" y="480"/>
                  </a:cxn>
                  <a:cxn ang="0">
                    <a:pos x="1456" y="458"/>
                  </a:cxn>
                  <a:cxn ang="0">
                    <a:pos x="1377" y="456"/>
                  </a:cxn>
                  <a:cxn ang="0">
                    <a:pos x="1274" y="467"/>
                  </a:cxn>
                  <a:cxn ang="0">
                    <a:pos x="1184" y="471"/>
                  </a:cxn>
                  <a:cxn ang="0">
                    <a:pos x="1126" y="529"/>
                  </a:cxn>
                  <a:cxn ang="0">
                    <a:pos x="1064" y="598"/>
                  </a:cxn>
                  <a:cxn ang="0">
                    <a:pos x="1008" y="617"/>
                  </a:cxn>
                  <a:cxn ang="0">
                    <a:pos x="951" y="592"/>
                  </a:cxn>
                  <a:cxn ang="0">
                    <a:pos x="908" y="588"/>
                  </a:cxn>
                  <a:cxn ang="0">
                    <a:pos x="890" y="607"/>
                  </a:cxn>
                  <a:cxn ang="0">
                    <a:pos x="853" y="645"/>
                  </a:cxn>
                  <a:cxn ang="0">
                    <a:pos x="750" y="669"/>
                  </a:cxn>
                  <a:cxn ang="0">
                    <a:pos x="689" y="659"/>
                  </a:cxn>
                  <a:cxn ang="0">
                    <a:pos x="660" y="654"/>
                  </a:cxn>
                  <a:cxn ang="0">
                    <a:pos x="641" y="712"/>
                  </a:cxn>
                  <a:cxn ang="0">
                    <a:pos x="632" y="799"/>
                  </a:cxn>
                  <a:cxn ang="0">
                    <a:pos x="637" y="869"/>
                  </a:cxn>
                  <a:cxn ang="0">
                    <a:pos x="573" y="873"/>
                  </a:cxn>
                  <a:cxn ang="0">
                    <a:pos x="442" y="890"/>
                  </a:cxn>
                  <a:cxn ang="0">
                    <a:pos x="311" y="880"/>
                  </a:cxn>
                  <a:cxn ang="0">
                    <a:pos x="39" y="624"/>
                  </a:cxn>
                  <a:cxn ang="0">
                    <a:pos x="3" y="563"/>
                  </a:cxn>
                  <a:cxn ang="0">
                    <a:pos x="7" y="507"/>
                  </a:cxn>
                  <a:cxn ang="0">
                    <a:pos x="34" y="452"/>
                  </a:cxn>
                </a:cxnLst>
                <a:rect l="0" t="0" r="r" b="b"/>
                <a:pathLst>
                  <a:path w="1767" h="891">
                    <a:moveTo>
                      <a:pt x="35" y="431"/>
                    </a:moveTo>
                    <a:lnTo>
                      <a:pt x="53" y="404"/>
                    </a:lnTo>
                    <a:lnTo>
                      <a:pt x="73" y="375"/>
                    </a:lnTo>
                    <a:lnTo>
                      <a:pt x="84" y="364"/>
                    </a:lnTo>
                    <a:lnTo>
                      <a:pt x="97" y="353"/>
                    </a:lnTo>
                    <a:lnTo>
                      <a:pt x="104" y="349"/>
                    </a:lnTo>
                    <a:lnTo>
                      <a:pt x="110" y="345"/>
                    </a:lnTo>
                    <a:lnTo>
                      <a:pt x="118" y="343"/>
                    </a:lnTo>
                    <a:lnTo>
                      <a:pt x="126" y="342"/>
                    </a:lnTo>
                    <a:lnTo>
                      <a:pt x="158" y="339"/>
                    </a:lnTo>
                    <a:lnTo>
                      <a:pt x="189" y="338"/>
                    </a:lnTo>
                    <a:lnTo>
                      <a:pt x="220" y="335"/>
                    </a:lnTo>
                    <a:lnTo>
                      <a:pt x="250" y="332"/>
                    </a:lnTo>
                    <a:lnTo>
                      <a:pt x="264" y="330"/>
                    </a:lnTo>
                    <a:lnTo>
                      <a:pt x="280" y="326"/>
                    </a:lnTo>
                    <a:lnTo>
                      <a:pt x="294" y="322"/>
                    </a:lnTo>
                    <a:lnTo>
                      <a:pt x="308" y="318"/>
                    </a:lnTo>
                    <a:lnTo>
                      <a:pt x="323" y="312"/>
                    </a:lnTo>
                    <a:lnTo>
                      <a:pt x="337" y="305"/>
                    </a:lnTo>
                    <a:lnTo>
                      <a:pt x="351" y="296"/>
                    </a:lnTo>
                    <a:lnTo>
                      <a:pt x="367" y="287"/>
                    </a:lnTo>
                    <a:lnTo>
                      <a:pt x="378" y="278"/>
                    </a:lnTo>
                    <a:lnTo>
                      <a:pt x="389" y="268"/>
                    </a:lnTo>
                    <a:lnTo>
                      <a:pt x="398" y="257"/>
                    </a:lnTo>
                    <a:lnTo>
                      <a:pt x="407" y="247"/>
                    </a:lnTo>
                    <a:lnTo>
                      <a:pt x="422" y="224"/>
                    </a:lnTo>
                    <a:lnTo>
                      <a:pt x="437" y="199"/>
                    </a:lnTo>
                    <a:lnTo>
                      <a:pt x="452" y="174"/>
                    </a:lnTo>
                    <a:lnTo>
                      <a:pt x="468" y="151"/>
                    </a:lnTo>
                    <a:lnTo>
                      <a:pt x="478" y="139"/>
                    </a:lnTo>
                    <a:lnTo>
                      <a:pt x="487" y="129"/>
                    </a:lnTo>
                    <a:lnTo>
                      <a:pt x="499" y="119"/>
                    </a:lnTo>
                    <a:lnTo>
                      <a:pt x="512" y="108"/>
                    </a:lnTo>
                    <a:lnTo>
                      <a:pt x="656" y="44"/>
                    </a:lnTo>
                    <a:lnTo>
                      <a:pt x="670" y="57"/>
                    </a:lnTo>
                    <a:lnTo>
                      <a:pt x="688" y="72"/>
                    </a:lnTo>
                    <a:lnTo>
                      <a:pt x="698" y="80"/>
                    </a:lnTo>
                    <a:lnTo>
                      <a:pt x="707" y="84"/>
                    </a:lnTo>
                    <a:lnTo>
                      <a:pt x="713" y="85"/>
                    </a:lnTo>
                    <a:lnTo>
                      <a:pt x="717" y="85"/>
                    </a:lnTo>
                    <a:lnTo>
                      <a:pt x="722" y="84"/>
                    </a:lnTo>
                    <a:lnTo>
                      <a:pt x="726" y="81"/>
                    </a:lnTo>
                    <a:lnTo>
                      <a:pt x="732" y="76"/>
                    </a:lnTo>
                    <a:lnTo>
                      <a:pt x="739" y="68"/>
                    </a:lnTo>
                    <a:lnTo>
                      <a:pt x="744" y="60"/>
                    </a:lnTo>
                    <a:lnTo>
                      <a:pt x="750" y="51"/>
                    </a:lnTo>
                    <a:lnTo>
                      <a:pt x="762" y="33"/>
                    </a:lnTo>
                    <a:lnTo>
                      <a:pt x="774" y="18"/>
                    </a:lnTo>
                    <a:lnTo>
                      <a:pt x="780" y="10"/>
                    </a:lnTo>
                    <a:lnTo>
                      <a:pt x="786" y="5"/>
                    </a:lnTo>
                    <a:lnTo>
                      <a:pt x="793" y="1"/>
                    </a:lnTo>
                    <a:lnTo>
                      <a:pt x="802" y="0"/>
                    </a:lnTo>
                    <a:lnTo>
                      <a:pt x="810" y="0"/>
                    </a:lnTo>
                    <a:lnTo>
                      <a:pt x="820" y="3"/>
                    </a:lnTo>
                    <a:lnTo>
                      <a:pt x="831" y="10"/>
                    </a:lnTo>
                    <a:lnTo>
                      <a:pt x="841" y="19"/>
                    </a:lnTo>
                    <a:lnTo>
                      <a:pt x="862" y="38"/>
                    </a:lnTo>
                    <a:lnTo>
                      <a:pt x="882" y="59"/>
                    </a:lnTo>
                    <a:lnTo>
                      <a:pt x="890" y="70"/>
                    </a:lnTo>
                    <a:lnTo>
                      <a:pt x="898" y="81"/>
                    </a:lnTo>
                    <a:lnTo>
                      <a:pt x="903" y="94"/>
                    </a:lnTo>
                    <a:lnTo>
                      <a:pt x="907" y="108"/>
                    </a:lnTo>
                    <a:lnTo>
                      <a:pt x="910" y="117"/>
                    </a:lnTo>
                    <a:lnTo>
                      <a:pt x="915" y="127"/>
                    </a:lnTo>
                    <a:lnTo>
                      <a:pt x="921" y="134"/>
                    </a:lnTo>
                    <a:lnTo>
                      <a:pt x="929" y="142"/>
                    </a:lnTo>
                    <a:lnTo>
                      <a:pt x="938" y="150"/>
                    </a:lnTo>
                    <a:lnTo>
                      <a:pt x="948" y="156"/>
                    </a:lnTo>
                    <a:lnTo>
                      <a:pt x="960" y="161"/>
                    </a:lnTo>
                    <a:lnTo>
                      <a:pt x="972" y="167"/>
                    </a:lnTo>
                    <a:lnTo>
                      <a:pt x="983" y="169"/>
                    </a:lnTo>
                    <a:lnTo>
                      <a:pt x="996" y="173"/>
                    </a:lnTo>
                    <a:lnTo>
                      <a:pt x="1008" y="174"/>
                    </a:lnTo>
                    <a:lnTo>
                      <a:pt x="1020" y="176"/>
                    </a:lnTo>
                    <a:lnTo>
                      <a:pt x="1031" y="174"/>
                    </a:lnTo>
                    <a:lnTo>
                      <a:pt x="1043" y="173"/>
                    </a:lnTo>
                    <a:lnTo>
                      <a:pt x="1052" y="171"/>
                    </a:lnTo>
                    <a:lnTo>
                      <a:pt x="1061" y="167"/>
                    </a:lnTo>
                    <a:lnTo>
                      <a:pt x="1100" y="138"/>
                    </a:lnTo>
                    <a:lnTo>
                      <a:pt x="1131" y="112"/>
                    </a:lnTo>
                    <a:lnTo>
                      <a:pt x="1139" y="108"/>
                    </a:lnTo>
                    <a:lnTo>
                      <a:pt x="1147" y="106"/>
                    </a:lnTo>
                    <a:lnTo>
                      <a:pt x="1156" y="106"/>
                    </a:lnTo>
                    <a:lnTo>
                      <a:pt x="1163" y="107"/>
                    </a:lnTo>
                    <a:lnTo>
                      <a:pt x="1174" y="111"/>
                    </a:lnTo>
                    <a:lnTo>
                      <a:pt x="1183" y="116"/>
                    </a:lnTo>
                    <a:lnTo>
                      <a:pt x="1193" y="125"/>
                    </a:lnTo>
                    <a:lnTo>
                      <a:pt x="1206" y="138"/>
                    </a:lnTo>
                    <a:lnTo>
                      <a:pt x="1213" y="145"/>
                    </a:lnTo>
                    <a:lnTo>
                      <a:pt x="1220" y="150"/>
                    </a:lnTo>
                    <a:lnTo>
                      <a:pt x="1230" y="152"/>
                    </a:lnTo>
                    <a:lnTo>
                      <a:pt x="1240" y="154"/>
                    </a:lnTo>
                    <a:lnTo>
                      <a:pt x="1250" y="152"/>
                    </a:lnTo>
                    <a:lnTo>
                      <a:pt x="1261" y="151"/>
                    </a:lnTo>
                    <a:lnTo>
                      <a:pt x="1272" y="147"/>
                    </a:lnTo>
                    <a:lnTo>
                      <a:pt x="1283" y="143"/>
                    </a:lnTo>
                    <a:lnTo>
                      <a:pt x="1328" y="124"/>
                    </a:lnTo>
                    <a:lnTo>
                      <a:pt x="1364" y="110"/>
                    </a:lnTo>
                    <a:lnTo>
                      <a:pt x="1381" y="106"/>
                    </a:lnTo>
                    <a:lnTo>
                      <a:pt x="1397" y="103"/>
                    </a:lnTo>
                    <a:lnTo>
                      <a:pt x="1412" y="103"/>
                    </a:lnTo>
                    <a:lnTo>
                      <a:pt x="1429" y="102"/>
                    </a:lnTo>
                    <a:lnTo>
                      <a:pt x="1445" y="103"/>
                    </a:lnTo>
                    <a:lnTo>
                      <a:pt x="1460" y="106"/>
                    </a:lnTo>
                    <a:lnTo>
                      <a:pt x="1476" y="108"/>
                    </a:lnTo>
                    <a:lnTo>
                      <a:pt x="1491" y="112"/>
                    </a:lnTo>
                    <a:lnTo>
                      <a:pt x="1505" y="117"/>
                    </a:lnTo>
                    <a:lnTo>
                      <a:pt x="1521" y="124"/>
                    </a:lnTo>
                    <a:lnTo>
                      <a:pt x="1535" y="130"/>
                    </a:lnTo>
                    <a:lnTo>
                      <a:pt x="1548" y="138"/>
                    </a:lnTo>
                    <a:lnTo>
                      <a:pt x="1562" y="147"/>
                    </a:lnTo>
                    <a:lnTo>
                      <a:pt x="1575" y="156"/>
                    </a:lnTo>
                    <a:lnTo>
                      <a:pt x="1587" y="167"/>
                    </a:lnTo>
                    <a:lnTo>
                      <a:pt x="1599" y="178"/>
                    </a:lnTo>
                    <a:lnTo>
                      <a:pt x="1608" y="187"/>
                    </a:lnTo>
                    <a:lnTo>
                      <a:pt x="1617" y="195"/>
                    </a:lnTo>
                    <a:lnTo>
                      <a:pt x="1627" y="203"/>
                    </a:lnTo>
                    <a:lnTo>
                      <a:pt x="1636" y="209"/>
                    </a:lnTo>
                    <a:lnTo>
                      <a:pt x="1657" y="221"/>
                    </a:lnTo>
                    <a:lnTo>
                      <a:pt x="1678" y="231"/>
                    </a:lnTo>
                    <a:lnTo>
                      <a:pt x="1722" y="248"/>
                    </a:lnTo>
                    <a:lnTo>
                      <a:pt x="1767" y="268"/>
                    </a:lnTo>
                    <a:lnTo>
                      <a:pt x="1749" y="317"/>
                    </a:lnTo>
                    <a:lnTo>
                      <a:pt x="1735" y="344"/>
                    </a:lnTo>
                    <a:lnTo>
                      <a:pt x="1722" y="371"/>
                    </a:lnTo>
                    <a:lnTo>
                      <a:pt x="1709" y="400"/>
                    </a:lnTo>
                    <a:lnTo>
                      <a:pt x="1696" y="427"/>
                    </a:lnTo>
                    <a:lnTo>
                      <a:pt x="1684" y="454"/>
                    </a:lnTo>
                    <a:lnTo>
                      <a:pt x="1671" y="480"/>
                    </a:lnTo>
                    <a:lnTo>
                      <a:pt x="1665" y="493"/>
                    </a:lnTo>
                    <a:lnTo>
                      <a:pt x="1658" y="506"/>
                    </a:lnTo>
                    <a:lnTo>
                      <a:pt x="1649" y="518"/>
                    </a:lnTo>
                    <a:lnTo>
                      <a:pt x="1640" y="529"/>
                    </a:lnTo>
                    <a:lnTo>
                      <a:pt x="1544" y="533"/>
                    </a:lnTo>
                    <a:lnTo>
                      <a:pt x="1534" y="527"/>
                    </a:lnTo>
                    <a:lnTo>
                      <a:pt x="1526" y="519"/>
                    </a:lnTo>
                    <a:lnTo>
                      <a:pt x="1520" y="513"/>
                    </a:lnTo>
                    <a:lnTo>
                      <a:pt x="1513" y="505"/>
                    </a:lnTo>
                    <a:lnTo>
                      <a:pt x="1502" y="492"/>
                    </a:lnTo>
                    <a:lnTo>
                      <a:pt x="1491" y="480"/>
                    </a:lnTo>
                    <a:lnTo>
                      <a:pt x="1486" y="474"/>
                    </a:lnTo>
                    <a:lnTo>
                      <a:pt x="1480" y="470"/>
                    </a:lnTo>
                    <a:lnTo>
                      <a:pt x="1473" y="465"/>
                    </a:lnTo>
                    <a:lnTo>
                      <a:pt x="1465" y="461"/>
                    </a:lnTo>
                    <a:lnTo>
                      <a:pt x="1456" y="458"/>
                    </a:lnTo>
                    <a:lnTo>
                      <a:pt x="1446" y="456"/>
                    </a:lnTo>
                    <a:lnTo>
                      <a:pt x="1433" y="454"/>
                    </a:lnTo>
                    <a:lnTo>
                      <a:pt x="1419" y="454"/>
                    </a:lnTo>
                    <a:lnTo>
                      <a:pt x="1398" y="454"/>
                    </a:lnTo>
                    <a:lnTo>
                      <a:pt x="1377" y="456"/>
                    </a:lnTo>
                    <a:lnTo>
                      <a:pt x="1356" y="458"/>
                    </a:lnTo>
                    <a:lnTo>
                      <a:pt x="1336" y="461"/>
                    </a:lnTo>
                    <a:lnTo>
                      <a:pt x="1315" y="463"/>
                    </a:lnTo>
                    <a:lnTo>
                      <a:pt x="1294" y="466"/>
                    </a:lnTo>
                    <a:lnTo>
                      <a:pt x="1274" y="467"/>
                    </a:lnTo>
                    <a:lnTo>
                      <a:pt x="1252" y="467"/>
                    </a:lnTo>
                    <a:lnTo>
                      <a:pt x="1226" y="466"/>
                    </a:lnTo>
                    <a:lnTo>
                      <a:pt x="1205" y="466"/>
                    </a:lnTo>
                    <a:lnTo>
                      <a:pt x="1195" y="467"/>
                    </a:lnTo>
                    <a:lnTo>
                      <a:pt x="1184" y="471"/>
                    </a:lnTo>
                    <a:lnTo>
                      <a:pt x="1174" y="478"/>
                    </a:lnTo>
                    <a:lnTo>
                      <a:pt x="1162" y="487"/>
                    </a:lnTo>
                    <a:lnTo>
                      <a:pt x="1148" y="501"/>
                    </a:lnTo>
                    <a:lnTo>
                      <a:pt x="1136" y="515"/>
                    </a:lnTo>
                    <a:lnTo>
                      <a:pt x="1126" y="529"/>
                    </a:lnTo>
                    <a:lnTo>
                      <a:pt x="1116" y="544"/>
                    </a:lnTo>
                    <a:lnTo>
                      <a:pt x="1105" y="558"/>
                    </a:lnTo>
                    <a:lnTo>
                      <a:pt x="1093" y="572"/>
                    </a:lnTo>
                    <a:lnTo>
                      <a:pt x="1081" y="585"/>
                    </a:lnTo>
                    <a:lnTo>
                      <a:pt x="1064" y="598"/>
                    </a:lnTo>
                    <a:lnTo>
                      <a:pt x="1051" y="607"/>
                    </a:lnTo>
                    <a:lnTo>
                      <a:pt x="1039" y="612"/>
                    </a:lnTo>
                    <a:lnTo>
                      <a:pt x="1027" y="616"/>
                    </a:lnTo>
                    <a:lnTo>
                      <a:pt x="1018" y="617"/>
                    </a:lnTo>
                    <a:lnTo>
                      <a:pt x="1008" y="617"/>
                    </a:lnTo>
                    <a:lnTo>
                      <a:pt x="999" y="615"/>
                    </a:lnTo>
                    <a:lnTo>
                      <a:pt x="991" y="612"/>
                    </a:lnTo>
                    <a:lnTo>
                      <a:pt x="983" y="608"/>
                    </a:lnTo>
                    <a:lnTo>
                      <a:pt x="967" y="599"/>
                    </a:lnTo>
                    <a:lnTo>
                      <a:pt x="951" y="592"/>
                    </a:lnTo>
                    <a:lnTo>
                      <a:pt x="942" y="589"/>
                    </a:lnTo>
                    <a:lnTo>
                      <a:pt x="933" y="586"/>
                    </a:lnTo>
                    <a:lnTo>
                      <a:pt x="924" y="586"/>
                    </a:lnTo>
                    <a:lnTo>
                      <a:pt x="912" y="588"/>
                    </a:lnTo>
                    <a:lnTo>
                      <a:pt x="908" y="588"/>
                    </a:lnTo>
                    <a:lnTo>
                      <a:pt x="904" y="590"/>
                    </a:lnTo>
                    <a:lnTo>
                      <a:pt x="900" y="592"/>
                    </a:lnTo>
                    <a:lnTo>
                      <a:pt x="898" y="594"/>
                    </a:lnTo>
                    <a:lnTo>
                      <a:pt x="894" y="601"/>
                    </a:lnTo>
                    <a:lnTo>
                      <a:pt x="890" y="607"/>
                    </a:lnTo>
                    <a:lnTo>
                      <a:pt x="888" y="615"/>
                    </a:lnTo>
                    <a:lnTo>
                      <a:pt x="884" y="621"/>
                    </a:lnTo>
                    <a:lnTo>
                      <a:pt x="878" y="628"/>
                    </a:lnTo>
                    <a:lnTo>
                      <a:pt x="872" y="634"/>
                    </a:lnTo>
                    <a:lnTo>
                      <a:pt x="853" y="645"/>
                    </a:lnTo>
                    <a:lnTo>
                      <a:pt x="829" y="654"/>
                    </a:lnTo>
                    <a:lnTo>
                      <a:pt x="803" y="662"/>
                    </a:lnTo>
                    <a:lnTo>
                      <a:pt x="777" y="667"/>
                    </a:lnTo>
                    <a:lnTo>
                      <a:pt x="763" y="668"/>
                    </a:lnTo>
                    <a:lnTo>
                      <a:pt x="750" y="669"/>
                    </a:lnTo>
                    <a:lnTo>
                      <a:pt x="737" y="669"/>
                    </a:lnTo>
                    <a:lnTo>
                      <a:pt x="724" y="669"/>
                    </a:lnTo>
                    <a:lnTo>
                      <a:pt x="713" y="667"/>
                    </a:lnTo>
                    <a:lnTo>
                      <a:pt x="700" y="664"/>
                    </a:lnTo>
                    <a:lnTo>
                      <a:pt x="689" y="659"/>
                    </a:lnTo>
                    <a:lnTo>
                      <a:pt x="679" y="654"/>
                    </a:lnTo>
                    <a:lnTo>
                      <a:pt x="674" y="650"/>
                    </a:lnTo>
                    <a:lnTo>
                      <a:pt x="667" y="650"/>
                    </a:lnTo>
                    <a:lnTo>
                      <a:pt x="663" y="651"/>
                    </a:lnTo>
                    <a:lnTo>
                      <a:pt x="660" y="654"/>
                    </a:lnTo>
                    <a:lnTo>
                      <a:pt x="656" y="659"/>
                    </a:lnTo>
                    <a:lnTo>
                      <a:pt x="652" y="665"/>
                    </a:lnTo>
                    <a:lnTo>
                      <a:pt x="649" y="672"/>
                    </a:lnTo>
                    <a:lnTo>
                      <a:pt x="648" y="680"/>
                    </a:lnTo>
                    <a:lnTo>
                      <a:pt x="641" y="712"/>
                    </a:lnTo>
                    <a:lnTo>
                      <a:pt x="640" y="734"/>
                    </a:lnTo>
                    <a:lnTo>
                      <a:pt x="639" y="751"/>
                    </a:lnTo>
                    <a:lnTo>
                      <a:pt x="636" y="766"/>
                    </a:lnTo>
                    <a:lnTo>
                      <a:pt x="634" y="782"/>
                    </a:lnTo>
                    <a:lnTo>
                      <a:pt x="632" y="799"/>
                    </a:lnTo>
                    <a:lnTo>
                      <a:pt x="635" y="817"/>
                    </a:lnTo>
                    <a:lnTo>
                      <a:pt x="637" y="839"/>
                    </a:lnTo>
                    <a:lnTo>
                      <a:pt x="639" y="851"/>
                    </a:lnTo>
                    <a:lnTo>
                      <a:pt x="639" y="861"/>
                    </a:lnTo>
                    <a:lnTo>
                      <a:pt x="637" y="869"/>
                    </a:lnTo>
                    <a:lnTo>
                      <a:pt x="635" y="877"/>
                    </a:lnTo>
                    <a:lnTo>
                      <a:pt x="618" y="873"/>
                    </a:lnTo>
                    <a:lnTo>
                      <a:pt x="603" y="871"/>
                    </a:lnTo>
                    <a:lnTo>
                      <a:pt x="587" y="871"/>
                    </a:lnTo>
                    <a:lnTo>
                      <a:pt x="573" y="873"/>
                    </a:lnTo>
                    <a:lnTo>
                      <a:pt x="543" y="877"/>
                    </a:lnTo>
                    <a:lnTo>
                      <a:pt x="512" y="882"/>
                    </a:lnTo>
                    <a:lnTo>
                      <a:pt x="490" y="884"/>
                    </a:lnTo>
                    <a:lnTo>
                      <a:pt x="466" y="887"/>
                    </a:lnTo>
                    <a:lnTo>
                      <a:pt x="442" y="890"/>
                    </a:lnTo>
                    <a:lnTo>
                      <a:pt x="416" y="891"/>
                    </a:lnTo>
                    <a:lnTo>
                      <a:pt x="390" y="891"/>
                    </a:lnTo>
                    <a:lnTo>
                      <a:pt x="364" y="890"/>
                    </a:lnTo>
                    <a:lnTo>
                      <a:pt x="337" y="886"/>
                    </a:lnTo>
                    <a:lnTo>
                      <a:pt x="311" y="880"/>
                    </a:lnTo>
                    <a:lnTo>
                      <a:pt x="152" y="814"/>
                    </a:lnTo>
                    <a:lnTo>
                      <a:pt x="89" y="722"/>
                    </a:lnTo>
                    <a:lnTo>
                      <a:pt x="69" y="665"/>
                    </a:lnTo>
                    <a:lnTo>
                      <a:pt x="53" y="646"/>
                    </a:lnTo>
                    <a:lnTo>
                      <a:pt x="39" y="624"/>
                    </a:lnTo>
                    <a:lnTo>
                      <a:pt x="25" y="602"/>
                    </a:lnTo>
                    <a:lnTo>
                      <a:pt x="12" y="581"/>
                    </a:lnTo>
                    <a:lnTo>
                      <a:pt x="8" y="576"/>
                    </a:lnTo>
                    <a:lnTo>
                      <a:pt x="5" y="570"/>
                    </a:lnTo>
                    <a:lnTo>
                      <a:pt x="3" y="563"/>
                    </a:lnTo>
                    <a:lnTo>
                      <a:pt x="1" y="558"/>
                    </a:lnTo>
                    <a:lnTo>
                      <a:pt x="0" y="545"/>
                    </a:lnTo>
                    <a:lnTo>
                      <a:pt x="1" y="532"/>
                    </a:lnTo>
                    <a:lnTo>
                      <a:pt x="3" y="520"/>
                    </a:lnTo>
                    <a:lnTo>
                      <a:pt x="7" y="507"/>
                    </a:lnTo>
                    <a:lnTo>
                      <a:pt x="12" y="496"/>
                    </a:lnTo>
                    <a:lnTo>
                      <a:pt x="17" y="484"/>
                    </a:lnTo>
                    <a:lnTo>
                      <a:pt x="25" y="471"/>
                    </a:lnTo>
                    <a:lnTo>
                      <a:pt x="31" y="458"/>
                    </a:lnTo>
                    <a:lnTo>
                      <a:pt x="34" y="452"/>
                    </a:lnTo>
                    <a:lnTo>
                      <a:pt x="36" y="445"/>
                    </a:lnTo>
                    <a:lnTo>
                      <a:pt x="36" y="439"/>
                    </a:lnTo>
                    <a:lnTo>
                      <a:pt x="35" y="43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4" name="Freeform 149">
                <a:extLst>
                  <a:ext uri="{FF2B5EF4-FFF2-40B4-BE49-F238E27FC236}">
                    <a16:creationId xmlns:a16="http://schemas.microsoft.com/office/drawing/2014/main" id="{F6753035-C281-7549-909C-BBB0D29278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080354" y="4145600"/>
                <a:ext cx="805187" cy="402807"/>
              </a:xfrm>
              <a:custGeom>
                <a:avLst/>
                <a:gdLst/>
                <a:ahLst/>
                <a:cxnLst>
                  <a:cxn ang="0">
                    <a:pos x="97" y="353"/>
                  </a:cxn>
                  <a:cxn ang="0">
                    <a:pos x="158" y="339"/>
                  </a:cxn>
                  <a:cxn ang="0">
                    <a:pos x="280" y="326"/>
                  </a:cxn>
                  <a:cxn ang="0">
                    <a:pos x="351" y="296"/>
                  </a:cxn>
                  <a:cxn ang="0">
                    <a:pos x="407" y="247"/>
                  </a:cxn>
                  <a:cxn ang="0">
                    <a:pos x="478" y="139"/>
                  </a:cxn>
                  <a:cxn ang="0">
                    <a:pos x="656" y="44"/>
                  </a:cxn>
                  <a:cxn ang="0">
                    <a:pos x="713" y="85"/>
                  </a:cxn>
                  <a:cxn ang="0">
                    <a:pos x="739" y="68"/>
                  </a:cxn>
                  <a:cxn ang="0">
                    <a:pos x="780" y="10"/>
                  </a:cxn>
                  <a:cxn ang="0">
                    <a:pos x="820" y="3"/>
                  </a:cxn>
                  <a:cxn ang="0">
                    <a:pos x="890" y="70"/>
                  </a:cxn>
                  <a:cxn ang="0">
                    <a:pos x="915" y="127"/>
                  </a:cxn>
                  <a:cxn ang="0">
                    <a:pos x="960" y="161"/>
                  </a:cxn>
                  <a:cxn ang="0">
                    <a:pos x="1020" y="176"/>
                  </a:cxn>
                  <a:cxn ang="0">
                    <a:pos x="1100" y="138"/>
                  </a:cxn>
                  <a:cxn ang="0">
                    <a:pos x="1163" y="107"/>
                  </a:cxn>
                  <a:cxn ang="0">
                    <a:pos x="1213" y="145"/>
                  </a:cxn>
                  <a:cxn ang="0">
                    <a:pos x="1261" y="151"/>
                  </a:cxn>
                  <a:cxn ang="0">
                    <a:pos x="1381" y="106"/>
                  </a:cxn>
                  <a:cxn ang="0">
                    <a:pos x="1460" y="106"/>
                  </a:cxn>
                  <a:cxn ang="0">
                    <a:pos x="1535" y="130"/>
                  </a:cxn>
                  <a:cxn ang="0">
                    <a:pos x="1599" y="178"/>
                  </a:cxn>
                  <a:cxn ang="0">
                    <a:pos x="1657" y="221"/>
                  </a:cxn>
                  <a:cxn ang="0">
                    <a:pos x="1749" y="317"/>
                  </a:cxn>
                  <a:cxn ang="0">
                    <a:pos x="1684" y="454"/>
                  </a:cxn>
                  <a:cxn ang="0">
                    <a:pos x="1640" y="529"/>
                  </a:cxn>
                  <a:cxn ang="0">
                    <a:pos x="1520" y="513"/>
                  </a:cxn>
                  <a:cxn ang="0">
                    <a:pos x="1480" y="470"/>
                  </a:cxn>
                  <a:cxn ang="0">
                    <a:pos x="1433" y="454"/>
                  </a:cxn>
                  <a:cxn ang="0">
                    <a:pos x="1336" y="461"/>
                  </a:cxn>
                  <a:cxn ang="0">
                    <a:pos x="1226" y="466"/>
                  </a:cxn>
                  <a:cxn ang="0">
                    <a:pos x="1162" y="487"/>
                  </a:cxn>
                  <a:cxn ang="0">
                    <a:pos x="1105" y="558"/>
                  </a:cxn>
                  <a:cxn ang="0">
                    <a:pos x="1039" y="612"/>
                  </a:cxn>
                  <a:cxn ang="0">
                    <a:pos x="991" y="612"/>
                  </a:cxn>
                  <a:cxn ang="0">
                    <a:pos x="933" y="586"/>
                  </a:cxn>
                  <a:cxn ang="0">
                    <a:pos x="900" y="592"/>
                  </a:cxn>
                  <a:cxn ang="0">
                    <a:pos x="884" y="621"/>
                  </a:cxn>
                  <a:cxn ang="0">
                    <a:pos x="803" y="662"/>
                  </a:cxn>
                  <a:cxn ang="0">
                    <a:pos x="724" y="669"/>
                  </a:cxn>
                  <a:cxn ang="0">
                    <a:pos x="674" y="650"/>
                  </a:cxn>
                  <a:cxn ang="0">
                    <a:pos x="652" y="665"/>
                  </a:cxn>
                  <a:cxn ang="0">
                    <a:pos x="639" y="751"/>
                  </a:cxn>
                  <a:cxn ang="0">
                    <a:pos x="637" y="839"/>
                  </a:cxn>
                  <a:cxn ang="0">
                    <a:pos x="618" y="873"/>
                  </a:cxn>
                  <a:cxn ang="0">
                    <a:pos x="512" y="882"/>
                  </a:cxn>
                  <a:cxn ang="0">
                    <a:pos x="390" y="891"/>
                  </a:cxn>
                  <a:cxn ang="0">
                    <a:pos x="89" y="722"/>
                  </a:cxn>
                  <a:cxn ang="0">
                    <a:pos x="25" y="602"/>
                  </a:cxn>
                  <a:cxn ang="0">
                    <a:pos x="1" y="558"/>
                  </a:cxn>
                  <a:cxn ang="0">
                    <a:pos x="12" y="496"/>
                  </a:cxn>
                  <a:cxn ang="0">
                    <a:pos x="36" y="445"/>
                  </a:cxn>
                </a:cxnLst>
                <a:rect l="0" t="0" r="r" b="b"/>
                <a:pathLst>
                  <a:path w="1767" h="891">
                    <a:moveTo>
                      <a:pt x="35" y="431"/>
                    </a:moveTo>
                    <a:lnTo>
                      <a:pt x="53" y="404"/>
                    </a:lnTo>
                    <a:lnTo>
                      <a:pt x="73" y="375"/>
                    </a:lnTo>
                    <a:lnTo>
                      <a:pt x="84" y="364"/>
                    </a:lnTo>
                    <a:lnTo>
                      <a:pt x="97" y="353"/>
                    </a:lnTo>
                    <a:lnTo>
                      <a:pt x="104" y="349"/>
                    </a:lnTo>
                    <a:lnTo>
                      <a:pt x="110" y="345"/>
                    </a:lnTo>
                    <a:lnTo>
                      <a:pt x="118" y="343"/>
                    </a:lnTo>
                    <a:lnTo>
                      <a:pt x="126" y="342"/>
                    </a:lnTo>
                    <a:lnTo>
                      <a:pt x="158" y="339"/>
                    </a:lnTo>
                    <a:lnTo>
                      <a:pt x="189" y="338"/>
                    </a:lnTo>
                    <a:lnTo>
                      <a:pt x="220" y="335"/>
                    </a:lnTo>
                    <a:lnTo>
                      <a:pt x="250" y="332"/>
                    </a:lnTo>
                    <a:lnTo>
                      <a:pt x="264" y="330"/>
                    </a:lnTo>
                    <a:lnTo>
                      <a:pt x="280" y="326"/>
                    </a:lnTo>
                    <a:lnTo>
                      <a:pt x="294" y="322"/>
                    </a:lnTo>
                    <a:lnTo>
                      <a:pt x="308" y="318"/>
                    </a:lnTo>
                    <a:lnTo>
                      <a:pt x="323" y="312"/>
                    </a:lnTo>
                    <a:lnTo>
                      <a:pt x="337" y="305"/>
                    </a:lnTo>
                    <a:lnTo>
                      <a:pt x="351" y="296"/>
                    </a:lnTo>
                    <a:lnTo>
                      <a:pt x="367" y="287"/>
                    </a:lnTo>
                    <a:lnTo>
                      <a:pt x="378" y="278"/>
                    </a:lnTo>
                    <a:lnTo>
                      <a:pt x="389" y="268"/>
                    </a:lnTo>
                    <a:lnTo>
                      <a:pt x="398" y="257"/>
                    </a:lnTo>
                    <a:lnTo>
                      <a:pt x="407" y="247"/>
                    </a:lnTo>
                    <a:lnTo>
                      <a:pt x="422" y="224"/>
                    </a:lnTo>
                    <a:lnTo>
                      <a:pt x="437" y="199"/>
                    </a:lnTo>
                    <a:lnTo>
                      <a:pt x="452" y="174"/>
                    </a:lnTo>
                    <a:lnTo>
                      <a:pt x="468" y="151"/>
                    </a:lnTo>
                    <a:lnTo>
                      <a:pt x="478" y="139"/>
                    </a:lnTo>
                    <a:lnTo>
                      <a:pt x="487" y="129"/>
                    </a:lnTo>
                    <a:lnTo>
                      <a:pt x="499" y="119"/>
                    </a:lnTo>
                    <a:lnTo>
                      <a:pt x="512" y="108"/>
                    </a:lnTo>
                    <a:lnTo>
                      <a:pt x="656" y="44"/>
                    </a:lnTo>
                    <a:lnTo>
                      <a:pt x="656" y="44"/>
                    </a:lnTo>
                    <a:lnTo>
                      <a:pt x="670" y="57"/>
                    </a:lnTo>
                    <a:lnTo>
                      <a:pt x="688" y="72"/>
                    </a:lnTo>
                    <a:lnTo>
                      <a:pt x="698" y="80"/>
                    </a:lnTo>
                    <a:lnTo>
                      <a:pt x="707" y="84"/>
                    </a:lnTo>
                    <a:lnTo>
                      <a:pt x="713" y="85"/>
                    </a:lnTo>
                    <a:lnTo>
                      <a:pt x="717" y="85"/>
                    </a:lnTo>
                    <a:lnTo>
                      <a:pt x="722" y="84"/>
                    </a:lnTo>
                    <a:lnTo>
                      <a:pt x="726" y="81"/>
                    </a:lnTo>
                    <a:lnTo>
                      <a:pt x="732" y="76"/>
                    </a:lnTo>
                    <a:lnTo>
                      <a:pt x="739" y="68"/>
                    </a:lnTo>
                    <a:lnTo>
                      <a:pt x="744" y="60"/>
                    </a:lnTo>
                    <a:lnTo>
                      <a:pt x="750" y="51"/>
                    </a:lnTo>
                    <a:lnTo>
                      <a:pt x="762" y="33"/>
                    </a:lnTo>
                    <a:lnTo>
                      <a:pt x="774" y="18"/>
                    </a:lnTo>
                    <a:lnTo>
                      <a:pt x="780" y="10"/>
                    </a:lnTo>
                    <a:lnTo>
                      <a:pt x="786" y="5"/>
                    </a:lnTo>
                    <a:lnTo>
                      <a:pt x="793" y="1"/>
                    </a:lnTo>
                    <a:lnTo>
                      <a:pt x="802" y="0"/>
                    </a:lnTo>
                    <a:lnTo>
                      <a:pt x="810" y="0"/>
                    </a:lnTo>
                    <a:lnTo>
                      <a:pt x="820" y="3"/>
                    </a:lnTo>
                    <a:lnTo>
                      <a:pt x="831" y="10"/>
                    </a:lnTo>
                    <a:lnTo>
                      <a:pt x="841" y="19"/>
                    </a:lnTo>
                    <a:lnTo>
                      <a:pt x="862" y="38"/>
                    </a:lnTo>
                    <a:lnTo>
                      <a:pt x="882" y="59"/>
                    </a:lnTo>
                    <a:lnTo>
                      <a:pt x="890" y="70"/>
                    </a:lnTo>
                    <a:lnTo>
                      <a:pt x="898" y="81"/>
                    </a:lnTo>
                    <a:lnTo>
                      <a:pt x="903" y="94"/>
                    </a:lnTo>
                    <a:lnTo>
                      <a:pt x="907" y="108"/>
                    </a:lnTo>
                    <a:lnTo>
                      <a:pt x="910" y="117"/>
                    </a:lnTo>
                    <a:lnTo>
                      <a:pt x="915" y="127"/>
                    </a:lnTo>
                    <a:lnTo>
                      <a:pt x="921" y="134"/>
                    </a:lnTo>
                    <a:lnTo>
                      <a:pt x="929" y="142"/>
                    </a:lnTo>
                    <a:lnTo>
                      <a:pt x="938" y="150"/>
                    </a:lnTo>
                    <a:lnTo>
                      <a:pt x="948" y="156"/>
                    </a:lnTo>
                    <a:lnTo>
                      <a:pt x="960" y="161"/>
                    </a:lnTo>
                    <a:lnTo>
                      <a:pt x="972" y="167"/>
                    </a:lnTo>
                    <a:lnTo>
                      <a:pt x="983" y="169"/>
                    </a:lnTo>
                    <a:lnTo>
                      <a:pt x="996" y="173"/>
                    </a:lnTo>
                    <a:lnTo>
                      <a:pt x="1008" y="174"/>
                    </a:lnTo>
                    <a:lnTo>
                      <a:pt x="1020" y="176"/>
                    </a:lnTo>
                    <a:lnTo>
                      <a:pt x="1031" y="174"/>
                    </a:lnTo>
                    <a:lnTo>
                      <a:pt x="1043" y="173"/>
                    </a:lnTo>
                    <a:lnTo>
                      <a:pt x="1052" y="171"/>
                    </a:lnTo>
                    <a:lnTo>
                      <a:pt x="1061" y="167"/>
                    </a:lnTo>
                    <a:lnTo>
                      <a:pt x="1100" y="138"/>
                    </a:lnTo>
                    <a:lnTo>
                      <a:pt x="1131" y="112"/>
                    </a:lnTo>
                    <a:lnTo>
                      <a:pt x="1139" y="108"/>
                    </a:lnTo>
                    <a:lnTo>
                      <a:pt x="1147" y="106"/>
                    </a:lnTo>
                    <a:lnTo>
                      <a:pt x="1156" y="106"/>
                    </a:lnTo>
                    <a:lnTo>
                      <a:pt x="1163" y="107"/>
                    </a:lnTo>
                    <a:lnTo>
                      <a:pt x="1174" y="111"/>
                    </a:lnTo>
                    <a:lnTo>
                      <a:pt x="1183" y="116"/>
                    </a:lnTo>
                    <a:lnTo>
                      <a:pt x="1193" y="125"/>
                    </a:lnTo>
                    <a:lnTo>
                      <a:pt x="1206" y="138"/>
                    </a:lnTo>
                    <a:lnTo>
                      <a:pt x="1213" y="145"/>
                    </a:lnTo>
                    <a:lnTo>
                      <a:pt x="1220" y="150"/>
                    </a:lnTo>
                    <a:lnTo>
                      <a:pt x="1230" y="152"/>
                    </a:lnTo>
                    <a:lnTo>
                      <a:pt x="1240" y="154"/>
                    </a:lnTo>
                    <a:lnTo>
                      <a:pt x="1250" y="152"/>
                    </a:lnTo>
                    <a:lnTo>
                      <a:pt x="1261" y="151"/>
                    </a:lnTo>
                    <a:lnTo>
                      <a:pt x="1272" y="147"/>
                    </a:lnTo>
                    <a:lnTo>
                      <a:pt x="1283" y="143"/>
                    </a:lnTo>
                    <a:lnTo>
                      <a:pt x="1328" y="124"/>
                    </a:lnTo>
                    <a:lnTo>
                      <a:pt x="1364" y="110"/>
                    </a:lnTo>
                    <a:lnTo>
                      <a:pt x="1381" y="106"/>
                    </a:lnTo>
                    <a:lnTo>
                      <a:pt x="1397" y="103"/>
                    </a:lnTo>
                    <a:lnTo>
                      <a:pt x="1412" y="103"/>
                    </a:lnTo>
                    <a:lnTo>
                      <a:pt x="1429" y="102"/>
                    </a:lnTo>
                    <a:lnTo>
                      <a:pt x="1445" y="103"/>
                    </a:lnTo>
                    <a:lnTo>
                      <a:pt x="1460" y="106"/>
                    </a:lnTo>
                    <a:lnTo>
                      <a:pt x="1476" y="108"/>
                    </a:lnTo>
                    <a:lnTo>
                      <a:pt x="1491" y="112"/>
                    </a:lnTo>
                    <a:lnTo>
                      <a:pt x="1505" y="117"/>
                    </a:lnTo>
                    <a:lnTo>
                      <a:pt x="1521" y="124"/>
                    </a:lnTo>
                    <a:lnTo>
                      <a:pt x="1535" y="130"/>
                    </a:lnTo>
                    <a:lnTo>
                      <a:pt x="1548" y="138"/>
                    </a:lnTo>
                    <a:lnTo>
                      <a:pt x="1562" y="147"/>
                    </a:lnTo>
                    <a:lnTo>
                      <a:pt x="1575" y="156"/>
                    </a:lnTo>
                    <a:lnTo>
                      <a:pt x="1587" y="167"/>
                    </a:lnTo>
                    <a:lnTo>
                      <a:pt x="1599" y="178"/>
                    </a:lnTo>
                    <a:lnTo>
                      <a:pt x="1608" y="187"/>
                    </a:lnTo>
                    <a:lnTo>
                      <a:pt x="1617" y="195"/>
                    </a:lnTo>
                    <a:lnTo>
                      <a:pt x="1627" y="203"/>
                    </a:lnTo>
                    <a:lnTo>
                      <a:pt x="1636" y="209"/>
                    </a:lnTo>
                    <a:lnTo>
                      <a:pt x="1657" y="221"/>
                    </a:lnTo>
                    <a:lnTo>
                      <a:pt x="1678" y="231"/>
                    </a:lnTo>
                    <a:lnTo>
                      <a:pt x="1722" y="248"/>
                    </a:lnTo>
                    <a:lnTo>
                      <a:pt x="1767" y="268"/>
                    </a:lnTo>
                    <a:lnTo>
                      <a:pt x="1767" y="268"/>
                    </a:lnTo>
                    <a:lnTo>
                      <a:pt x="1749" y="317"/>
                    </a:lnTo>
                    <a:lnTo>
                      <a:pt x="1735" y="344"/>
                    </a:lnTo>
                    <a:lnTo>
                      <a:pt x="1722" y="371"/>
                    </a:lnTo>
                    <a:lnTo>
                      <a:pt x="1709" y="400"/>
                    </a:lnTo>
                    <a:lnTo>
                      <a:pt x="1696" y="427"/>
                    </a:lnTo>
                    <a:lnTo>
                      <a:pt x="1684" y="454"/>
                    </a:lnTo>
                    <a:lnTo>
                      <a:pt x="1671" y="480"/>
                    </a:lnTo>
                    <a:lnTo>
                      <a:pt x="1665" y="493"/>
                    </a:lnTo>
                    <a:lnTo>
                      <a:pt x="1658" y="506"/>
                    </a:lnTo>
                    <a:lnTo>
                      <a:pt x="1649" y="518"/>
                    </a:lnTo>
                    <a:lnTo>
                      <a:pt x="1640" y="529"/>
                    </a:lnTo>
                    <a:lnTo>
                      <a:pt x="1640" y="529"/>
                    </a:lnTo>
                    <a:lnTo>
                      <a:pt x="1544" y="533"/>
                    </a:lnTo>
                    <a:lnTo>
                      <a:pt x="1534" y="527"/>
                    </a:lnTo>
                    <a:lnTo>
                      <a:pt x="1526" y="519"/>
                    </a:lnTo>
                    <a:lnTo>
                      <a:pt x="1520" y="513"/>
                    </a:lnTo>
                    <a:lnTo>
                      <a:pt x="1513" y="505"/>
                    </a:lnTo>
                    <a:lnTo>
                      <a:pt x="1502" y="492"/>
                    </a:lnTo>
                    <a:lnTo>
                      <a:pt x="1491" y="480"/>
                    </a:lnTo>
                    <a:lnTo>
                      <a:pt x="1486" y="474"/>
                    </a:lnTo>
                    <a:lnTo>
                      <a:pt x="1480" y="470"/>
                    </a:lnTo>
                    <a:lnTo>
                      <a:pt x="1473" y="465"/>
                    </a:lnTo>
                    <a:lnTo>
                      <a:pt x="1465" y="461"/>
                    </a:lnTo>
                    <a:lnTo>
                      <a:pt x="1456" y="458"/>
                    </a:lnTo>
                    <a:lnTo>
                      <a:pt x="1446" y="456"/>
                    </a:lnTo>
                    <a:lnTo>
                      <a:pt x="1433" y="454"/>
                    </a:lnTo>
                    <a:lnTo>
                      <a:pt x="1419" y="454"/>
                    </a:lnTo>
                    <a:lnTo>
                      <a:pt x="1398" y="454"/>
                    </a:lnTo>
                    <a:lnTo>
                      <a:pt x="1377" y="456"/>
                    </a:lnTo>
                    <a:lnTo>
                      <a:pt x="1356" y="458"/>
                    </a:lnTo>
                    <a:lnTo>
                      <a:pt x="1336" y="461"/>
                    </a:lnTo>
                    <a:lnTo>
                      <a:pt x="1315" y="463"/>
                    </a:lnTo>
                    <a:lnTo>
                      <a:pt x="1294" y="466"/>
                    </a:lnTo>
                    <a:lnTo>
                      <a:pt x="1274" y="467"/>
                    </a:lnTo>
                    <a:lnTo>
                      <a:pt x="1252" y="467"/>
                    </a:lnTo>
                    <a:lnTo>
                      <a:pt x="1226" y="466"/>
                    </a:lnTo>
                    <a:lnTo>
                      <a:pt x="1205" y="466"/>
                    </a:lnTo>
                    <a:lnTo>
                      <a:pt x="1195" y="467"/>
                    </a:lnTo>
                    <a:lnTo>
                      <a:pt x="1184" y="471"/>
                    </a:lnTo>
                    <a:lnTo>
                      <a:pt x="1174" y="478"/>
                    </a:lnTo>
                    <a:lnTo>
                      <a:pt x="1162" y="487"/>
                    </a:lnTo>
                    <a:lnTo>
                      <a:pt x="1148" y="501"/>
                    </a:lnTo>
                    <a:lnTo>
                      <a:pt x="1136" y="515"/>
                    </a:lnTo>
                    <a:lnTo>
                      <a:pt x="1126" y="529"/>
                    </a:lnTo>
                    <a:lnTo>
                      <a:pt x="1116" y="544"/>
                    </a:lnTo>
                    <a:lnTo>
                      <a:pt x="1105" y="558"/>
                    </a:lnTo>
                    <a:lnTo>
                      <a:pt x="1093" y="572"/>
                    </a:lnTo>
                    <a:lnTo>
                      <a:pt x="1081" y="585"/>
                    </a:lnTo>
                    <a:lnTo>
                      <a:pt x="1064" y="598"/>
                    </a:lnTo>
                    <a:lnTo>
                      <a:pt x="1051" y="607"/>
                    </a:lnTo>
                    <a:lnTo>
                      <a:pt x="1039" y="612"/>
                    </a:lnTo>
                    <a:lnTo>
                      <a:pt x="1027" y="616"/>
                    </a:lnTo>
                    <a:lnTo>
                      <a:pt x="1018" y="617"/>
                    </a:lnTo>
                    <a:lnTo>
                      <a:pt x="1008" y="617"/>
                    </a:lnTo>
                    <a:lnTo>
                      <a:pt x="999" y="615"/>
                    </a:lnTo>
                    <a:lnTo>
                      <a:pt x="991" y="612"/>
                    </a:lnTo>
                    <a:lnTo>
                      <a:pt x="983" y="608"/>
                    </a:lnTo>
                    <a:lnTo>
                      <a:pt x="967" y="599"/>
                    </a:lnTo>
                    <a:lnTo>
                      <a:pt x="951" y="592"/>
                    </a:lnTo>
                    <a:lnTo>
                      <a:pt x="942" y="589"/>
                    </a:lnTo>
                    <a:lnTo>
                      <a:pt x="933" y="586"/>
                    </a:lnTo>
                    <a:lnTo>
                      <a:pt x="924" y="586"/>
                    </a:lnTo>
                    <a:lnTo>
                      <a:pt x="912" y="588"/>
                    </a:lnTo>
                    <a:lnTo>
                      <a:pt x="908" y="588"/>
                    </a:lnTo>
                    <a:lnTo>
                      <a:pt x="904" y="590"/>
                    </a:lnTo>
                    <a:lnTo>
                      <a:pt x="900" y="592"/>
                    </a:lnTo>
                    <a:lnTo>
                      <a:pt x="898" y="594"/>
                    </a:lnTo>
                    <a:lnTo>
                      <a:pt x="894" y="601"/>
                    </a:lnTo>
                    <a:lnTo>
                      <a:pt x="890" y="607"/>
                    </a:lnTo>
                    <a:lnTo>
                      <a:pt x="888" y="615"/>
                    </a:lnTo>
                    <a:lnTo>
                      <a:pt x="884" y="621"/>
                    </a:lnTo>
                    <a:lnTo>
                      <a:pt x="878" y="628"/>
                    </a:lnTo>
                    <a:lnTo>
                      <a:pt x="872" y="634"/>
                    </a:lnTo>
                    <a:lnTo>
                      <a:pt x="853" y="645"/>
                    </a:lnTo>
                    <a:lnTo>
                      <a:pt x="829" y="654"/>
                    </a:lnTo>
                    <a:lnTo>
                      <a:pt x="803" y="662"/>
                    </a:lnTo>
                    <a:lnTo>
                      <a:pt x="777" y="667"/>
                    </a:lnTo>
                    <a:lnTo>
                      <a:pt x="763" y="668"/>
                    </a:lnTo>
                    <a:lnTo>
                      <a:pt x="750" y="669"/>
                    </a:lnTo>
                    <a:lnTo>
                      <a:pt x="737" y="669"/>
                    </a:lnTo>
                    <a:lnTo>
                      <a:pt x="724" y="669"/>
                    </a:lnTo>
                    <a:lnTo>
                      <a:pt x="713" y="667"/>
                    </a:lnTo>
                    <a:lnTo>
                      <a:pt x="700" y="664"/>
                    </a:lnTo>
                    <a:lnTo>
                      <a:pt x="689" y="659"/>
                    </a:lnTo>
                    <a:lnTo>
                      <a:pt x="679" y="654"/>
                    </a:lnTo>
                    <a:lnTo>
                      <a:pt x="674" y="650"/>
                    </a:lnTo>
                    <a:lnTo>
                      <a:pt x="667" y="650"/>
                    </a:lnTo>
                    <a:lnTo>
                      <a:pt x="663" y="651"/>
                    </a:lnTo>
                    <a:lnTo>
                      <a:pt x="660" y="654"/>
                    </a:lnTo>
                    <a:lnTo>
                      <a:pt x="656" y="659"/>
                    </a:lnTo>
                    <a:lnTo>
                      <a:pt x="652" y="665"/>
                    </a:lnTo>
                    <a:lnTo>
                      <a:pt x="649" y="672"/>
                    </a:lnTo>
                    <a:lnTo>
                      <a:pt x="648" y="680"/>
                    </a:lnTo>
                    <a:lnTo>
                      <a:pt x="641" y="712"/>
                    </a:lnTo>
                    <a:lnTo>
                      <a:pt x="640" y="734"/>
                    </a:lnTo>
                    <a:lnTo>
                      <a:pt x="639" y="751"/>
                    </a:lnTo>
                    <a:lnTo>
                      <a:pt x="636" y="766"/>
                    </a:lnTo>
                    <a:lnTo>
                      <a:pt x="634" y="782"/>
                    </a:lnTo>
                    <a:lnTo>
                      <a:pt x="632" y="799"/>
                    </a:lnTo>
                    <a:lnTo>
                      <a:pt x="635" y="817"/>
                    </a:lnTo>
                    <a:lnTo>
                      <a:pt x="637" y="839"/>
                    </a:lnTo>
                    <a:lnTo>
                      <a:pt x="639" y="851"/>
                    </a:lnTo>
                    <a:lnTo>
                      <a:pt x="639" y="861"/>
                    </a:lnTo>
                    <a:lnTo>
                      <a:pt x="637" y="869"/>
                    </a:lnTo>
                    <a:lnTo>
                      <a:pt x="635" y="877"/>
                    </a:lnTo>
                    <a:lnTo>
                      <a:pt x="618" y="873"/>
                    </a:lnTo>
                    <a:lnTo>
                      <a:pt x="603" y="871"/>
                    </a:lnTo>
                    <a:lnTo>
                      <a:pt x="587" y="871"/>
                    </a:lnTo>
                    <a:lnTo>
                      <a:pt x="573" y="873"/>
                    </a:lnTo>
                    <a:lnTo>
                      <a:pt x="543" y="877"/>
                    </a:lnTo>
                    <a:lnTo>
                      <a:pt x="512" y="882"/>
                    </a:lnTo>
                    <a:lnTo>
                      <a:pt x="490" y="884"/>
                    </a:lnTo>
                    <a:lnTo>
                      <a:pt x="466" y="887"/>
                    </a:lnTo>
                    <a:lnTo>
                      <a:pt x="442" y="890"/>
                    </a:lnTo>
                    <a:lnTo>
                      <a:pt x="416" y="891"/>
                    </a:lnTo>
                    <a:lnTo>
                      <a:pt x="390" y="891"/>
                    </a:lnTo>
                    <a:lnTo>
                      <a:pt x="364" y="890"/>
                    </a:lnTo>
                    <a:lnTo>
                      <a:pt x="337" y="886"/>
                    </a:lnTo>
                    <a:lnTo>
                      <a:pt x="311" y="880"/>
                    </a:lnTo>
                    <a:lnTo>
                      <a:pt x="152" y="814"/>
                    </a:lnTo>
                    <a:lnTo>
                      <a:pt x="89" y="722"/>
                    </a:lnTo>
                    <a:lnTo>
                      <a:pt x="89" y="722"/>
                    </a:lnTo>
                    <a:lnTo>
                      <a:pt x="69" y="665"/>
                    </a:lnTo>
                    <a:lnTo>
                      <a:pt x="53" y="646"/>
                    </a:lnTo>
                    <a:lnTo>
                      <a:pt x="39" y="624"/>
                    </a:lnTo>
                    <a:lnTo>
                      <a:pt x="25" y="602"/>
                    </a:lnTo>
                    <a:lnTo>
                      <a:pt x="12" y="581"/>
                    </a:lnTo>
                    <a:lnTo>
                      <a:pt x="8" y="576"/>
                    </a:lnTo>
                    <a:lnTo>
                      <a:pt x="5" y="570"/>
                    </a:lnTo>
                    <a:lnTo>
                      <a:pt x="3" y="563"/>
                    </a:lnTo>
                    <a:lnTo>
                      <a:pt x="1" y="558"/>
                    </a:lnTo>
                    <a:lnTo>
                      <a:pt x="0" y="545"/>
                    </a:lnTo>
                    <a:lnTo>
                      <a:pt x="1" y="532"/>
                    </a:lnTo>
                    <a:lnTo>
                      <a:pt x="3" y="520"/>
                    </a:lnTo>
                    <a:lnTo>
                      <a:pt x="7" y="507"/>
                    </a:lnTo>
                    <a:lnTo>
                      <a:pt x="12" y="496"/>
                    </a:lnTo>
                    <a:lnTo>
                      <a:pt x="17" y="484"/>
                    </a:lnTo>
                    <a:lnTo>
                      <a:pt x="25" y="471"/>
                    </a:lnTo>
                    <a:lnTo>
                      <a:pt x="31" y="458"/>
                    </a:lnTo>
                    <a:lnTo>
                      <a:pt x="34" y="452"/>
                    </a:lnTo>
                    <a:lnTo>
                      <a:pt x="36" y="445"/>
                    </a:lnTo>
                    <a:lnTo>
                      <a:pt x="36" y="439"/>
                    </a:lnTo>
                    <a:lnTo>
                      <a:pt x="35" y="431"/>
                    </a:lnTo>
                    <a:lnTo>
                      <a:pt x="35" y="431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5" name="Freeform 150">
                <a:extLst>
                  <a:ext uri="{FF2B5EF4-FFF2-40B4-BE49-F238E27FC236}">
                    <a16:creationId xmlns:a16="http://schemas.microsoft.com/office/drawing/2014/main" id="{D73B095C-90D5-9A4C-9760-B87B693F84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36526" y="4246753"/>
                <a:ext cx="1083906" cy="561761"/>
              </a:xfrm>
              <a:custGeom>
                <a:avLst/>
                <a:gdLst/>
                <a:ahLst/>
                <a:cxnLst>
                  <a:cxn ang="0">
                    <a:pos x="215" y="673"/>
                  </a:cxn>
                  <a:cxn ang="0">
                    <a:pos x="279" y="685"/>
                  </a:cxn>
                  <a:cxn ang="0">
                    <a:pos x="302" y="596"/>
                  </a:cxn>
                  <a:cxn ang="0">
                    <a:pos x="340" y="576"/>
                  </a:cxn>
                  <a:cxn ang="0">
                    <a:pos x="404" y="634"/>
                  </a:cxn>
                  <a:cxn ang="0">
                    <a:pos x="496" y="659"/>
                  </a:cxn>
                  <a:cxn ang="0">
                    <a:pos x="625" y="636"/>
                  </a:cxn>
                  <a:cxn ang="0">
                    <a:pos x="785" y="625"/>
                  </a:cxn>
                  <a:cxn ang="0">
                    <a:pos x="851" y="553"/>
                  </a:cxn>
                  <a:cxn ang="0">
                    <a:pos x="901" y="575"/>
                  </a:cxn>
                  <a:cxn ang="0">
                    <a:pos x="996" y="605"/>
                  </a:cxn>
                  <a:cxn ang="0">
                    <a:pos x="1065" y="653"/>
                  </a:cxn>
                  <a:cxn ang="0">
                    <a:pos x="1092" y="607"/>
                  </a:cxn>
                  <a:cxn ang="0">
                    <a:pos x="1019" y="390"/>
                  </a:cxn>
                  <a:cxn ang="0">
                    <a:pos x="1098" y="356"/>
                  </a:cxn>
                  <a:cxn ang="0">
                    <a:pos x="1210" y="344"/>
                  </a:cxn>
                  <a:cxn ang="0">
                    <a:pos x="1255" y="259"/>
                  </a:cxn>
                  <a:cxn ang="0">
                    <a:pos x="1304" y="221"/>
                  </a:cxn>
                  <a:cxn ang="0">
                    <a:pos x="1375" y="185"/>
                  </a:cxn>
                  <a:cxn ang="0">
                    <a:pos x="1423" y="131"/>
                  </a:cxn>
                  <a:cxn ang="0">
                    <a:pos x="1502" y="193"/>
                  </a:cxn>
                  <a:cxn ang="0">
                    <a:pos x="1581" y="159"/>
                  </a:cxn>
                  <a:cxn ang="0">
                    <a:pos x="1693" y="94"/>
                  </a:cxn>
                  <a:cxn ang="0">
                    <a:pos x="1729" y="19"/>
                  </a:cxn>
                  <a:cxn ang="0">
                    <a:pos x="1795" y="5"/>
                  </a:cxn>
                  <a:cxn ang="0">
                    <a:pos x="1984" y="125"/>
                  </a:cxn>
                  <a:cxn ang="0">
                    <a:pos x="2118" y="127"/>
                  </a:cxn>
                  <a:cxn ang="0">
                    <a:pos x="2281" y="160"/>
                  </a:cxn>
                  <a:cxn ang="0">
                    <a:pos x="2326" y="221"/>
                  </a:cxn>
                  <a:cxn ang="0">
                    <a:pos x="2291" y="308"/>
                  </a:cxn>
                  <a:cxn ang="0">
                    <a:pos x="2329" y="400"/>
                  </a:cxn>
                  <a:cxn ang="0">
                    <a:pos x="2308" y="655"/>
                  </a:cxn>
                  <a:cxn ang="0">
                    <a:pos x="2218" y="675"/>
                  </a:cxn>
                  <a:cxn ang="0">
                    <a:pos x="2223" y="737"/>
                  </a:cxn>
                  <a:cxn ang="0">
                    <a:pos x="2193" y="817"/>
                  </a:cxn>
                  <a:cxn ang="0">
                    <a:pos x="2154" y="882"/>
                  </a:cxn>
                  <a:cxn ang="0">
                    <a:pos x="2124" y="982"/>
                  </a:cxn>
                  <a:cxn ang="0">
                    <a:pos x="1882" y="1124"/>
                  </a:cxn>
                  <a:cxn ang="0">
                    <a:pos x="1778" y="1160"/>
                  </a:cxn>
                  <a:cxn ang="0">
                    <a:pos x="1679" y="1164"/>
                  </a:cxn>
                  <a:cxn ang="0">
                    <a:pos x="1553" y="1239"/>
                  </a:cxn>
                  <a:cxn ang="0">
                    <a:pos x="1264" y="1171"/>
                  </a:cxn>
                  <a:cxn ang="0">
                    <a:pos x="1190" y="1140"/>
                  </a:cxn>
                  <a:cxn ang="0">
                    <a:pos x="1053" y="1080"/>
                  </a:cxn>
                  <a:cxn ang="0">
                    <a:pos x="938" y="1058"/>
                  </a:cxn>
                  <a:cxn ang="0">
                    <a:pos x="844" y="989"/>
                  </a:cxn>
                  <a:cxn ang="0">
                    <a:pos x="833" y="848"/>
                  </a:cxn>
                  <a:cxn ang="0">
                    <a:pos x="763" y="825"/>
                  </a:cxn>
                  <a:cxn ang="0">
                    <a:pos x="570" y="817"/>
                  </a:cxn>
                  <a:cxn ang="0">
                    <a:pos x="460" y="846"/>
                  </a:cxn>
                  <a:cxn ang="0">
                    <a:pos x="347" y="851"/>
                  </a:cxn>
                  <a:cxn ang="0">
                    <a:pos x="260" y="884"/>
                  </a:cxn>
                  <a:cxn ang="0">
                    <a:pos x="158" y="884"/>
                  </a:cxn>
                  <a:cxn ang="0">
                    <a:pos x="96" y="862"/>
                  </a:cxn>
                  <a:cxn ang="0">
                    <a:pos x="57" y="792"/>
                  </a:cxn>
                  <a:cxn ang="0">
                    <a:pos x="22" y="702"/>
                  </a:cxn>
                  <a:cxn ang="0">
                    <a:pos x="27" y="647"/>
                  </a:cxn>
                  <a:cxn ang="0">
                    <a:pos x="31" y="576"/>
                  </a:cxn>
                </a:cxnLst>
                <a:rect l="0" t="0" r="r" b="b"/>
                <a:pathLst>
                  <a:path w="2379" h="1242">
                    <a:moveTo>
                      <a:pt x="31" y="576"/>
                    </a:moveTo>
                    <a:lnTo>
                      <a:pt x="86" y="566"/>
                    </a:lnTo>
                    <a:lnTo>
                      <a:pt x="101" y="581"/>
                    </a:lnTo>
                    <a:lnTo>
                      <a:pt x="121" y="601"/>
                    </a:lnTo>
                    <a:lnTo>
                      <a:pt x="142" y="620"/>
                    </a:lnTo>
                    <a:lnTo>
                      <a:pt x="158" y="632"/>
                    </a:lnTo>
                    <a:lnTo>
                      <a:pt x="184" y="651"/>
                    </a:lnTo>
                    <a:lnTo>
                      <a:pt x="215" y="673"/>
                    </a:lnTo>
                    <a:lnTo>
                      <a:pt x="222" y="678"/>
                    </a:lnTo>
                    <a:lnTo>
                      <a:pt x="230" y="684"/>
                    </a:lnTo>
                    <a:lnTo>
                      <a:pt x="239" y="686"/>
                    </a:lnTo>
                    <a:lnTo>
                      <a:pt x="247" y="689"/>
                    </a:lnTo>
                    <a:lnTo>
                      <a:pt x="255" y="690"/>
                    </a:lnTo>
                    <a:lnTo>
                      <a:pt x="264" y="690"/>
                    </a:lnTo>
                    <a:lnTo>
                      <a:pt x="272" y="689"/>
                    </a:lnTo>
                    <a:lnTo>
                      <a:pt x="279" y="685"/>
                    </a:lnTo>
                    <a:lnTo>
                      <a:pt x="283" y="681"/>
                    </a:lnTo>
                    <a:lnTo>
                      <a:pt x="287" y="676"/>
                    </a:lnTo>
                    <a:lnTo>
                      <a:pt x="290" y="669"/>
                    </a:lnTo>
                    <a:lnTo>
                      <a:pt x="291" y="663"/>
                    </a:lnTo>
                    <a:lnTo>
                      <a:pt x="294" y="646"/>
                    </a:lnTo>
                    <a:lnTo>
                      <a:pt x="295" y="628"/>
                    </a:lnTo>
                    <a:lnTo>
                      <a:pt x="298" y="611"/>
                    </a:lnTo>
                    <a:lnTo>
                      <a:pt x="302" y="596"/>
                    </a:lnTo>
                    <a:lnTo>
                      <a:pt x="304" y="588"/>
                    </a:lnTo>
                    <a:lnTo>
                      <a:pt x="308" y="583"/>
                    </a:lnTo>
                    <a:lnTo>
                      <a:pt x="313" y="579"/>
                    </a:lnTo>
                    <a:lnTo>
                      <a:pt x="320" y="576"/>
                    </a:lnTo>
                    <a:lnTo>
                      <a:pt x="325" y="575"/>
                    </a:lnTo>
                    <a:lnTo>
                      <a:pt x="330" y="575"/>
                    </a:lnTo>
                    <a:lnTo>
                      <a:pt x="335" y="575"/>
                    </a:lnTo>
                    <a:lnTo>
                      <a:pt x="340" y="576"/>
                    </a:lnTo>
                    <a:lnTo>
                      <a:pt x="349" y="579"/>
                    </a:lnTo>
                    <a:lnTo>
                      <a:pt x="359" y="584"/>
                    </a:lnTo>
                    <a:lnTo>
                      <a:pt x="366" y="590"/>
                    </a:lnTo>
                    <a:lnTo>
                      <a:pt x="374" y="598"/>
                    </a:lnTo>
                    <a:lnTo>
                      <a:pt x="381" y="606"/>
                    </a:lnTo>
                    <a:lnTo>
                      <a:pt x="386" y="614"/>
                    </a:lnTo>
                    <a:lnTo>
                      <a:pt x="395" y="625"/>
                    </a:lnTo>
                    <a:lnTo>
                      <a:pt x="404" y="634"/>
                    </a:lnTo>
                    <a:lnTo>
                      <a:pt x="414" y="642"/>
                    </a:lnTo>
                    <a:lnTo>
                      <a:pt x="425" y="649"/>
                    </a:lnTo>
                    <a:lnTo>
                      <a:pt x="436" y="654"/>
                    </a:lnTo>
                    <a:lnTo>
                      <a:pt x="448" y="656"/>
                    </a:lnTo>
                    <a:lnTo>
                      <a:pt x="460" y="659"/>
                    </a:lnTo>
                    <a:lnTo>
                      <a:pt x="471" y="660"/>
                    </a:lnTo>
                    <a:lnTo>
                      <a:pt x="484" y="659"/>
                    </a:lnTo>
                    <a:lnTo>
                      <a:pt x="496" y="659"/>
                    </a:lnTo>
                    <a:lnTo>
                      <a:pt x="509" y="656"/>
                    </a:lnTo>
                    <a:lnTo>
                      <a:pt x="522" y="655"/>
                    </a:lnTo>
                    <a:lnTo>
                      <a:pt x="546" y="649"/>
                    </a:lnTo>
                    <a:lnTo>
                      <a:pt x="572" y="642"/>
                    </a:lnTo>
                    <a:lnTo>
                      <a:pt x="585" y="638"/>
                    </a:lnTo>
                    <a:lnTo>
                      <a:pt x="598" y="636"/>
                    </a:lnTo>
                    <a:lnTo>
                      <a:pt x="611" y="636"/>
                    </a:lnTo>
                    <a:lnTo>
                      <a:pt x="625" y="636"/>
                    </a:lnTo>
                    <a:lnTo>
                      <a:pt x="651" y="637"/>
                    </a:lnTo>
                    <a:lnTo>
                      <a:pt x="678" y="640"/>
                    </a:lnTo>
                    <a:lnTo>
                      <a:pt x="706" y="641"/>
                    </a:lnTo>
                    <a:lnTo>
                      <a:pt x="732" y="641"/>
                    </a:lnTo>
                    <a:lnTo>
                      <a:pt x="746" y="640"/>
                    </a:lnTo>
                    <a:lnTo>
                      <a:pt x="759" y="636"/>
                    </a:lnTo>
                    <a:lnTo>
                      <a:pt x="772" y="632"/>
                    </a:lnTo>
                    <a:lnTo>
                      <a:pt x="785" y="625"/>
                    </a:lnTo>
                    <a:lnTo>
                      <a:pt x="798" y="611"/>
                    </a:lnTo>
                    <a:lnTo>
                      <a:pt x="808" y="594"/>
                    </a:lnTo>
                    <a:lnTo>
                      <a:pt x="813" y="587"/>
                    </a:lnTo>
                    <a:lnTo>
                      <a:pt x="820" y="579"/>
                    </a:lnTo>
                    <a:lnTo>
                      <a:pt x="825" y="571"/>
                    </a:lnTo>
                    <a:lnTo>
                      <a:pt x="833" y="564"/>
                    </a:lnTo>
                    <a:lnTo>
                      <a:pt x="840" y="558"/>
                    </a:lnTo>
                    <a:lnTo>
                      <a:pt x="851" y="553"/>
                    </a:lnTo>
                    <a:lnTo>
                      <a:pt x="856" y="552"/>
                    </a:lnTo>
                    <a:lnTo>
                      <a:pt x="861" y="552"/>
                    </a:lnTo>
                    <a:lnTo>
                      <a:pt x="866" y="553"/>
                    </a:lnTo>
                    <a:lnTo>
                      <a:pt x="872" y="555"/>
                    </a:lnTo>
                    <a:lnTo>
                      <a:pt x="881" y="562"/>
                    </a:lnTo>
                    <a:lnTo>
                      <a:pt x="891" y="568"/>
                    </a:lnTo>
                    <a:lnTo>
                      <a:pt x="896" y="572"/>
                    </a:lnTo>
                    <a:lnTo>
                      <a:pt x="901" y="575"/>
                    </a:lnTo>
                    <a:lnTo>
                      <a:pt x="908" y="576"/>
                    </a:lnTo>
                    <a:lnTo>
                      <a:pt x="913" y="577"/>
                    </a:lnTo>
                    <a:lnTo>
                      <a:pt x="931" y="579"/>
                    </a:lnTo>
                    <a:lnTo>
                      <a:pt x="945" y="581"/>
                    </a:lnTo>
                    <a:lnTo>
                      <a:pt x="961" y="587"/>
                    </a:lnTo>
                    <a:lnTo>
                      <a:pt x="978" y="593"/>
                    </a:lnTo>
                    <a:lnTo>
                      <a:pt x="987" y="597"/>
                    </a:lnTo>
                    <a:lnTo>
                      <a:pt x="996" y="605"/>
                    </a:lnTo>
                    <a:lnTo>
                      <a:pt x="1004" y="612"/>
                    </a:lnTo>
                    <a:lnTo>
                      <a:pt x="1010" y="620"/>
                    </a:lnTo>
                    <a:lnTo>
                      <a:pt x="1018" y="629"/>
                    </a:lnTo>
                    <a:lnTo>
                      <a:pt x="1024" y="637"/>
                    </a:lnTo>
                    <a:lnTo>
                      <a:pt x="1033" y="645"/>
                    </a:lnTo>
                    <a:lnTo>
                      <a:pt x="1043" y="651"/>
                    </a:lnTo>
                    <a:lnTo>
                      <a:pt x="1054" y="653"/>
                    </a:lnTo>
                    <a:lnTo>
                      <a:pt x="1065" y="653"/>
                    </a:lnTo>
                    <a:lnTo>
                      <a:pt x="1072" y="651"/>
                    </a:lnTo>
                    <a:lnTo>
                      <a:pt x="1079" y="649"/>
                    </a:lnTo>
                    <a:lnTo>
                      <a:pt x="1084" y="645"/>
                    </a:lnTo>
                    <a:lnTo>
                      <a:pt x="1088" y="638"/>
                    </a:lnTo>
                    <a:lnTo>
                      <a:pt x="1090" y="632"/>
                    </a:lnTo>
                    <a:lnTo>
                      <a:pt x="1093" y="624"/>
                    </a:lnTo>
                    <a:lnTo>
                      <a:pt x="1093" y="616"/>
                    </a:lnTo>
                    <a:lnTo>
                      <a:pt x="1092" y="607"/>
                    </a:lnTo>
                    <a:lnTo>
                      <a:pt x="1090" y="597"/>
                    </a:lnTo>
                    <a:lnTo>
                      <a:pt x="1088" y="585"/>
                    </a:lnTo>
                    <a:lnTo>
                      <a:pt x="1081" y="562"/>
                    </a:lnTo>
                    <a:lnTo>
                      <a:pt x="1072" y="537"/>
                    </a:lnTo>
                    <a:lnTo>
                      <a:pt x="1052" y="484"/>
                    </a:lnTo>
                    <a:lnTo>
                      <a:pt x="1032" y="432"/>
                    </a:lnTo>
                    <a:lnTo>
                      <a:pt x="1024" y="410"/>
                    </a:lnTo>
                    <a:lnTo>
                      <a:pt x="1019" y="390"/>
                    </a:lnTo>
                    <a:lnTo>
                      <a:pt x="1018" y="381"/>
                    </a:lnTo>
                    <a:lnTo>
                      <a:pt x="1017" y="373"/>
                    </a:lnTo>
                    <a:lnTo>
                      <a:pt x="1017" y="365"/>
                    </a:lnTo>
                    <a:lnTo>
                      <a:pt x="1018" y="359"/>
                    </a:lnTo>
                    <a:lnTo>
                      <a:pt x="1036" y="356"/>
                    </a:lnTo>
                    <a:lnTo>
                      <a:pt x="1055" y="355"/>
                    </a:lnTo>
                    <a:lnTo>
                      <a:pt x="1076" y="355"/>
                    </a:lnTo>
                    <a:lnTo>
                      <a:pt x="1098" y="356"/>
                    </a:lnTo>
                    <a:lnTo>
                      <a:pt x="1119" y="359"/>
                    </a:lnTo>
                    <a:lnTo>
                      <a:pt x="1141" y="359"/>
                    </a:lnTo>
                    <a:lnTo>
                      <a:pt x="1162" y="359"/>
                    </a:lnTo>
                    <a:lnTo>
                      <a:pt x="1182" y="356"/>
                    </a:lnTo>
                    <a:lnTo>
                      <a:pt x="1190" y="353"/>
                    </a:lnTo>
                    <a:lnTo>
                      <a:pt x="1198" y="351"/>
                    </a:lnTo>
                    <a:lnTo>
                      <a:pt x="1204" y="348"/>
                    </a:lnTo>
                    <a:lnTo>
                      <a:pt x="1210" y="344"/>
                    </a:lnTo>
                    <a:lnTo>
                      <a:pt x="1220" y="336"/>
                    </a:lnTo>
                    <a:lnTo>
                      <a:pt x="1228" y="327"/>
                    </a:lnTo>
                    <a:lnTo>
                      <a:pt x="1234" y="317"/>
                    </a:lnTo>
                    <a:lnTo>
                      <a:pt x="1239" y="305"/>
                    </a:lnTo>
                    <a:lnTo>
                      <a:pt x="1243" y="294"/>
                    </a:lnTo>
                    <a:lnTo>
                      <a:pt x="1247" y="282"/>
                    </a:lnTo>
                    <a:lnTo>
                      <a:pt x="1251" y="270"/>
                    </a:lnTo>
                    <a:lnTo>
                      <a:pt x="1255" y="259"/>
                    </a:lnTo>
                    <a:lnTo>
                      <a:pt x="1259" y="248"/>
                    </a:lnTo>
                    <a:lnTo>
                      <a:pt x="1264" y="239"/>
                    </a:lnTo>
                    <a:lnTo>
                      <a:pt x="1272" y="232"/>
                    </a:lnTo>
                    <a:lnTo>
                      <a:pt x="1280" y="226"/>
                    </a:lnTo>
                    <a:lnTo>
                      <a:pt x="1285" y="224"/>
                    </a:lnTo>
                    <a:lnTo>
                      <a:pt x="1291" y="222"/>
                    </a:lnTo>
                    <a:lnTo>
                      <a:pt x="1296" y="221"/>
                    </a:lnTo>
                    <a:lnTo>
                      <a:pt x="1304" y="221"/>
                    </a:lnTo>
                    <a:lnTo>
                      <a:pt x="1325" y="221"/>
                    </a:lnTo>
                    <a:lnTo>
                      <a:pt x="1340" y="219"/>
                    </a:lnTo>
                    <a:lnTo>
                      <a:pt x="1353" y="216"/>
                    </a:lnTo>
                    <a:lnTo>
                      <a:pt x="1361" y="211"/>
                    </a:lnTo>
                    <a:lnTo>
                      <a:pt x="1368" y="206"/>
                    </a:lnTo>
                    <a:lnTo>
                      <a:pt x="1372" y="200"/>
                    </a:lnTo>
                    <a:lnTo>
                      <a:pt x="1374" y="193"/>
                    </a:lnTo>
                    <a:lnTo>
                      <a:pt x="1375" y="185"/>
                    </a:lnTo>
                    <a:lnTo>
                      <a:pt x="1375" y="167"/>
                    </a:lnTo>
                    <a:lnTo>
                      <a:pt x="1377" y="147"/>
                    </a:lnTo>
                    <a:lnTo>
                      <a:pt x="1381" y="136"/>
                    </a:lnTo>
                    <a:lnTo>
                      <a:pt x="1385" y="125"/>
                    </a:lnTo>
                    <a:lnTo>
                      <a:pt x="1392" y="114"/>
                    </a:lnTo>
                    <a:lnTo>
                      <a:pt x="1401" y="102"/>
                    </a:lnTo>
                    <a:lnTo>
                      <a:pt x="1412" y="115"/>
                    </a:lnTo>
                    <a:lnTo>
                      <a:pt x="1423" y="131"/>
                    </a:lnTo>
                    <a:lnTo>
                      <a:pt x="1438" y="146"/>
                    </a:lnTo>
                    <a:lnTo>
                      <a:pt x="1453" y="162"/>
                    </a:lnTo>
                    <a:lnTo>
                      <a:pt x="1461" y="169"/>
                    </a:lnTo>
                    <a:lnTo>
                      <a:pt x="1469" y="176"/>
                    </a:lnTo>
                    <a:lnTo>
                      <a:pt x="1478" y="181"/>
                    </a:lnTo>
                    <a:lnTo>
                      <a:pt x="1486" y="186"/>
                    </a:lnTo>
                    <a:lnTo>
                      <a:pt x="1495" y="190"/>
                    </a:lnTo>
                    <a:lnTo>
                      <a:pt x="1502" y="193"/>
                    </a:lnTo>
                    <a:lnTo>
                      <a:pt x="1512" y="194"/>
                    </a:lnTo>
                    <a:lnTo>
                      <a:pt x="1519" y="193"/>
                    </a:lnTo>
                    <a:lnTo>
                      <a:pt x="1526" y="191"/>
                    </a:lnTo>
                    <a:lnTo>
                      <a:pt x="1534" y="189"/>
                    </a:lnTo>
                    <a:lnTo>
                      <a:pt x="1541" y="185"/>
                    </a:lnTo>
                    <a:lnTo>
                      <a:pt x="1549" y="181"/>
                    </a:lnTo>
                    <a:lnTo>
                      <a:pt x="1565" y="171"/>
                    </a:lnTo>
                    <a:lnTo>
                      <a:pt x="1581" y="159"/>
                    </a:lnTo>
                    <a:lnTo>
                      <a:pt x="1598" y="146"/>
                    </a:lnTo>
                    <a:lnTo>
                      <a:pt x="1614" y="134"/>
                    </a:lnTo>
                    <a:lnTo>
                      <a:pt x="1631" y="124"/>
                    </a:lnTo>
                    <a:lnTo>
                      <a:pt x="1646" y="116"/>
                    </a:lnTo>
                    <a:lnTo>
                      <a:pt x="1659" y="112"/>
                    </a:lnTo>
                    <a:lnTo>
                      <a:pt x="1671" y="107"/>
                    </a:lnTo>
                    <a:lnTo>
                      <a:pt x="1683" y="101"/>
                    </a:lnTo>
                    <a:lnTo>
                      <a:pt x="1693" y="94"/>
                    </a:lnTo>
                    <a:lnTo>
                      <a:pt x="1702" y="86"/>
                    </a:lnTo>
                    <a:lnTo>
                      <a:pt x="1710" y="77"/>
                    </a:lnTo>
                    <a:lnTo>
                      <a:pt x="1712" y="72"/>
                    </a:lnTo>
                    <a:lnTo>
                      <a:pt x="1715" y="67"/>
                    </a:lnTo>
                    <a:lnTo>
                      <a:pt x="1717" y="61"/>
                    </a:lnTo>
                    <a:lnTo>
                      <a:pt x="1719" y="55"/>
                    </a:lnTo>
                    <a:lnTo>
                      <a:pt x="1723" y="37"/>
                    </a:lnTo>
                    <a:lnTo>
                      <a:pt x="1729" y="19"/>
                    </a:lnTo>
                    <a:lnTo>
                      <a:pt x="1733" y="11"/>
                    </a:lnTo>
                    <a:lnTo>
                      <a:pt x="1740" y="5"/>
                    </a:lnTo>
                    <a:lnTo>
                      <a:pt x="1743" y="2"/>
                    </a:lnTo>
                    <a:lnTo>
                      <a:pt x="1747" y="1"/>
                    </a:lnTo>
                    <a:lnTo>
                      <a:pt x="1751" y="0"/>
                    </a:lnTo>
                    <a:lnTo>
                      <a:pt x="1756" y="0"/>
                    </a:lnTo>
                    <a:lnTo>
                      <a:pt x="1778" y="2"/>
                    </a:lnTo>
                    <a:lnTo>
                      <a:pt x="1795" y="5"/>
                    </a:lnTo>
                    <a:lnTo>
                      <a:pt x="1809" y="9"/>
                    </a:lnTo>
                    <a:lnTo>
                      <a:pt x="1821" y="14"/>
                    </a:lnTo>
                    <a:lnTo>
                      <a:pt x="1843" y="29"/>
                    </a:lnTo>
                    <a:lnTo>
                      <a:pt x="1873" y="51"/>
                    </a:lnTo>
                    <a:lnTo>
                      <a:pt x="1909" y="77"/>
                    </a:lnTo>
                    <a:lnTo>
                      <a:pt x="1945" y="105"/>
                    </a:lnTo>
                    <a:lnTo>
                      <a:pt x="1965" y="116"/>
                    </a:lnTo>
                    <a:lnTo>
                      <a:pt x="1984" y="125"/>
                    </a:lnTo>
                    <a:lnTo>
                      <a:pt x="1995" y="129"/>
                    </a:lnTo>
                    <a:lnTo>
                      <a:pt x="2005" y="133"/>
                    </a:lnTo>
                    <a:lnTo>
                      <a:pt x="2015" y="136"/>
                    </a:lnTo>
                    <a:lnTo>
                      <a:pt x="2027" y="137"/>
                    </a:lnTo>
                    <a:lnTo>
                      <a:pt x="2049" y="134"/>
                    </a:lnTo>
                    <a:lnTo>
                      <a:pt x="2071" y="131"/>
                    </a:lnTo>
                    <a:lnTo>
                      <a:pt x="2094" y="128"/>
                    </a:lnTo>
                    <a:lnTo>
                      <a:pt x="2118" y="127"/>
                    </a:lnTo>
                    <a:lnTo>
                      <a:pt x="2141" y="125"/>
                    </a:lnTo>
                    <a:lnTo>
                      <a:pt x="2164" y="127"/>
                    </a:lnTo>
                    <a:lnTo>
                      <a:pt x="2186" y="129"/>
                    </a:lnTo>
                    <a:lnTo>
                      <a:pt x="2208" y="133"/>
                    </a:lnTo>
                    <a:lnTo>
                      <a:pt x="2228" y="137"/>
                    </a:lnTo>
                    <a:lnTo>
                      <a:pt x="2246" y="143"/>
                    </a:lnTo>
                    <a:lnTo>
                      <a:pt x="2264" y="151"/>
                    </a:lnTo>
                    <a:lnTo>
                      <a:pt x="2281" y="160"/>
                    </a:lnTo>
                    <a:lnTo>
                      <a:pt x="2288" y="165"/>
                    </a:lnTo>
                    <a:lnTo>
                      <a:pt x="2294" y="171"/>
                    </a:lnTo>
                    <a:lnTo>
                      <a:pt x="2299" y="177"/>
                    </a:lnTo>
                    <a:lnTo>
                      <a:pt x="2304" y="182"/>
                    </a:lnTo>
                    <a:lnTo>
                      <a:pt x="2315" y="194"/>
                    </a:lnTo>
                    <a:lnTo>
                      <a:pt x="2325" y="207"/>
                    </a:lnTo>
                    <a:lnTo>
                      <a:pt x="2326" y="215"/>
                    </a:lnTo>
                    <a:lnTo>
                      <a:pt x="2326" y="221"/>
                    </a:lnTo>
                    <a:lnTo>
                      <a:pt x="2324" y="228"/>
                    </a:lnTo>
                    <a:lnTo>
                      <a:pt x="2321" y="234"/>
                    </a:lnTo>
                    <a:lnTo>
                      <a:pt x="2315" y="247"/>
                    </a:lnTo>
                    <a:lnTo>
                      <a:pt x="2307" y="260"/>
                    </a:lnTo>
                    <a:lnTo>
                      <a:pt x="2302" y="272"/>
                    </a:lnTo>
                    <a:lnTo>
                      <a:pt x="2297" y="283"/>
                    </a:lnTo>
                    <a:lnTo>
                      <a:pt x="2293" y="296"/>
                    </a:lnTo>
                    <a:lnTo>
                      <a:pt x="2291" y="308"/>
                    </a:lnTo>
                    <a:lnTo>
                      <a:pt x="2290" y="321"/>
                    </a:lnTo>
                    <a:lnTo>
                      <a:pt x="2291" y="334"/>
                    </a:lnTo>
                    <a:lnTo>
                      <a:pt x="2293" y="339"/>
                    </a:lnTo>
                    <a:lnTo>
                      <a:pt x="2295" y="346"/>
                    </a:lnTo>
                    <a:lnTo>
                      <a:pt x="2298" y="352"/>
                    </a:lnTo>
                    <a:lnTo>
                      <a:pt x="2302" y="357"/>
                    </a:lnTo>
                    <a:lnTo>
                      <a:pt x="2315" y="378"/>
                    </a:lnTo>
                    <a:lnTo>
                      <a:pt x="2329" y="400"/>
                    </a:lnTo>
                    <a:lnTo>
                      <a:pt x="2343" y="422"/>
                    </a:lnTo>
                    <a:lnTo>
                      <a:pt x="2359" y="441"/>
                    </a:lnTo>
                    <a:lnTo>
                      <a:pt x="2379" y="498"/>
                    </a:lnTo>
                    <a:lnTo>
                      <a:pt x="2372" y="619"/>
                    </a:lnTo>
                    <a:lnTo>
                      <a:pt x="2356" y="631"/>
                    </a:lnTo>
                    <a:lnTo>
                      <a:pt x="2339" y="640"/>
                    </a:lnTo>
                    <a:lnTo>
                      <a:pt x="2324" y="649"/>
                    </a:lnTo>
                    <a:lnTo>
                      <a:pt x="2308" y="655"/>
                    </a:lnTo>
                    <a:lnTo>
                      <a:pt x="2291" y="659"/>
                    </a:lnTo>
                    <a:lnTo>
                      <a:pt x="2275" y="663"/>
                    </a:lnTo>
                    <a:lnTo>
                      <a:pt x="2255" y="666"/>
                    </a:lnTo>
                    <a:lnTo>
                      <a:pt x="2236" y="666"/>
                    </a:lnTo>
                    <a:lnTo>
                      <a:pt x="2229" y="667"/>
                    </a:lnTo>
                    <a:lnTo>
                      <a:pt x="2224" y="668"/>
                    </a:lnTo>
                    <a:lnTo>
                      <a:pt x="2220" y="671"/>
                    </a:lnTo>
                    <a:lnTo>
                      <a:pt x="2218" y="675"/>
                    </a:lnTo>
                    <a:lnTo>
                      <a:pt x="2216" y="678"/>
                    </a:lnTo>
                    <a:lnTo>
                      <a:pt x="2215" y="684"/>
                    </a:lnTo>
                    <a:lnTo>
                      <a:pt x="2215" y="690"/>
                    </a:lnTo>
                    <a:lnTo>
                      <a:pt x="2216" y="697"/>
                    </a:lnTo>
                    <a:lnTo>
                      <a:pt x="2219" y="710"/>
                    </a:lnTo>
                    <a:lnTo>
                      <a:pt x="2221" y="724"/>
                    </a:lnTo>
                    <a:lnTo>
                      <a:pt x="2221" y="730"/>
                    </a:lnTo>
                    <a:lnTo>
                      <a:pt x="2223" y="737"/>
                    </a:lnTo>
                    <a:lnTo>
                      <a:pt x="2221" y="743"/>
                    </a:lnTo>
                    <a:lnTo>
                      <a:pt x="2220" y="750"/>
                    </a:lnTo>
                    <a:lnTo>
                      <a:pt x="2212" y="767"/>
                    </a:lnTo>
                    <a:lnTo>
                      <a:pt x="2203" y="782"/>
                    </a:lnTo>
                    <a:lnTo>
                      <a:pt x="2199" y="789"/>
                    </a:lnTo>
                    <a:lnTo>
                      <a:pt x="2197" y="798"/>
                    </a:lnTo>
                    <a:lnTo>
                      <a:pt x="2194" y="807"/>
                    </a:lnTo>
                    <a:lnTo>
                      <a:pt x="2193" y="817"/>
                    </a:lnTo>
                    <a:lnTo>
                      <a:pt x="2192" y="824"/>
                    </a:lnTo>
                    <a:lnTo>
                      <a:pt x="2190" y="830"/>
                    </a:lnTo>
                    <a:lnTo>
                      <a:pt x="2188" y="835"/>
                    </a:lnTo>
                    <a:lnTo>
                      <a:pt x="2185" y="840"/>
                    </a:lnTo>
                    <a:lnTo>
                      <a:pt x="2179" y="851"/>
                    </a:lnTo>
                    <a:lnTo>
                      <a:pt x="2170" y="861"/>
                    </a:lnTo>
                    <a:lnTo>
                      <a:pt x="2162" y="871"/>
                    </a:lnTo>
                    <a:lnTo>
                      <a:pt x="2154" y="882"/>
                    </a:lnTo>
                    <a:lnTo>
                      <a:pt x="2150" y="887"/>
                    </a:lnTo>
                    <a:lnTo>
                      <a:pt x="2148" y="892"/>
                    </a:lnTo>
                    <a:lnTo>
                      <a:pt x="2145" y="899"/>
                    </a:lnTo>
                    <a:lnTo>
                      <a:pt x="2144" y="905"/>
                    </a:lnTo>
                    <a:lnTo>
                      <a:pt x="2141" y="925"/>
                    </a:lnTo>
                    <a:lnTo>
                      <a:pt x="2136" y="944"/>
                    </a:lnTo>
                    <a:lnTo>
                      <a:pt x="2131" y="963"/>
                    </a:lnTo>
                    <a:lnTo>
                      <a:pt x="2124" y="982"/>
                    </a:lnTo>
                    <a:lnTo>
                      <a:pt x="2110" y="1019"/>
                    </a:lnTo>
                    <a:lnTo>
                      <a:pt x="2096" y="1055"/>
                    </a:lnTo>
                    <a:lnTo>
                      <a:pt x="2028" y="1088"/>
                    </a:lnTo>
                    <a:lnTo>
                      <a:pt x="1995" y="1098"/>
                    </a:lnTo>
                    <a:lnTo>
                      <a:pt x="1964" y="1107"/>
                    </a:lnTo>
                    <a:lnTo>
                      <a:pt x="1933" y="1114"/>
                    </a:lnTo>
                    <a:lnTo>
                      <a:pt x="1899" y="1120"/>
                    </a:lnTo>
                    <a:lnTo>
                      <a:pt x="1882" y="1124"/>
                    </a:lnTo>
                    <a:lnTo>
                      <a:pt x="1866" y="1131"/>
                    </a:lnTo>
                    <a:lnTo>
                      <a:pt x="1850" y="1137"/>
                    </a:lnTo>
                    <a:lnTo>
                      <a:pt x="1834" y="1145"/>
                    </a:lnTo>
                    <a:lnTo>
                      <a:pt x="1817" y="1151"/>
                    </a:lnTo>
                    <a:lnTo>
                      <a:pt x="1802" y="1156"/>
                    </a:lnTo>
                    <a:lnTo>
                      <a:pt x="1794" y="1158"/>
                    </a:lnTo>
                    <a:lnTo>
                      <a:pt x="1786" y="1159"/>
                    </a:lnTo>
                    <a:lnTo>
                      <a:pt x="1778" y="1160"/>
                    </a:lnTo>
                    <a:lnTo>
                      <a:pt x="1771" y="1159"/>
                    </a:lnTo>
                    <a:lnTo>
                      <a:pt x="1750" y="1158"/>
                    </a:lnTo>
                    <a:lnTo>
                      <a:pt x="1730" y="1156"/>
                    </a:lnTo>
                    <a:lnTo>
                      <a:pt x="1721" y="1156"/>
                    </a:lnTo>
                    <a:lnTo>
                      <a:pt x="1712" y="1156"/>
                    </a:lnTo>
                    <a:lnTo>
                      <a:pt x="1702" y="1158"/>
                    </a:lnTo>
                    <a:lnTo>
                      <a:pt x="1692" y="1160"/>
                    </a:lnTo>
                    <a:lnTo>
                      <a:pt x="1679" y="1164"/>
                    </a:lnTo>
                    <a:lnTo>
                      <a:pt x="1666" y="1171"/>
                    </a:lnTo>
                    <a:lnTo>
                      <a:pt x="1655" y="1177"/>
                    </a:lnTo>
                    <a:lnTo>
                      <a:pt x="1644" y="1184"/>
                    </a:lnTo>
                    <a:lnTo>
                      <a:pt x="1623" y="1199"/>
                    </a:lnTo>
                    <a:lnTo>
                      <a:pt x="1601" y="1216"/>
                    </a:lnTo>
                    <a:lnTo>
                      <a:pt x="1581" y="1228"/>
                    </a:lnTo>
                    <a:lnTo>
                      <a:pt x="1566" y="1236"/>
                    </a:lnTo>
                    <a:lnTo>
                      <a:pt x="1553" y="1239"/>
                    </a:lnTo>
                    <a:lnTo>
                      <a:pt x="1540" y="1242"/>
                    </a:lnTo>
                    <a:lnTo>
                      <a:pt x="1512" y="1241"/>
                    </a:lnTo>
                    <a:lnTo>
                      <a:pt x="1474" y="1236"/>
                    </a:lnTo>
                    <a:lnTo>
                      <a:pt x="1312" y="1236"/>
                    </a:lnTo>
                    <a:lnTo>
                      <a:pt x="1300" y="1216"/>
                    </a:lnTo>
                    <a:lnTo>
                      <a:pt x="1289" y="1199"/>
                    </a:lnTo>
                    <a:lnTo>
                      <a:pt x="1277" y="1184"/>
                    </a:lnTo>
                    <a:lnTo>
                      <a:pt x="1264" y="1171"/>
                    </a:lnTo>
                    <a:lnTo>
                      <a:pt x="1256" y="1164"/>
                    </a:lnTo>
                    <a:lnTo>
                      <a:pt x="1249" y="1159"/>
                    </a:lnTo>
                    <a:lnTo>
                      <a:pt x="1241" y="1154"/>
                    </a:lnTo>
                    <a:lnTo>
                      <a:pt x="1232" y="1150"/>
                    </a:lnTo>
                    <a:lnTo>
                      <a:pt x="1223" y="1146"/>
                    </a:lnTo>
                    <a:lnTo>
                      <a:pt x="1212" y="1144"/>
                    </a:lnTo>
                    <a:lnTo>
                      <a:pt x="1202" y="1141"/>
                    </a:lnTo>
                    <a:lnTo>
                      <a:pt x="1190" y="1140"/>
                    </a:lnTo>
                    <a:lnTo>
                      <a:pt x="1176" y="1137"/>
                    </a:lnTo>
                    <a:lnTo>
                      <a:pt x="1163" y="1134"/>
                    </a:lnTo>
                    <a:lnTo>
                      <a:pt x="1151" y="1131"/>
                    </a:lnTo>
                    <a:lnTo>
                      <a:pt x="1140" y="1125"/>
                    </a:lnTo>
                    <a:lnTo>
                      <a:pt x="1118" y="1115"/>
                    </a:lnTo>
                    <a:lnTo>
                      <a:pt x="1097" y="1103"/>
                    </a:lnTo>
                    <a:lnTo>
                      <a:pt x="1075" y="1092"/>
                    </a:lnTo>
                    <a:lnTo>
                      <a:pt x="1053" y="1080"/>
                    </a:lnTo>
                    <a:lnTo>
                      <a:pt x="1041" y="1076"/>
                    </a:lnTo>
                    <a:lnTo>
                      <a:pt x="1028" y="1072"/>
                    </a:lnTo>
                    <a:lnTo>
                      <a:pt x="1014" y="1070"/>
                    </a:lnTo>
                    <a:lnTo>
                      <a:pt x="1000" y="1067"/>
                    </a:lnTo>
                    <a:lnTo>
                      <a:pt x="983" y="1066"/>
                    </a:lnTo>
                    <a:lnTo>
                      <a:pt x="967" y="1065"/>
                    </a:lnTo>
                    <a:lnTo>
                      <a:pt x="952" y="1062"/>
                    </a:lnTo>
                    <a:lnTo>
                      <a:pt x="938" y="1058"/>
                    </a:lnTo>
                    <a:lnTo>
                      <a:pt x="923" y="1054"/>
                    </a:lnTo>
                    <a:lnTo>
                      <a:pt x="909" y="1048"/>
                    </a:lnTo>
                    <a:lnTo>
                      <a:pt x="895" y="1041"/>
                    </a:lnTo>
                    <a:lnTo>
                      <a:pt x="879" y="1032"/>
                    </a:lnTo>
                    <a:lnTo>
                      <a:pt x="868" y="1020"/>
                    </a:lnTo>
                    <a:lnTo>
                      <a:pt x="859" y="1010"/>
                    </a:lnTo>
                    <a:lnTo>
                      <a:pt x="851" y="1000"/>
                    </a:lnTo>
                    <a:lnTo>
                      <a:pt x="844" y="989"/>
                    </a:lnTo>
                    <a:lnTo>
                      <a:pt x="839" y="980"/>
                    </a:lnTo>
                    <a:lnTo>
                      <a:pt x="837" y="970"/>
                    </a:lnTo>
                    <a:lnTo>
                      <a:pt x="834" y="961"/>
                    </a:lnTo>
                    <a:lnTo>
                      <a:pt x="833" y="952"/>
                    </a:lnTo>
                    <a:lnTo>
                      <a:pt x="834" y="909"/>
                    </a:lnTo>
                    <a:lnTo>
                      <a:pt x="835" y="857"/>
                    </a:lnTo>
                    <a:lnTo>
                      <a:pt x="834" y="852"/>
                    </a:lnTo>
                    <a:lnTo>
                      <a:pt x="833" y="848"/>
                    </a:lnTo>
                    <a:lnTo>
                      <a:pt x="831" y="846"/>
                    </a:lnTo>
                    <a:lnTo>
                      <a:pt x="829" y="842"/>
                    </a:lnTo>
                    <a:lnTo>
                      <a:pt x="821" y="837"/>
                    </a:lnTo>
                    <a:lnTo>
                      <a:pt x="812" y="833"/>
                    </a:lnTo>
                    <a:lnTo>
                      <a:pt x="802" y="829"/>
                    </a:lnTo>
                    <a:lnTo>
                      <a:pt x="790" y="826"/>
                    </a:lnTo>
                    <a:lnTo>
                      <a:pt x="776" y="825"/>
                    </a:lnTo>
                    <a:lnTo>
                      <a:pt x="763" y="825"/>
                    </a:lnTo>
                    <a:lnTo>
                      <a:pt x="706" y="827"/>
                    </a:lnTo>
                    <a:lnTo>
                      <a:pt x="664" y="830"/>
                    </a:lnTo>
                    <a:lnTo>
                      <a:pt x="649" y="829"/>
                    </a:lnTo>
                    <a:lnTo>
                      <a:pt x="633" y="827"/>
                    </a:lnTo>
                    <a:lnTo>
                      <a:pt x="616" y="825"/>
                    </a:lnTo>
                    <a:lnTo>
                      <a:pt x="601" y="822"/>
                    </a:lnTo>
                    <a:lnTo>
                      <a:pt x="585" y="820"/>
                    </a:lnTo>
                    <a:lnTo>
                      <a:pt x="570" y="817"/>
                    </a:lnTo>
                    <a:lnTo>
                      <a:pt x="554" y="816"/>
                    </a:lnTo>
                    <a:lnTo>
                      <a:pt x="540" y="816"/>
                    </a:lnTo>
                    <a:lnTo>
                      <a:pt x="530" y="817"/>
                    </a:lnTo>
                    <a:lnTo>
                      <a:pt x="519" y="818"/>
                    </a:lnTo>
                    <a:lnTo>
                      <a:pt x="509" y="822"/>
                    </a:lnTo>
                    <a:lnTo>
                      <a:pt x="498" y="826"/>
                    </a:lnTo>
                    <a:lnTo>
                      <a:pt x="479" y="835"/>
                    </a:lnTo>
                    <a:lnTo>
                      <a:pt x="460" y="846"/>
                    </a:lnTo>
                    <a:lnTo>
                      <a:pt x="439" y="855"/>
                    </a:lnTo>
                    <a:lnTo>
                      <a:pt x="419" y="862"/>
                    </a:lnTo>
                    <a:lnTo>
                      <a:pt x="409" y="865"/>
                    </a:lnTo>
                    <a:lnTo>
                      <a:pt x="400" y="866"/>
                    </a:lnTo>
                    <a:lnTo>
                      <a:pt x="390" y="866"/>
                    </a:lnTo>
                    <a:lnTo>
                      <a:pt x="379" y="865"/>
                    </a:lnTo>
                    <a:lnTo>
                      <a:pt x="365" y="860"/>
                    </a:lnTo>
                    <a:lnTo>
                      <a:pt x="347" y="851"/>
                    </a:lnTo>
                    <a:lnTo>
                      <a:pt x="339" y="847"/>
                    </a:lnTo>
                    <a:lnTo>
                      <a:pt x="330" y="843"/>
                    </a:lnTo>
                    <a:lnTo>
                      <a:pt x="324" y="842"/>
                    </a:lnTo>
                    <a:lnTo>
                      <a:pt x="320" y="842"/>
                    </a:lnTo>
                    <a:lnTo>
                      <a:pt x="300" y="855"/>
                    </a:lnTo>
                    <a:lnTo>
                      <a:pt x="279" y="870"/>
                    </a:lnTo>
                    <a:lnTo>
                      <a:pt x="270" y="878"/>
                    </a:lnTo>
                    <a:lnTo>
                      <a:pt x="260" y="884"/>
                    </a:lnTo>
                    <a:lnTo>
                      <a:pt x="248" y="890"/>
                    </a:lnTo>
                    <a:lnTo>
                      <a:pt x="237" y="892"/>
                    </a:lnTo>
                    <a:lnTo>
                      <a:pt x="228" y="888"/>
                    </a:lnTo>
                    <a:lnTo>
                      <a:pt x="217" y="886"/>
                    </a:lnTo>
                    <a:lnTo>
                      <a:pt x="208" y="883"/>
                    </a:lnTo>
                    <a:lnTo>
                      <a:pt x="198" y="882"/>
                    </a:lnTo>
                    <a:lnTo>
                      <a:pt x="177" y="882"/>
                    </a:lnTo>
                    <a:lnTo>
                      <a:pt x="158" y="884"/>
                    </a:lnTo>
                    <a:lnTo>
                      <a:pt x="147" y="886"/>
                    </a:lnTo>
                    <a:lnTo>
                      <a:pt x="138" y="886"/>
                    </a:lnTo>
                    <a:lnTo>
                      <a:pt x="130" y="886"/>
                    </a:lnTo>
                    <a:lnTo>
                      <a:pt x="123" y="884"/>
                    </a:lnTo>
                    <a:lnTo>
                      <a:pt x="115" y="882"/>
                    </a:lnTo>
                    <a:lnTo>
                      <a:pt x="108" y="877"/>
                    </a:lnTo>
                    <a:lnTo>
                      <a:pt x="102" y="871"/>
                    </a:lnTo>
                    <a:lnTo>
                      <a:pt x="96" y="862"/>
                    </a:lnTo>
                    <a:lnTo>
                      <a:pt x="89" y="851"/>
                    </a:lnTo>
                    <a:lnTo>
                      <a:pt x="85" y="840"/>
                    </a:lnTo>
                    <a:lnTo>
                      <a:pt x="81" y="829"/>
                    </a:lnTo>
                    <a:lnTo>
                      <a:pt x="77" y="818"/>
                    </a:lnTo>
                    <a:lnTo>
                      <a:pt x="72" y="808"/>
                    </a:lnTo>
                    <a:lnTo>
                      <a:pt x="66" y="799"/>
                    </a:lnTo>
                    <a:lnTo>
                      <a:pt x="62" y="795"/>
                    </a:lnTo>
                    <a:lnTo>
                      <a:pt x="57" y="792"/>
                    </a:lnTo>
                    <a:lnTo>
                      <a:pt x="51" y="789"/>
                    </a:lnTo>
                    <a:lnTo>
                      <a:pt x="45" y="786"/>
                    </a:lnTo>
                    <a:lnTo>
                      <a:pt x="40" y="767"/>
                    </a:lnTo>
                    <a:lnTo>
                      <a:pt x="36" y="759"/>
                    </a:lnTo>
                    <a:lnTo>
                      <a:pt x="32" y="751"/>
                    </a:lnTo>
                    <a:lnTo>
                      <a:pt x="28" y="742"/>
                    </a:lnTo>
                    <a:lnTo>
                      <a:pt x="26" y="733"/>
                    </a:lnTo>
                    <a:lnTo>
                      <a:pt x="22" y="702"/>
                    </a:lnTo>
                    <a:lnTo>
                      <a:pt x="19" y="691"/>
                    </a:lnTo>
                    <a:lnTo>
                      <a:pt x="15" y="681"/>
                    </a:lnTo>
                    <a:lnTo>
                      <a:pt x="7" y="672"/>
                    </a:lnTo>
                    <a:lnTo>
                      <a:pt x="0" y="663"/>
                    </a:lnTo>
                    <a:lnTo>
                      <a:pt x="9" y="658"/>
                    </a:lnTo>
                    <a:lnTo>
                      <a:pt x="20" y="653"/>
                    </a:lnTo>
                    <a:lnTo>
                      <a:pt x="24" y="650"/>
                    </a:lnTo>
                    <a:lnTo>
                      <a:pt x="27" y="647"/>
                    </a:lnTo>
                    <a:lnTo>
                      <a:pt x="28" y="644"/>
                    </a:lnTo>
                    <a:lnTo>
                      <a:pt x="29" y="640"/>
                    </a:lnTo>
                    <a:lnTo>
                      <a:pt x="31" y="629"/>
                    </a:lnTo>
                    <a:lnTo>
                      <a:pt x="31" y="619"/>
                    </a:lnTo>
                    <a:lnTo>
                      <a:pt x="31" y="607"/>
                    </a:lnTo>
                    <a:lnTo>
                      <a:pt x="29" y="598"/>
                    </a:lnTo>
                    <a:lnTo>
                      <a:pt x="29" y="588"/>
                    </a:lnTo>
                    <a:lnTo>
                      <a:pt x="31" y="576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6" name="Freeform 151">
                <a:extLst>
                  <a:ext uri="{FF2B5EF4-FFF2-40B4-BE49-F238E27FC236}">
                    <a16:creationId xmlns:a16="http://schemas.microsoft.com/office/drawing/2014/main" id="{7BF24422-E793-4C40-975C-85DFB46D6F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36526" y="4246753"/>
                <a:ext cx="1083906" cy="561761"/>
              </a:xfrm>
              <a:custGeom>
                <a:avLst/>
                <a:gdLst/>
                <a:ahLst/>
                <a:cxnLst>
                  <a:cxn ang="0">
                    <a:pos x="215" y="673"/>
                  </a:cxn>
                  <a:cxn ang="0">
                    <a:pos x="279" y="685"/>
                  </a:cxn>
                  <a:cxn ang="0">
                    <a:pos x="302" y="596"/>
                  </a:cxn>
                  <a:cxn ang="0">
                    <a:pos x="340" y="576"/>
                  </a:cxn>
                  <a:cxn ang="0">
                    <a:pos x="404" y="634"/>
                  </a:cxn>
                  <a:cxn ang="0">
                    <a:pos x="496" y="659"/>
                  </a:cxn>
                  <a:cxn ang="0">
                    <a:pos x="625" y="636"/>
                  </a:cxn>
                  <a:cxn ang="0">
                    <a:pos x="785" y="625"/>
                  </a:cxn>
                  <a:cxn ang="0">
                    <a:pos x="851" y="553"/>
                  </a:cxn>
                  <a:cxn ang="0">
                    <a:pos x="901" y="575"/>
                  </a:cxn>
                  <a:cxn ang="0">
                    <a:pos x="996" y="605"/>
                  </a:cxn>
                  <a:cxn ang="0">
                    <a:pos x="1065" y="653"/>
                  </a:cxn>
                  <a:cxn ang="0">
                    <a:pos x="1092" y="607"/>
                  </a:cxn>
                  <a:cxn ang="0">
                    <a:pos x="1019" y="390"/>
                  </a:cxn>
                  <a:cxn ang="0">
                    <a:pos x="1098" y="356"/>
                  </a:cxn>
                  <a:cxn ang="0">
                    <a:pos x="1210" y="344"/>
                  </a:cxn>
                  <a:cxn ang="0">
                    <a:pos x="1255" y="259"/>
                  </a:cxn>
                  <a:cxn ang="0">
                    <a:pos x="1304" y="221"/>
                  </a:cxn>
                  <a:cxn ang="0">
                    <a:pos x="1375" y="185"/>
                  </a:cxn>
                  <a:cxn ang="0">
                    <a:pos x="1412" y="115"/>
                  </a:cxn>
                  <a:cxn ang="0">
                    <a:pos x="1495" y="190"/>
                  </a:cxn>
                  <a:cxn ang="0">
                    <a:pos x="1565" y="171"/>
                  </a:cxn>
                  <a:cxn ang="0">
                    <a:pos x="1683" y="101"/>
                  </a:cxn>
                  <a:cxn ang="0">
                    <a:pos x="1723" y="37"/>
                  </a:cxn>
                  <a:cxn ang="0">
                    <a:pos x="1778" y="2"/>
                  </a:cxn>
                  <a:cxn ang="0">
                    <a:pos x="1965" y="116"/>
                  </a:cxn>
                  <a:cxn ang="0">
                    <a:pos x="2094" y="128"/>
                  </a:cxn>
                  <a:cxn ang="0">
                    <a:pos x="2264" y="151"/>
                  </a:cxn>
                  <a:cxn ang="0">
                    <a:pos x="2325" y="207"/>
                  </a:cxn>
                  <a:cxn ang="0">
                    <a:pos x="2297" y="283"/>
                  </a:cxn>
                  <a:cxn ang="0">
                    <a:pos x="2302" y="357"/>
                  </a:cxn>
                  <a:cxn ang="0">
                    <a:pos x="2356" y="631"/>
                  </a:cxn>
                  <a:cxn ang="0">
                    <a:pos x="2229" y="667"/>
                  </a:cxn>
                  <a:cxn ang="0">
                    <a:pos x="2219" y="710"/>
                  </a:cxn>
                  <a:cxn ang="0">
                    <a:pos x="2199" y="789"/>
                  </a:cxn>
                  <a:cxn ang="0">
                    <a:pos x="2179" y="851"/>
                  </a:cxn>
                  <a:cxn ang="0">
                    <a:pos x="2141" y="925"/>
                  </a:cxn>
                  <a:cxn ang="0">
                    <a:pos x="1995" y="1098"/>
                  </a:cxn>
                  <a:cxn ang="0">
                    <a:pos x="1817" y="1151"/>
                  </a:cxn>
                  <a:cxn ang="0">
                    <a:pos x="1721" y="1156"/>
                  </a:cxn>
                  <a:cxn ang="0">
                    <a:pos x="1623" y="1199"/>
                  </a:cxn>
                  <a:cxn ang="0">
                    <a:pos x="1312" y="1236"/>
                  </a:cxn>
                  <a:cxn ang="0">
                    <a:pos x="1241" y="1154"/>
                  </a:cxn>
                  <a:cxn ang="0">
                    <a:pos x="1151" y="1131"/>
                  </a:cxn>
                  <a:cxn ang="0">
                    <a:pos x="1014" y="1070"/>
                  </a:cxn>
                  <a:cxn ang="0">
                    <a:pos x="895" y="1041"/>
                  </a:cxn>
                  <a:cxn ang="0">
                    <a:pos x="834" y="961"/>
                  </a:cxn>
                  <a:cxn ang="0">
                    <a:pos x="821" y="837"/>
                  </a:cxn>
                  <a:cxn ang="0">
                    <a:pos x="649" y="829"/>
                  </a:cxn>
                  <a:cxn ang="0">
                    <a:pos x="530" y="817"/>
                  </a:cxn>
                  <a:cxn ang="0">
                    <a:pos x="409" y="865"/>
                  </a:cxn>
                  <a:cxn ang="0">
                    <a:pos x="324" y="842"/>
                  </a:cxn>
                  <a:cxn ang="0">
                    <a:pos x="237" y="892"/>
                  </a:cxn>
                  <a:cxn ang="0">
                    <a:pos x="138" y="886"/>
                  </a:cxn>
                  <a:cxn ang="0">
                    <a:pos x="85" y="840"/>
                  </a:cxn>
                  <a:cxn ang="0">
                    <a:pos x="45" y="786"/>
                  </a:cxn>
                  <a:cxn ang="0">
                    <a:pos x="19" y="691"/>
                  </a:cxn>
                  <a:cxn ang="0">
                    <a:pos x="27" y="647"/>
                  </a:cxn>
                  <a:cxn ang="0">
                    <a:pos x="31" y="576"/>
                  </a:cxn>
                </a:cxnLst>
                <a:rect l="0" t="0" r="r" b="b"/>
                <a:pathLst>
                  <a:path w="2379" h="1242">
                    <a:moveTo>
                      <a:pt x="31" y="576"/>
                    </a:moveTo>
                    <a:lnTo>
                      <a:pt x="86" y="566"/>
                    </a:lnTo>
                    <a:lnTo>
                      <a:pt x="101" y="581"/>
                    </a:lnTo>
                    <a:lnTo>
                      <a:pt x="121" y="601"/>
                    </a:lnTo>
                    <a:lnTo>
                      <a:pt x="142" y="620"/>
                    </a:lnTo>
                    <a:lnTo>
                      <a:pt x="158" y="632"/>
                    </a:lnTo>
                    <a:lnTo>
                      <a:pt x="184" y="651"/>
                    </a:lnTo>
                    <a:lnTo>
                      <a:pt x="215" y="673"/>
                    </a:lnTo>
                    <a:lnTo>
                      <a:pt x="222" y="678"/>
                    </a:lnTo>
                    <a:lnTo>
                      <a:pt x="230" y="684"/>
                    </a:lnTo>
                    <a:lnTo>
                      <a:pt x="239" y="686"/>
                    </a:lnTo>
                    <a:lnTo>
                      <a:pt x="247" y="689"/>
                    </a:lnTo>
                    <a:lnTo>
                      <a:pt x="255" y="690"/>
                    </a:lnTo>
                    <a:lnTo>
                      <a:pt x="264" y="690"/>
                    </a:lnTo>
                    <a:lnTo>
                      <a:pt x="272" y="689"/>
                    </a:lnTo>
                    <a:lnTo>
                      <a:pt x="279" y="685"/>
                    </a:lnTo>
                    <a:lnTo>
                      <a:pt x="283" y="681"/>
                    </a:lnTo>
                    <a:lnTo>
                      <a:pt x="287" y="676"/>
                    </a:lnTo>
                    <a:lnTo>
                      <a:pt x="290" y="669"/>
                    </a:lnTo>
                    <a:lnTo>
                      <a:pt x="291" y="663"/>
                    </a:lnTo>
                    <a:lnTo>
                      <a:pt x="294" y="646"/>
                    </a:lnTo>
                    <a:lnTo>
                      <a:pt x="295" y="628"/>
                    </a:lnTo>
                    <a:lnTo>
                      <a:pt x="298" y="611"/>
                    </a:lnTo>
                    <a:lnTo>
                      <a:pt x="302" y="596"/>
                    </a:lnTo>
                    <a:lnTo>
                      <a:pt x="304" y="588"/>
                    </a:lnTo>
                    <a:lnTo>
                      <a:pt x="308" y="583"/>
                    </a:lnTo>
                    <a:lnTo>
                      <a:pt x="313" y="579"/>
                    </a:lnTo>
                    <a:lnTo>
                      <a:pt x="320" y="576"/>
                    </a:lnTo>
                    <a:lnTo>
                      <a:pt x="325" y="575"/>
                    </a:lnTo>
                    <a:lnTo>
                      <a:pt x="330" y="575"/>
                    </a:lnTo>
                    <a:lnTo>
                      <a:pt x="335" y="575"/>
                    </a:lnTo>
                    <a:lnTo>
                      <a:pt x="340" y="576"/>
                    </a:lnTo>
                    <a:lnTo>
                      <a:pt x="349" y="579"/>
                    </a:lnTo>
                    <a:lnTo>
                      <a:pt x="359" y="584"/>
                    </a:lnTo>
                    <a:lnTo>
                      <a:pt x="366" y="590"/>
                    </a:lnTo>
                    <a:lnTo>
                      <a:pt x="374" y="598"/>
                    </a:lnTo>
                    <a:lnTo>
                      <a:pt x="381" y="606"/>
                    </a:lnTo>
                    <a:lnTo>
                      <a:pt x="386" y="614"/>
                    </a:lnTo>
                    <a:lnTo>
                      <a:pt x="395" y="625"/>
                    </a:lnTo>
                    <a:lnTo>
                      <a:pt x="404" y="634"/>
                    </a:lnTo>
                    <a:lnTo>
                      <a:pt x="414" y="642"/>
                    </a:lnTo>
                    <a:lnTo>
                      <a:pt x="425" y="649"/>
                    </a:lnTo>
                    <a:lnTo>
                      <a:pt x="436" y="654"/>
                    </a:lnTo>
                    <a:lnTo>
                      <a:pt x="448" y="656"/>
                    </a:lnTo>
                    <a:lnTo>
                      <a:pt x="460" y="659"/>
                    </a:lnTo>
                    <a:lnTo>
                      <a:pt x="471" y="660"/>
                    </a:lnTo>
                    <a:lnTo>
                      <a:pt x="484" y="659"/>
                    </a:lnTo>
                    <a:lnTo>
                      <a:pt x="496" y="659"/>
                    </a:lnTo>
                    <a:lnTo>
                      <a:pt x="509" y="656"/>
                    </a:lnTo>
                    <a:lnTo>
                      <a:pt x="522" y="655"/>
                    </a:lnTo>
                    <a:lnTo>
                      <a:pt x="546" y="649"/>
                    </a:lnTo>
                    <a:lnTo>
                      <a:pt x="572" y="642"/>
                    </a:lnTo>
                    <a:lnTo>
                      <a:pt x="585" y="638"/>
                    </a:lnTo>
                    <a:lnTo>
                      <a:pt x="598" y="636"/>
                    </a:lnTo>
                    <a:lnTo>
                      <a:pt x="611" y="636"/>
                    </a:lnTo>
                    <a:lnTo>
                      <a:pt x="625" y="636"/>
                    </a:lnTo>
                    <a:lnTo>
                      <a:pt x="651" y="637"/>
                    </a:lnTo>
                    <a:lnTo>
                      <a:pt x="678" y="640"/>
                    </a:lnTo>
                    <a:lnTo>
                      <a:pt x="706" y="641"/>
                    </a:lnTo>
                    <a:lnTo>
                      <a:pt x="732" y="641"/>
                    </a:lnTo>
                    <a:lnTo>
                      <a:pt x="746" y="640"/>
                    </a:lnTo>
                    <a:lnTo>
                      <a:pt x="759" y="636"/>
                    </a:lnTo>
                    <a:lnTo>
                      <a:pt x="772" y="632"/>
                    </a:lnTo>
                    <a:lnTo>
                      <a:pt x="785" y="625"/>
                    </a:lnTo>
                    <a:lnTo>
                      <a:pt x="798" y="611"/>
                    </a:lnTo>
                    <a:lnTo>
                      <a:pt x="808" y="594"/>
                    </a:lnTo>
                    <a:lnTo>
                      <a:pt x="813" y="587"/>
                    </a:lnTo>
                    <a:lnTo>
                      <a:pt x="820" y="579"/>
                    </a:lnTo>
                    <a:lnTo>
                      <a:pt x="825" y="571"/>
                    </a:lnTo>
                    <a:lnTo>
                      <a:pt x="833" y="564"/>
                    </a:lnTo>
                    <a:lnTo>
                      <a:pt x="840" y="558"/>
                    </a:lnTo>
                    <a:lnTo>
                      <a:pt x="851" y="553"/>
                    </a:lnTo>
                    <a:lnTo>
                      <a:pt x="856" y="552"/>
                    </a:lnTo>
                    <a:lnTo>
                      <a:pt x="861" y="552"/>
                    </a:lnTo>
                    <a:lnTo>
                      <a:pt x="866" y="553"/>
                    </a:lnTo>
                    <a:lnTo>
                      <a:pt x="872" y="555"/>
                    </a:lnTo>
                    <a:lnTo>
                      <a:pt x="881" y="562"/>
                    </a:lnTo>
                    <a:lnTo>
                      <a:pt x="891" y="568"/>
                    </a:lnTo>
                    <a:lnTo>
                      <a:pt x="896" y="572"/>
                    </a:lnTo>
                    <a:lnTo>
                      <a:pt x="901" y="575"/>
                    </a:lnTo>
                    <a:lnTo>
                      <a:pt x="908" y="576"/>
                    </a:lnTo>
                    <a:lnTo>
                      <a:pt x="913" y="577"/>
                    </a:lnTo>
                    <a:lnTo>
                      <a:pt x="931" y="579"/>
                    </a:lnTo>
                    <a:lnTo>
                      <a:pt x="945" y="581"/>
                    </a:lnTo>
                    <a:lnTo>
                      <a:pt x="961" y="587"/>
                    </a:lnTo>
                    <a:lnTo>
                      <a:pt x="978" y="593"/>
                    </a:lnTo>
                    <a:lnTo>
                      <a:pt x="987" y="597"/>
                    </a:lnTo>
                    <a:lnTo>
                      <a:pt x="996" y="605"/>
                    </a:lnTo>
                    <a:lnTo>
                      <a:pt x="1004" y="612"/>
                    </a:lnTo>
                    <a:lnTo>
                      <a:pt x="1010" y="620"/>
                    </a:lnTo>
                    <a:lnTo>
                      <a:pt x="1018" y="629"/>
                    </a:lnTo>
                    <a:lnTo>
                      <a:pt x="1024" y="637"/>
                    </a:lnTo>
                    <a:lnTo>
                      <a:pt x="1033" y="645"/>
                    </a:lnTo>
                    <a:lnTo>
                      <a:pt x="1043" y="651"/>
                    </a:lnTo>
                    <a:lnTo>
                      <a:pt x="1054" y="653"/>
                    </a:lnTo>
                    <a:lnTo>
                      <a:pt x="1065" y="653"/>
                    </a:lnTo>
                    <a:lnTo>
                      <a:pt x="1072" y="651"/>
                    </a:lnTo>
                    <a:lnTo>
                      <a:pt x="1079" y="649"/>
                    </a:lnTo>
                    <a:lnTo>
                      <a:pt x="1084" y="645"/>
                    </a:lnTo>
                    <a:lnTo>
                      <a:pt x="1088" y="638"/>
                    </a:lnTo>
                    <a:lnTo>
                      <a:pt x="1090" y="632"/>
                    </a:lnTo>
                    <a:lnTo>
                      <a:pt x="1093" y="624"/>
                    </a:lnTo>
                    <a:lnTo>
                      <a:pt x="1093" y="616"/>
                    </a:lnTo>
                    <a:lnTo>
                      <a:pt x="1092" y="607"/>
                    </a:lnTo>
                    <a:lnTo>
                      <a:pt x="1090" y="597"/>
                    </a:lnTo>
                    <a:lnTo>
                      <a:pt x="1088" y="585"/>
                    </a:lnTo>
                    <a:lnTo>
                      <a:pt x="1081" y="562"/>
                    </a:lnTo>
                    <a:lnTo>
                      <a:pt x="1072" y="537"/>
                    </a:lnTo>
                    <a:lnTo>
                      <a:pt x="1052" y="484"/>
                    </a:lnTo>
                    <a:lnTo>
                      <a:pt x="1032" y="432"/>
                    </a:lnTo>
                    <a:lnTo>
                      <a:pt x="1024" y="410"/>
                    </a:lnTo>
                    <a:lnTo>
                      <a:pt x="1019" y="390"/>
                    </a:lnTo>
                    <a:lnTo>
                      <a:pt x="1018" y="381"/>
                    </a:lnTo>
                    <a:lnTo>
                      <a:pt x="1017" y="373"/>
                    </a:lnTo>
                    <a:lnTo>
                      <a:pt x="1017" y="365"/>
                    </a:lnTo>
                    <a:lnTo>
                      <a:pt x="1018" y="359"/>
                    </a:lnTo>
                    <a:lnTo>
                      <a:pt x="1036" y="356"/>
                    </a:lnTo>
                    <a:lnTo>
                      <a:pt x="1055" y="355"/>
                    </a:lnTo>
                    <a:lnTo>
                      <a:pt x="1076" y="355"/>
                    </a:lnTo>
                    <a:lnTo>
                      <a:pt x="1098" y="356"/>
                    </a:lnTo>
                    <a:lnTo>
                      <a:pt x="1119" y="359"/>
                    </a:lnTo>
                    <a:lnTo>
                      <a:pt x="1141" y="359"/>
                    </a:lnTo>
                    <a:lnTo>
                      <a:pt x="1162" y="359"/>
                    </a:lnTo>
                    <a:lnTo>
                      <a:pt x="1182" y="356"/>
                    </a:lnTo>
                    <a:lnTo>
                      <a:pt x="1190" y="353"/>
                    </a:lnTo>
                    <a:lnTo>
                      <a:pt x="1198" y="351"/>
                    </a:lnTo>
                    <a:lnTo>
                      <a:pt x="1204" y="348"/>
                    </a:lnTo>
                    <a:lnTo>
                      <a:pt x="1210" y="344"/>
                    </a:lnTo>
                    <a:lnTo>
                      <a:pt x="1220" y="336"/>
                    </a:lnTo>
                    <a:lnTo>
                      <a:pt x="1228" y="327"/>
                    </a:lnTo>
                    <a:lnTo>
                      <a:pt x="1234" y="317"/>
                    </a:lnTo>
                    <a:lnTo>
                      <a:pt x="1239" y="305"/>
                    </a:lnTo>
                    <a:lnTo>
                      <a:pt x="1243" y="294"/>
                    </a:lnTo>
                    <a:lnTo>
                      <a:pt x="1247" y="282"/>
                    </a:lnTo>
                    <a:lnTo>
                      <a:pt x="1251" y="270"/>
                    </a:lnTo>
                    <a:lnTo>
                      <a:pt x="1255" y="259"/>
                    </a:lnTo>
                    <a:lnTo>
                      <a:pt x="1259" y="248"/>
                    </a:lnTo>
                    <a:lnTo>
                      <a:pt x="1264" y="239"/>
                    </a:lnTo>
                    <a:lnTo>
                      <a:pt x="1272" y="232"/>
                    </a:lnTo>
                    <a:lnTo>
                      <a:pt x="1280" y="226"/>
                    </a:lnTo>
                    <a:lnTo>
                      <a:pt x="1285" y="224"/>
                    </a:lnTo>
                    <a:lnTo>
                      <a:pt x="1291" y="222"/>
                    </a:lnTo>
                    <a:lnTo>
                      <a:pt x="1296" y="221"/>
                    </a:lnTo>
                    <a:lnTo>
                      <a:pt x="1304" y="221"/>
                    </a:lnTo>
                    <a:lnTo>
                      <a:pt x="1325" y="221"/>
                    </a:lnTo>
                    <a:lnTo>
                      <a:pt x="1340" y="219"/>
                    </a:lnTo>
                    <a:lnTo>
                      <a:pt x="1353" y="216"/>
                    </a:lnTo>
                    <a:lnTo>
                      <a:pt x="1361" y="211"/>
                    </a:lnTo>
                    <a:lnTo>
                      <a:pt x="1368" y="206"/>
                    </a:lnTo>
                    <a:lnTo>
                      <a:pt x="1372" y="200"/>
                    </a:lnTo>
                    <a:lnTo>
                      <a:pt x="1374" y="193"/>
                    </a:lnTo>
                    <a:lnTo>
                      <a:pt x="1375" y="185"/>
                    </a:lnTo>
                    <a:lnTo>
                      <a:pt x="1375" y="167"/>
                    </a:lnTo>
                    <a:lnTo>
                      <a:pt x="1377" y="147"/>
                    </a:lnTo>
                    <a:lnTo>
                      <a:pt x="1381" y="136"/>
                    </a:lnTo>
                    <a:lnTo>
                      <a:pt x="1385" y="125"/>
                    </a:lnTo>
                    <a:lnTo>
                      <a:pt x="1392" y="114"/>
                    </a:lnTo>
                    <a:lnTo>
                      <a:pt x="1401" y="102"/>
                    </a:lnTo>
                    <a:lnTo>
                      <a:pt x="1401" y="102"/>
                    </a:lnTo>
                    <a:lnTo>
                      <a:pt x="1412" y="115"/>
                    </a:lnTo>
                    <a:lnTo>
                      <a:pt x="1423" y="131"/>
                    </a:lnTo>
                    <a:lnTo>
                      <a:pt x="1438" y="146"/>
                    </a:lnTo>
                    <a:lnTo>
                      <a:pt x="1453" y="162"/>
                    </a:lnTo>
                    <a:lnTo>
                      <a:pt x="1461" y="169"/>
                    </a:lnTo>
                    <a:lnTo>
                      <a:pt x="1469" y="176"/>
                    </a:lnTo>
                    <a:lnTo>
                      <a:pt x="1478" y="181"/>
                    </a:lnTo>
                    <a:lnTo>
                      <a:pt x="1486" y="186"/>
                    </a:lnTo>
                    <a:lnTo>
                      <a:pt x="1495" y="190"/>
                    </a:lnTo>
                    <a:lnTo>
                      <a:pt x="1502" y="193"/>
                    </a:lnTo>
                    <a:lnTo>
                      <a:pt x="1512" y="194"/>
                    </a:lnTo>
                    <a:lnTo>
                      <a:pt x="1519" y="193"/>
                    </a:lnTo>
                    <a:lnTo>
                      <a:pt x="1526" y="191"/>
                    </a:lnTo>
                    <a:lnTo>
                      <a:pt x="1534" y="189"/>
                    </a:lnTo>
                    <a:lnTo>
                      <a:pt x="1541" y="185"/>
                    </a:lnTo>
                    <a:lnTo>
                      <a:pt x="1549" y="181"/>
                    </a:lnTo>
                    <a:lnTo>
                      <a:pt x="1565" y="171"/>
                    </a:lnTo>
                    <a:lnTo>
                      <a:pt x="1581" y="159"/>
                    </a:lnTo>
                    <a:lnTo>
                      <a:pt x="1598" y="146"/>
                    </a:lnTo>
                    <a:lnTo>
                      <a:pt x="1614" y="134"/>
                    </a:lnTo>
                    <a:lnTo>
                      <a:pt x="1631" y="124"/>
                    </a:lnTo>
                    <a:lnTo>
                      <a:pt x="1646" y="116"/>
                    </a:lnTo>
                    <a:lnTo>
                      <a:pt x="1659" y="112"/>
                    </a:lnTo>
                    <a:lnTo>
                      <a:pt x="1671" y="107"/>
                    </a:lnTo>
                    <a:lnTo>
                      <a:pt x="1683" y="101"/>
                    </a:lnTo>
                    <a:lnTo>
                      <a:pt x="1693" y="94"/>
                    </a:lnTo>
                    <a:lnTo>
                      <a:pt x="1702" y="86"/>
                    </a:lnTo>
                    <a:lnTo>
                      <a:pt x="1710" y="77"/>
                    </a:lnTo>
                    <a:lnTo>
                      <a:pt x="1712" y="72"/>
                    </a:lnTo>
                    <a:lnTo>
                      <a:pt x="1715" y="67"/>
                    </a:lnTo>
                    <a:lnTo>
                      <a:pt x="1717" y="61"/>
                    </a:lnTo>
                    <a:lnTo>
                      <a:pt x="1719" y="55"/>
                    </a:lnTo>
                    <a:lnTo>
                      <a:pt x="1723" y="37"/>
                    </a:lnTo>
                    <a:lnTo>
                      <a:pt x="1729" y="19"/>
                    </a:lnTo>
                    <a:lnTo>
                      <a:pt x="1733" y="11"/>
                    </a:lnTo>
                    <a:lnTo>
                      <a:pt x="1740" y="5"/>
                    </a:lnTo>
                    <a:lnTo>
                      <a:pt x="1743" y="2"/>
                    </a:lnTo>
                    <a:lnTo>
                      <a:pt x="1747" y="1"/>
                    </a:lnTo>
                    <a:lnTo>
                      <a:pt x="1751" y="0"/>
                    </a:lnTo>
                    <a:lnTo>
                      <a:pt x="1756" y="0"/>
                    </a:lnTo>
                    <a:lnTo>
                      <a:pt x="1778" y="2"/>
                    </a:lnTo>
                    <a:lnTo>
                      <a:pt x="1795" y="5"/>
                    </a:lnTo>
                    <a:lnTo>
                      <a:pt x="1809" y="9"/>
                    </a:lnTo>
                    <a:lnTo>
                      <a:pt x="1821" y="14"/>
                    </a:lnTo>
                    <a:lnTo>
                      <a:pt x="1843" y="29"/>
                    </a:lnTo>
                    <a:lnTo>
                      <a:pt x="1873" y="51"/>
                    </a:lnTo>
                    <a:lnTo>
                      <a:pt x="1909" y="77"/>
                    </a:lnTo>
                    <a:lnTo>
                      <a:pt x="1945" y="105"/>
                    </a:lnTo>
                    <a:lnTo>
                      <a:pt x="1965" y="116"/>
                    </a:lnTo>
                    <a:lnTo>
                      <a:pt x="1984" y="125"/>
                    </a:lnTo>
                    <a:lnTo>
                      <a:pt x="1995" y="129"/>
                    </a:lnTo>
                    <a:lnTo>
                      <a:pt x="2005" y="133"/>
                    </a:lnTo>
                    <a:lnTo>
                      <a:pt x="2015" y="136"/>
                    </a:lnTo>
                    <a:lnTo>
                      <a:pt x="2027" y="137"/>
                    </a:lnTo>
                    <a:lnTo>
                      <a:pt x="2049" y="134"/>
                    </a:lnTo>
                    <a:lnTo>
                      <a:pt x="2071" y="131"/>
                    </a:lnTo>
                    <a:lnTo>
                      <a:pt x="2094" y="128"/>
                    </a:lnTo>
                    <a:lnTo>
                      <a:pt x="2118" y="127"/>
                    </a:lnTo>
                    <a:lnTo>
                      <a:pt x="2141" y="125"/>
                    </a:lnTo>
                    <a:lnTo>
                      <a:pt x="2164" y="127"/>
                    </a:lnTo>
                    <a:lnTo>
                      <a:pt x="2186" y="129"/>
                    </a:lnTo>
                    <a:lnTo>
                      <a:pt x="2208" y="133"/>
                    </a:lnTo>
                    <a:lnTo>
                      <a:pt x="2228" y="137"/>
                    </a:lnTo>
                    <a:lnTo>
                      <a:pt x="2246" y="143"/>
                    </a:lnTo>
                    <a:lnTo>
                      <a:pt x="2264" y="151"/>
                    </a:lnTo>
                    <a:lnTo>
                      <a:pt x="2281" y="160"/>
                    </a:lnTo>
                    <a:lnTo>
                      <a:pt x="2288" y="165"/>
                    </a:lnTo>
                    <a:lnTo>
                      <a:pt x="2294" y="171"/>
                    </a:lnTo>
                    <a:lnTo>
                      <a:pt x="2299" y="177"/>
                    </a:lnTo>
                    <a:lnTo>
                      <a:pt x="2304" y="182"/>
                    </a:lnTo>
                    <a:lnTo>
                      <a:pt x="2315" y="194"/>
                    </a:lnTo>
                    <a:lnTo>
                      <a:pt x="2325" y="207"/>
                    </a:lnTo>
                    <a:lnTo>
                      <a:pt x="2325" y="207"/>
                    </a:lnTo>
                    <a:lnTo>
                      <a:pt x="2326" y="215"/>
                    </a:lnTo>
                    <a:lnTo>
                      <a:pt x="2326" y="221"/>
                    </a:lnTo>
                    <a:lnTo>
                      <a:pt x="2324" y="228"/>
                    </a:lnTo>
                    <a:lnTo>
                      <a:pt x="2321" y="234"/>
                    </a:lnTo>
                    <a:lnTo>
                      <a:pt x="2315" y="247"/>
                    </a:lnTo>
                    <a:lnTo>
                      <a:pt x="2307" y="260"/>
                    </a:lnTo>
                    <a:lnTo>
                      <a:pt x="2302" y="272"/>
                    </a:lnTo>
                    <a:lnTo>
                      <a:pt x="2297" y="283"/>
                    </a:lnTo>
                    <a:lnTo>
                      <a:pt x="2293" y="296"/>
                    </a:lnTo>
                    <a:lnTo>
                      <a:pt x="2291" y="308"/>
                    </a:lnTo>
                    <a:lnTo>
                      <a:pt x="2290" y="321"/>
                    </a:lnTo>
                    <a:lnTo>
                      <a:pt x="2291" y="334"/>
                    </a:lnTo>
                    <a:lnTo>
                      <a:pt x="2293" y="339"/>
                    </a:lnTo>
                    <a:lnTo>
                      <a:pt x="2295" y="346"/>
                    </a:lnTo>
                    <a:lnTo>
                      <a:pt x="2298" y="352"/>
                    </a:lnTo>
                    <a:lnTo>
                      <a:pt x="2302" y="357"/>
                    </a:lnTo>
                    <a:lnTo>
                      <a:pt x="2315" y="378"/>
                    </a:lnTo>
                    <a:lnTo>
                      <a:pt x="2329" y="400"/>
                    </a:lnTo>
                    <a:lnTo>
                      <a:pt x="2343" y="422"/>
                    </a:lnTo>
                    <a:lnTo>
                      <a:pt x="2359" y="441"/>
                    </a:lnTo>
                    <a:lnTo>
                      <a:pt x="2379" y="498"/>
                    </a:lnTo>
                    <a:lnTo>
                      <a:pt x="2379" y="498"/>
                    </a:lnTo>
                    <a:lnTo>
                      <a:pt x="2372" y="619"/>
                    </a:lnTo>
                    <a:lnTo>
                      <a:pt x="2356" y="631"/>
                    </a:lnTo>
                    <a:lnTo>
                      <a:pt x="2339" y="640"/>
                    </a:lnTo>
                    <a:lnTo>
                      <a:pt x="2324" y="649"/>
                    </a:lnTo>
                    <a:lnTo>
                      <a:pt x="2308" y="655"/>
                    </a:lnTo>
                    <a:lnTo>
                      <a:pt x="2291" y="659"/>
                    </a:lnTo>
                    <a:lnTo>
                      <a:pt x="2275" y="663"/>
                    </a:lnTo>
                    <a:lnTo>
                      <a:pt x="2255" y="666"/>
                    </a:lnTo>
                    <a:lnTo>
                      <a:pt x="2236" y="666"/>
                    </a:lnTo>
                    <a:lnTo>
                      <a:pt x="2229" y="667"/>
                    </a:lnTo>
                    <a:lnTo>
                      <a:pt x="2224" y="668"/>
                    </a:lnTo>
                    <a:lnTo>
                      <a:pt x="2220" y="671"/>
                    </a:lnTo>
                    <a:lnTo>
                      <a:pt x="2218" y="675"/>
                    </a:lnTo>
                    <a:lnTo>
                      <a:pt x="2216" y="678"/>
                    </a:lnTo>
                    <a:lnTo>
                      <a:pt x="2215" y="684"/>
                    </a:lnTo>
                    <a:lnTo>
                      <a:pt x="2215" y="690"/>
                    </a:lnTo>
                    <a:lnTo>
                      <a:pt x="2216" y="697"/>
                    </a:lnTo>
                    <a:lnTo>
                      <a:pt x="2219" y="710"/>
                    </a:lnTo>
                    <a:lnTo>
                      <a:pt x="2221" y="724"/>
                    </a:lnTo>
                    <a:lnTo>
                      <a:pt x="2221" y="730"/>
                    </a:lnTo>
                    <a:lnTo>
                      <a:pt x="2223" y="737"/>
                    </a:lnTo>
                    <a:lnTo>
                      <a:pt x="2221" y="743"/>
                    </a:lnTo>
                    <a:lnTo>
                      <a:pt x="2220" y="750"/>
                    </a:lnTo>
                    <a:lnTo>
                      <a:pt x="2212" y="767"/>
                    </a:lnTo>
                    <a:lnTo>
                      <a:pt x="2203" y="782"/>
                    </a:lnTo>
                    <a:lnTo>
                      <a:pt x="2199" y="789"/>
                    </a:lnTo>
                    <a:lnTo>
                      <a:pt x="2197" y="798"/>
                    </a:lnTo>
                    <a:lnTo>
                      <a:pt x="2194" y="807"/>
                    </a:lnTo>
                    <a:lnTo>
                      <a:pt x="2193" y="817"/>
                    </a:lnTo>
                    <a:lnTo>
                      <a:pt x="2192" y="824"/>
                    </a:lnTo>
                    <a:lnTo>
                      <a:pt x="2190" y="830"/>
                    </a:lnTo>
                    <a:lnTo>
                      <a:pt x="2188" y="835"/>
                    </a:lnTo>
                    <a:lnTo>
                      <a:pt x="2185" y="840"/>
                    </a:lnTo>
                    <a:lnTo>
                      <a:pt x="2179" y="851"/>
                    </a:lnTo>
                    <a:lnTo>
                      <a:pt x="2170" y="861"/>
                    </a:lnTo>
                    <a:lnTo>
                      <a:pt x="2162" y="871"/>
                    </a:lnTo>
                    <a:lnTo>
                      <a:pt x="2154" y="882"/>
                    </a:lnTo>
                    <a:lnTo>
                      <a:pt x="2150" y="887"/>
                    </a:lnTo>
                    <a:lnTo>
                      <a:pt x="2148" y="892"/>
                    </a:lnTo>
                    <a:lnTo>
                      <a:pt x="2145" y="899"/>
                    </a:lnTo>
                    <a:lnTo>
                      <a:pt x="2144" y="905"/>
                    </a:lnTo>
                    <a:lnTo>
                      <a:pt x="2141" y="925"/>
                    </a:lnTo>
                    <a:lnTo>
                      <a:pt x="2136" y="944"/>
                    </a:lnTo>
                    <a:lnTo>
                      <a:pt x="2131" y="963"/>
                    </a:lnTo>
                    <a:lnTo>
                      <a:pt x="2124" y="982"/>
                    </a:lnTo>
                    <a:lnTo>
                      <a:pt x="2110" y="1019"/>
                    </a:lnTo>
                    <a:lnTo>
                      <a:pt x="2096" y="1055"/>
                    </a:lnTo>
                    <a:lnTo>
                      <a:pt x="2096" y="1055"/>
                    </a:lnTo>
                    <a:lnTo>
                      <a:pt x="2028" y="1088"/>
                    </a:lnTo>
                    <a:lnTo>
                      <a:pt x="1995" y="1098"/>
                    </a:lnTo>
                    <a:lnTo>
                      <a:pt x="1964" y="1107"/>
                    </a:lnTo>
                    <a:lnTo>
                      <a:pt x="1933" y="1114"/>
                    </a:lnTo>
                    <a:lnTo>
                      <a:pt x="1899" y="1120"/>
                    </a:lnTo>
                    <a:lnTo>
                      <a:pt x="1882" y="1124"/>
                    </a:lnTo>
                    <a:lnTo>
                      <a:pt x="1866" y="1131"/>
                    </a:lnTo>
                    <a:lnTo>
                      <a:pt x="1850" y="1137"/>
                    </a:lnTo>
                    <a:lnTo>
                      <a:pt x="1834" y="1145"/>
                    </a:lnTo>
                    <a:lnTo>
                      <a:pt x="1817" y="1151"/>
                    </a:lnTo>
                    <a:lnTo>
                      <a:pt x="1802" y="1156"/>
                    </a:lnTo>
                    <a:lnTo>
                      <a:pt x="1794" y="1158"/>
                    </a:lnTo>
                    <a:lnTo>
                      <a:pt x="1786" y="1159"/>
                    </a:lnTo>
                    <a:lnTo>
                      <a:pt x="1778" y="1160"/>
                    </a:lnTo>
                    <a:lnTo>
                      <a:pt x="1771" y="1159"/>
                    </a:lnTo>
                    <a:lnTo>
                      <a:pt x="1750" y="1158"/>
                    </a:lnTo>
                    <a:lnTo>
                      <a:pt x="1730" y="1156"/>
                    </a:lnTo>
                    <a:lnTo>
                      <a:pt x="1721" y="1156"/>
                    </a:lnTo>
                    <a:lnTo>
                      <a:pt x="1712" y="1156"/>
                    </a:lnTo>
                    <a:lnTo>
                      <a:pt x="1702" y="1158"/>
                    </a:lnTo>
                    <a:lnTo>
                      <a:pt x="1692" y="1160"/>
                    </a:lnTo>
                    <a:lnTo>
                      <a:pt x="1679" y="1164"/>
                    </a:lnTo>
                    <a:lnTo>
                      <a:pt x="1666" y="1171"/>
                    </a:lnTo>
                    <a:lnTo>
                      <a:pt x="1655" y="1177"/>
                    </a:lnTo>
                    <a:lnTo>
                      <a:pt x="1644" y="1184"/>
                    </a:lnTo>
                    <a:lnTo>
                      <a:pt x="1623" y="1199"/>
                    </a:lnTo>
                    <a:lnTo>
                      <a:pt x="1601" y="1216"/>
                    </a:lnTo>
                    <a:lnTo>
                      <a:pt x="1581" y="1228"/>
                    </a:lnTo>
                    <a:lnTo>
                      <a:pt x="1566" y="1236"/>
                    </a:lnTo>
                    <a:lnTo>
                      <a:pt x="1553" y="1239"/>
                    </a:lnTo>
                    <a:lnTo>
                      <a:pt x="1540" y="1242"/>
                    </a:lnTo>
                    <a:lnTo>
                      <a:pt x="1512" y="1241"/>
                    </a:lnTo>
                    <a:lnTo>
                      <a:pt x="1474" y="1236"/>
                    </a:lnTo>
                    <a:lnTo>
                      <a:pt x="1312" y="1236"/>
                    </a:lnTo>
                    <a:lnTo>
                      <a:pt x="1312" y="1236"/>
                    </a:lnTo>
                    <a:lnTo>
                      <a:pt x="1300" y="1216"/>
                    </a:lnTo>
                    <a:lnTo>
                      <a:pt x="1289" y="1199"/>
                    </a:lnTo>
                    <a:lnTo>
                      <a:pt x="1277" y="1184"/>
                    </a:lnTo>
                    <a:lnTo>
                      <a:pt x="1264" y="1171"/>
                    </a:lnTo>
                    <a:lnTo>
                      <a:pt x="1256" y="1164"/>
                    </a:lnTo>
                    <a:lnTo>
                      <a:pt x="1249" y="1159"/>
                    </a:lnTo>
                    <a:lnTo>
                      <a:pt x="1241" y="1154"/>
                    </a:lnTo>
                    <a:lnTo>
                      <a:pt x="1232" y="1150"/>
                    </a:lnTo>
                    <a:lnTo>
                      <a:pt x="1223" y="1146"/>
                    </a:lnTo>
                    <a:lnTo>
                      <a:pt x="1212" y="1144"/>
                    </a:lnTo>
                    <a:lnTo>
                      <a:pt x="1202" y="1141"/>
                    </a:lnTo>
                    <a:lnTo>
                      <a:pt x="1190" y="1140"/>
                    </a:lnTo>
                    <a:lnTo>
                      <a:pt x="1176" y="1137"/>
                    </a:lnTo>
                    <a:lnTo>
                      <a:pt x="1163" y="1134"/>
                    </a:lnTo>
                    <a:lnTo>
                      <a:pt x="1151" y="1131"/>
                    </a:lnTo>
                    <a:lnTo>
                      <a:pt x="1140" y="1125"/>
                    </a:lnTo>
                    <a:lnTo>
                      <a:pt x="1118" y="1115"/>
                    </a:lnTo>
                    <a:lnTo>
                      <a:pt x="1097" y="1103"/>
                    </a:lnTo>
                    <a:lnTo>
                      <a:pt x="1075" y="1092"/>
                    </a:lnTo>
                    <a:lnTo>
                      <a:pt x="1053" y="1080"/>
                    </a:lnTo>
                    <a:lnTo>
                      <a:pt x="1041" y="1076"/>
                    </a:lnTo>
                    <a:lnTo>
                      <a:pt x="1028" y="1072"/>
                    </a:lnTo>
                    <a:lnTo>
                      <a:pt x="1014" y="1070"/>
                    </a:lnTo>
                    <a:lnTo>
                      <a:pt x="1000" y="1067"/>
                    </a:lnTo>
                    <a:lnTo>
                      <a:pt x="983" y="1066"/>
                    </a:lnTo>
                    <a:lnTo>
                      <a:pt x="967" y="1065"/>
                    </a:lnTo>
                    <a:lnTo>
                      <a:pt x="952" y="1062"/>
                    </a:lnTo>
                    <a:lnTo>
                      <a:pt x="938" y="1058"/>
                    </a:lnTo>
                    <a:lnTo>
                      <a:pt x="923" y="1054"/>
                    </a:lnTo>
                    <a:lnTo>
                      <a:pt x="909" y="1048"/>
                    </a:lnTo>
                    <a:lnTo>
                      <a:pt x="895" y="1041"/>
                    </a:lnTo>
                    <a:lnTo>
                      <a:pt x="879" y="1032"/>
                    </a:lnTo>
                    <a:lnTo>
                      <a:pt x="868" y="1020"/>
                    </a:lnTo>
                    <a:lnTo>
                      <a:pt x="859" y="1010"/>
                    </a:lnTo>
                    <a:lnTo>
                      <a:pt x="851" y="1000"/>
                    </a:lnTo>
                    <a:lnTo>
                      <a:pt x="844" y="989"/>
                    </a:lnTo>
                    <a:lnTo>
                      <a:pt x="839" y="980"/>
                    </a:lnTo>
                    <a:lnTo>
                      <a:pt x="837" y="970"/>
                    </a:lnTo>
                    <a:lnTo>
                      <a:pt x="834" y="961"/>
                    </a:lnTo>
                    <a:lnTo>
                      <a:pt x="833" y="952"/>
                    </a:lnTo>
                    <a:lnTo>
                      <a:pt x="834" y="909"/>
                    </a:lnTo>
                    <a:lnTo>
                      <a:pt x="835" y="857"/>
                    </a:lnTo>
                    <a:lnTo>
                      <a:pt x="834" y="852"/>
                    </a:lnTo>
                    <a:lnTo>
                      <a:pt x="833" y="848"/>
                    </a:lnTo>
                    <a:lnTo>
                      <a:pt x="831" y="846"/>
                    </a:lnTo>
                    <a:lnTo>
                      <a:pt x="829" y="842"/>
                    </a:lnTo>
                    <a:lnTo>
                      <a:pt x="821" y="837"/>
                    </a:lnTo>
                    <a:lnTo>
                      <a:pt x="812" y="833"/>
                    </a:lnTo>
                    <a:lnTo>
                      <a:pt x="802" y="829"/>
                    </a:lnTo>
                    <a:lnTo>
                      <a:pt x="790" y="826"/>
                    </a:lnTo>
                    <a:lnTo>
                      <a:pt x="776" y="825"/>
                    </a:lnTo>
                    <a:lnTo>
                      <a:pt x="763" y="825"/>
                    </a:lnTo>
                    <a:lnTo>
                      <a:pt x="706" y="827"/>
                    </a:lnTo>
                    <a:lnTo>
                      <a:pt x="664" y="830"/>
                    </a:lnTo>
                    <a:lnTo>
                      <a:pt x="649" y="829"/>
                    </a:lnTo>
                    <a:lnTo>
                      <a:pt x="633" y="827"/>
                    </a:lnTo>
                    <a:lnTo>
                      <a:pt x="616" y="825"/>
                    </a:lnTo>
                    <a:lnTo>
                      <a:pt x="601" y="822"/>
                    </a:lnTo>
                    <a:lnTo>
                      <a:pt x="585" y="820"/>
                    </a:lnTo>
                    <a:lnTo>
                      <a:pt x="570" y="817"/>
                    </a:lnTo>
                    <a:lnTo>
                      <a:pt x="554" y="816"/>
                    </a:lnTo>
                    <a:lnTo>
                      <a:pt x="540" y="816"/>
                    </a:lnTo>
                    <a:lnTo>
                      <a:pt x="530" y="817"/>
                    </a:lnTo>
                    <a:lnTo>
                      <a:pt x="519" y="818"/>
                    </a:lnTo>
                    <a:lnTo>
                      <a:pt x="509" y="822"/>
                    </a:lnTo>
                    <a:lnTo>
                      <a:pt x="498" y="826"/>
                    </a:lnTo>
                    <a:lnTo>
                      <a:pt x="479" y="835"/>
                    </a:lnTo>
                    <a:lnTo>
                      <a:pt x="460" y="846"/>
                    </a:lnTo>
                    <a:lnTo>
                      <a:pt x="439" y="855"/>
                    </a:lnTo>
                    <a:lnTo>
                      <a:pt x="419" y="862"/>
                    </a:lnTo>
                    <a:lnTo>
                      <a:pt x="409" y="865"/>
                    </a:lnTo>
                    <a:lnTo>
                      <a:pt x="400" y="866"/>
                    </a:lnTo>
                    <a:lnTo>
                      <a:pt x="390" y="866"/>
                    </a:lnTo>
                    <a:lnTo>
                      <a:pt x="379" y="865"/>
                    </a:lnTo>
                    <a:lnTo>
                      <a:pt x="365" y="860"/>
                    </a:lnTo>
                    <a:lnTo>
                      <a:pt x="347" y="851"/>
                    </a:lnTo>
                    <a:lnTo>
                      <a:pt x="339" y="847"/>
                    </a:lnTo>
                    <a:lnTo>
                      <a:pt x="330" y="843"/>
                    </a:lnTo>
                    <a:lnTo>
                      <a:pt x="324" y="842"/>
                    </a:lnTo>
                    <a:lnTo>
                      <a:pt x="320" y="842"/>
                    </a:lnTo>
                    <a:lnTo>
                      <a:pt x="300" y="855"/>
                    </a:lnTo>
                    <a:lnTo>
                      <a:pt x="279" y="870"/>
                    </a:lnTo>
                    <a:lnTo>
                      <a:pt x="270" y="878"/>
                    </a:lnTo>
                    <a:lnTo>
                      <a:pt x="260" y="884"/>
                    </a:lnTo>
                    <a:lnTo>
                      <a:pt x="248" y="890"/>
                    </a:lnTo>
                    <a:lnTo>
                      <a:pt x="237" y="892"/>
                    </a:lnTo>
                    <a:lnTo>
                      <a:pt x="237" y="892"/>
                    </a:lnTo>
                    <a:lnTo>
                      <a:pt x="228" y="888"/>
                    </a:lnTo>
                    <a:lnTo>
                      <a:pt x="217" y="886"/>
                    </a:lnTo>
                    <a:lnTo>
                      <a:pt x="208" y="883"/>
                    </a:lnTo>
                    <a:lnTo>
                      <a:pt x="198" y="882"/>
                    </a:lnTo>
                    <a:lnTo>
                      <a:pt x="177" y="882"/>
                    </a:lnTo>
                    <a:lnTo>
                      <a:pt x="158" y="884"/>
                    </a:lnTo>
                    <a:lnTo>
                      <a:pt x="147" y="886"/>
                    </a:lnTo>
                    <a:lnTo>
                      <a:pt x="138" y="886"/>
                    </a:lnTo>
                    <a:lnTo>
                      <a:pt x="130" y="886"/>
                    </a:lnTo>
                    <a:lnTo>
                      <a:pt x="123" y="884"/>
                    </a:lnTo>
                    <a:lnTo>
                      <a:pt x="115" y="882"/>
                    </a:lnTo>
                    <a:lnTo>
                      <a:pt x="108" y="877"/>
                    </a:lnTo>
                    <a:lnTo>
                      <a:pt x="102" y="871"/>
                    </a:lnTo>
                    <a:lnTo>
                      <a:pt x="96" y="862"/>
                    </a:lnTo>
                    <a:lnTo>
                      <a:pt x="89" y="851"/>
                    </a:lnTo>
                    <a:lnTo>
                      <a:pt x="85" y="840"/>
                    </a:lnTo>
                    <a:lnTo>
                      <a:pt x="81" y="829"/>
                    </a:lnTo>
                    <a:lnTo>
                      <a:pt x="77" y="818"/>
                    </a:lnTo>
                    <a:lnTo>
                      <a:pt x="72" y="808"/>
                    </a:lnTo>
                    <a:lnTo>
                      <a:pt x="66" y="799"/>
                    </a:lnTo>
                    <a:lnTo>
                      <a:pt x="62" y="795"/>
                    </a:lnTo>
                    <a:lnTo>
                      <a:pt x="57" y="792"/>
                    </a:lnTo>
                    <a:lnTo>
                      <a:pt x="51" y="789"/>
                    </a:lnTo>
                    <a:lnTo>
                      <a:pt x="45" y="786"/>
                    </a:lnTo>
                    <a:lnTo>
                      <a:pt x="45" y="786"/>
                    </a:lnTo>
                    <a:lnTo>
                      <a:pt x="40" y="767"/>
                    </a:lnTo>
                    <a:lnTo>
                      <a:pt x="36" y="759"/>
                    </a:lnTo>
                    <a:lnTo>
                      <a:pt x="32" y="751"/>
                    </a:lnTo>
                    <a:lnTo>
                      <a:pt x="28" y="742"/>
                    </a:lnTo>
                    <a:lnTo>
                      <a:pt x="26" y="733"/>
                    </a:lnTo>
                    <a:lnTo>
                      <a:pt x="22" y="702"/>
                    </a:lnTo>
                    <a:lnTo>
                      <a:pt x="19" y="691"/>
                    </a:lnTo>
                    <a:lnTo>
                      <a:pt x="15" y="681"/>
                    </a:lnTo>
                    <a:lnTo>
                      <a:pt x="7" y="672"/>
                    </a:lnTo>
                    <a:lnTo>
                      <a:pt x="0" y="663"/>
                    </a:lnTo>
                    <a:lnTo>
                      <a:pt x="0" y="663"/>
                    </a:lnTo>
                    <a:lnTo>
                      <a:pt x="9" y="658"/>
                    </a:lnTo>
                    <a:lnTo>
                      <a:pt x="20" y="653"/>
                    </a:lnTo>
                    <a:lnTo>
                      <a:pt x="24" y="650"/>
                    </a:lnTo>
                    <a:lnTo>
                      <a:pt x="27" y="647"/>
                    </a:lnTo>
                    <a:lnTo>
                      <a:pt x="28" y="644"/>
                    </a:lnTo>
                    <a:lnTo>
                      <a:pt x="29" y="640"/>
                    </a:lnTo>
                    <a:lnTo>
                      <a:pt x="31" y="629"/>
                    </a:lnTo>
                    <a:lnTo>
                      <a:pt x="31" y="619"/>
                    </a:lnTo>
                    <a:lnTo>
                      <a:pt x="31" y="607"/>
                    </a:lnTo>
                    <a:lnTo>
                      <a:pt x="29" y="598"/>
                    </a:lnTo>
                    <a:lnTo>
                      <a:pt x="29" y="588"/>
                    </a:lnTo>
                    <a:lnTo>
                      <a:pt x="31" y="576"/>
                    </a:lnTo>
                    <a:lnTo>
                      <a:pt x="31" y="576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7" name="Freeform 152">
                <a:extLst>
                  <a:ext uri="{FF2B5EF4-FFF2-40B4-BE49-F238E27FC236}">
                    <a16:creationId xmlns:a16="http://schemas.microsoft.com/office/drawing/2014/main" id="{2F00E0E6-D4E0-7444-8BE5-3EE1FCF60A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23773" y="4546599"/>
                <a:ext cx="34613" cy="61414"/>
              </a:xfrm>
              <a:custGeom>
                <a:avLst/>
                <a:gdLst/>
                <a:ahLst/>
                <a:cxnLst>
                  <a:cxn ang="0">
                    <a:pos x="30" y="0"/>
                  </a:cxn>
                  <a:cxn ang="0">
                    <a:pos x="37" y="9"/>
                  </a:cxn>
                  <a:cxn ang="0">
                    <a:pos x="45" y="18"/>
                  </a:cxn>
                  <a:cxn ang="0">
                    <a:pos x="49" y="28"/>
                  </a:cxn>
                  <a:cxn ang="0">
                    <a:pos x="52" y="39"/>
                  </a:cxn>
                  <a:cxn ang="0">
                    <a:pos x="56" y="70"/>
                  </a:cxn>
                  <a:cxn ang="0">
                    <a:pos x="58" y="79"/>
                  </a:cxn>
                  <a:cxn ang="0">
                    <a:pos x="62" y="88"/>
                  </a:cxn>
                  <a:cxn ang="0">
                    <a:pos x="66" y="96"/>
                  </a:cxn>
                  <a:cxn ang="0">
                    <a:pos x="70" y="104"/>
                  </a:cxn>
                  <a:cxn ang="0">
                    <a:pos x="75" y="123"/>
                  </a:cxn>
                  <a:cxn ang="0">
                    <a:pos x="6" y="135"/>
                  </a:cxn>
                  <a:cxn ang="0">
                    <a:pos x="2" y="100"/>
                  </a:cxn>
                  <a:cxn ang="0">
                    <a:pos x="0" y="62"/>
                  </a:cxn>
                  <a:cxn ang="0">
                    <a:pos x="0" y="53"/>
                  </a:cxn>
                  <a:cxn ang="0">
                    <a:pos x="1" y="45"/>
                  </a:cxn>
                  <a:cxn ang="0">
                    <a:pos x="4" y="36"/>
                  </a:cxn>
                  <a:cxn ang="0">
                    <a:pos x="6" y="28"/>
                  </a:cxn>
                  <a:cxn ang="0">
                    <a:pos x="10" y="21"/>
                  </a:cxn>
                  <a:cxn ang="0">
                    <a:pos x="15" y="13"/>
                  </a:cxn>
                  <a:cxn ang="0">
                    <a:pos x="22" y="6"/>
                  </a:cxn>
                  <a:cxn ang="0">
                    <a:pos x="30" y="0"/>
                  </a:cxn>
                </a:cxnLst>
                <a:rect l="0" t="0" r="r" b="b"/>
                <a:pathLst>
                  <a:path w="75" h="135">
                    <a:moveTo>
                      <a:pt x="30" y="0"/>
                    </a:moveTo>
                    <a:lnTo>
                      <a:pt x="37" y="9"/>
                    </a:lnTo>
                    <a:lnTo>
                      <a:pt x="45" y="18"/>
                    </a:lnTo>
                    <a:lnTo>
                      <a:pt x="49" y="28"/>
                    </a:lnTo>
                    <a:lnTo>
                      <a:pt x="52" y="39"/>
                    </a:lnTo>
                    <a:lnTo>
                      <a:pt x="56" y="70"/>
                    </a:lnTo>
                    <a:lnTo>
                      <a:pt x="58" y="79"/>
                    </a:lnTo>
                    <a:lnTo>
                      <a:pt x="62" y="88"/>
                    </a:lnTo>
                    <a:lnTo>
                      <a:pt x="66" y="96"/>
                    </a:lnTo>
                    <a:lnTo>
                      <a:pt x="70" y="104"/>
                    </a:lnTo>
                    <a:lnTo>
                      <a:pt x="75" y="123"/>
                    </a:lnTo>
                    <a:lnTo>
                      <a:pt x="6" y="135"/>
                    </a:lnTo>
                    <a:lnTo>
                      <a:pt x="2" y="100"/>
                    </a:lnTo>
                    <a:lnTo>
                      <a:pt x="0" y="62"/>
                    </a:lnTo>
                    <a:lnTo>
                      <a:pt x="0" y="53"/>
                    </a:lnTo>
                    <a:lnTo>
                      <a:pt x="1" y="45"/>
                    </a:lnTo>
                    <a:lnTo>
                      <a:pt x="4" y="36"/>
                    </a:lnTo>
                    <a:lnTo>
                      <a:pt x="6" y="28"/>
                    </a:lnTo>
                    <a:lnTo>
                      <a:pt x="10" y="21"/>
                    </a:lnTo>
                    <a:lnTo>
                      <a:pt x="15" y="13"/>
                    </a:lnTo>
                    <a:lnTo>
                      <a:pt x="22" y="6"/>
                    </a:lnTo>
                    <a:lnTo>
                      <a:pt x="30" y="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8" name="Freeform 153">
                <a:extLst>
                  <a:ext uri="{FF2B5EF4-FFF2-40B4-BE49-F238E27FC236}">
                    <a16:creationId xmlns:a16="http://schemas.microsoft.com/office/drawing/2014/main" id="{AE3FA6F3-2817-9E43-886C-EB10D54935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023773" y="4546599"/>
                <a:ext cx="34613" cy="61414"/>
              </a:xfrm>
              <a:custGeom>
                <a:avLst/>
                <a:gdLst/>
                <a:ahLst/>
                <a:cxnLst>
                  <a:cxn ang="0">
                    <a:pos x="30" y="0"/>
                  </a:cxn>
                  <a:cxn ang="0">
                    <a:pos x="37" y="9"/>
                  </a:cxn>
                  <a:cxn ang="0">
                    <a:pos x="45" y="18"/>
                  </a:cxn>
                  <a:cxn ang="0">
                    <a:pos x="49" y="28"/>
                  </a:cxn>
                  <a:cxn ang="0">
                    <a:pos x="52" y="39"/>
                  </a:cxn>
                  <a:cxn ang="0">
                    <a:pos x="56" y="70"/>
                  </a:cxn>
                  <a:cxn ang="0">
                    <a:pos x="58" y="79"/>
                  </a:cxn>
                  <a:cxn ang="0">
                    <a:pos x="62" y="88"/>
                  </a:cxn>
                  <a:cxn ang="0">
                    <a:pos x="66" y="96"/>
                  </a:cxn>
                  <a:cxn ang="0">
                    <a:pos x="70" y="104"/>
                  </a:cxn>
                  <a:cxn ang="0">
                    <a:pos x="75" y="123"/>
                  </a:cxn>
                  <a:cxn ang="0">
                    <a:pos x="75" y="123"/>
                  </a:cxn>
                  <a:cxn ang="0">
                    <a:pos x="6" y="135"/>
                  </a:cxn>
                  <a:cxn ang="0">
                    <a:pos x="2" y="100"/>
                  </a:cxn>
                  <a:cxn ang="0">
                    <a:pos x="0" y="62"/>
                  </a:cxn>
                  <a:cxn ang="0">
                    <a:pos x="0" y="53"/>
                  </a:cxn>
                  <a:cxn ang="0">
                    <a:pos x="1" y="45"/>
                  </a:cxn>
                  <a:cxn ang="0">
                    <a:pos x="4" y="36"/>
                  </a:cxn>
                  <a:cxn ang="0">
                    <a:pos x="6" y="28"/>
                  </a:cxn>
                  <a:cxn ang="0">
                    <a:pos x="10" y="21"/>
                  </a:cxn>
                  <a:cxn ang="0">
                    <a:pos x="15" y="13"/>
                  </a:cxn>
                  <a:cxn ang="0">
                    <a:pos x="22" y="6"/>
                  </a:cxn>
                  <a:cxn ang="0">
                    <a:pos x="30" y="0"/>
                  </a:cxn>
                  <a:cxn ang="0">
                    <a:pos x="30" y="0"/>
                  </a:cxn>
                </a:cxnLst>
                <a:rect l="0" t="0" r="r" b="b"/>
                <a:pathLst>
                  <a:path w="75" h="135">
                    <a:moveTo>
                      <a:pt x="30" y="0"/>
                    </a:moveTo>
                    <a:lnTo>
                      <a:pt x="37" y="9"/>
                    </a:lnTo>
                    <a:lnTo>
                      <a:pt x="45" y="18"/>
                    </a:lnTo>
                    <a:lnTo>
                      <a:pt x="49" y="28"/>
                    </a:lnTo>
                    <a:lnTo>
                      <a:pt x="52" y="39"/>
                    </a:lnTo>
                    <a:lnTo>
                      <a:pt x="56" y="70"/>
                    </a:lnTo>
                    <a:lnTo>
                      <a:pt x="58" y="79"/>
                    </a:lnTo>
                    <a:lnTo>
                      <a:pt x="62" y="88"/>
                    </a:lnTo>
                    <a:lnTo>
                      <a:pt x="66" y="96"/>
                    </a:lnTo>
                    <a:lnTo>
                      <a:pt x="70" y="104"/>
                    </a:lnTo>
                    <a:lnTo>
                      <a:pt x="75" y="123"/>
                    </a:lnTo>
                    <a:lnTo>
                      <a:pt x="75" y="123"/>
                    </a:lnTo>
                    <a:lnTo>
                      <a:pt x="6" y="135"/>
                    </a:lnTo>
                    <a:lnTo>
                      <a:pt x="2" y="100"/>
                    </a:lnTo>
                    <a:lnTo>
                      <a:pt x="0" y="62"/>
                    </a:lnTo>
                    <a:lnTo>
                      <a:pt x="0" y="53"/>
                    </a:lnTo>
                    <a:lnTo>
                      <a:pt x="1" y="45"/>
                    </a:lnTo>
                    <a:lnTo>
                      <a:pt x="4" y="36"/>
                    </a:lnTo>
                    <a:lnTo>
                      <a:pt x="6" y="28"/>
                    </a:lnTo>
                    <a:lnTo>
                      <a:pt x="10" y="21"/>
                    </a:lnTo>
                    <a:lnTo>
                      <a:pt x="15" y="13"/>
                    </a:lnTo>
                    <a:lnTo>
                      <a:pt x="22" y="6"/>
                    </a:lnTo>
                    <a:lnTo>
                      <a:pt x="30" y="0"/>
                    </a:lnTo>
                    <a:lnTo>
                      <a:pt x="30" y="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39" name="Freeform 154">
                <a:extLst>
                  <a:ext uri="{FF2B5EF4-FFF2-40B4-BE49-F238E27FC236}">
                    <a16:creationId xmlns:a16="http://schemas.microsoft.com/office/drawing/2014/main" id="{E1031B0A-120F-5941-ABB3-C23A75479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464515" y="4411127"/>
                <a:ext cx="681312" cy="413644"/>
              </a:xfrm>
              <a:custGeom>
                <a:avLst/>
                <a:gdLst/>
                <a:ahLst/>
                <a:cxnLst>
                  <a:cxn ang="0">
                    <a:pos x="1231" y="347"/>
                  </a:cxn>
                  <a:cxn ang="0">
                    <a:pos x="1317" y="431"/>
                  </a:cxn>
                  <a:cxn ang="0">
                    <a:pos x="1349" y="490"/>
                  </a:cxn>
                  <a:cxn ang="0">
                    <a:pos x="1398" y="525"/>
                  </a:cxn>
                  <a:cxn ang="0">
                    <a:pos x="1488" y="527"/>
                  </a:cxn>
                  <a:cxn ang="0">
                    <a:pos x="1459" y="615"/>
                  </a:cxn>
                  <a:cxn ang="0">
                    <a:pos x="1467" y="667"/>
                  </a:cxn>
                  <a:cxn ang="0">
                    <a:pos x="1428" y="691"/>
                  </a:cxn>
                  <a:cxn ang="0">
                    <a:pos x="1366" y="681"/>
                  </a:cxn>
                  <a:cxn ang="0">
                    <a:pos x="1359" y="726"/>
                  </a:cxn>
                  <a:cxn ang="0">
                    <a:pos x="1350" y="772"/>
                  </a:cxn>
                  <a:cxn ang="0">
                    <a:pos x="1284" y="763"/>
                  </a:cxn>
                  <a:cxn ang="0">
                    <a:pos x="1216" y="751"/>
                  </a:cxn>
                  <a:cxn ang="0">
                    <a:pos x="1142" y="675"/>
                  </a:cxn>
                  <a:cxn ang="0">
                    <a:pos x="1120" y="680"/>
                  </a:cxn>
                  <a:cxn ang="0">
                    <a:pos x="1098" y="753"/>
                  </a:cxn>
                  <a:cxn ang="0">
                    <a:pos x="1037" y="846"/>
                  </a:cxn>
                  <a:cxn ang="0">
                    <a:pos x="986" y="915"/>
                  </a:cxn>
                  <a:cxn ang="0">
                    <a:pos x="953" y="909"/>
                  </a:cxn>
                  <a:cxn ang="0">
                    <a:pos x="879" y="784"/>
                  </a:cxn>
                  <a:cxn ang="0">
                    <a:pos x="828" y="754"/>
                  </a:cxn>
                  <a:cxn ang="0">
                    <a:pos x="820" y="705"/>
                  </a:cxn>
                  <a:cxn ang="0">
                    <a:pos x="831" y="658"/>
                  </a:cxn>
                  <a:cxn ang="0">
                    <a:pos x="731" y="718"/>
                  </a:cxn>
                  <a:cxn ang="0">
                    <a:pos x="678" y="812"/>
                  </a:cxn>
                  <a:cxn ang="0">
                    <a:pos x="625" y="847"/>
                  </a:cxn>
                  <a:cxn ang="0">
                    <a:pos x="526" y="820"/>
                  </a:cxn>
                  <a:cxn ang="0">
                    <a:pos x="458" y="825"/>
                  </a:cxn>
                  <a:cxn ang="0">
                    <a:pos x="339" y="815"/>
                  </a:cxn>
                  <a:cxn ang="0">
                    <a:pos x="327" y="745"/>
                  </a:cxn>
                  <a:cxn ang="0">
                    <a:pos x="317" y="692"/>
                  </a:cxn>
                  <a:cxn ang="0">
                    <a:pos x="309" y="593"/>
                  </a:cxn>
                  <a:cxn ang="0">
                    <a:pos x="250" y="557"/>
                  </a:cxn>
                  <a:cxn ang="0">
                    <a:pos x="160" y="582"/>
                  </a:cxn>
                  <a:cxn ang="0">
                    <a:pos x="131" y="626"/>
                  </a:cxn>
                  <a:cxn ang="0">
                    <a:pos x="92" y="666"/>
                  </a:cxn>
                  <a:cxn ang="0">
                    <a:pos x="28" y="654"/>
                  </a:cxn>
                  <a:cxn ang="0">
                    <a:pos x="7" y="587"/>
                  </a:cxn>
                  <a:cxn ang="0">
                    <a:pos x="94" y="505"/>
                  </a:cxn>
                  <a:cxn ang="0">
                    <a:pos x="166" y="400"/>
                  </a:cxn>
                  <a:cxn ang="0">
                    <a:pos x="252" y="315"/>
                  </a:cxn>
                  <a:cxn ang="0">
                    <a:pos x="322" y="268"/>
                  </a:cxn>
                  <a:cxn ang="0">
                    <a:pos x="401" y="248"/>
                  </a:cxn>
                  <a:cxn ang="0">
                    <a:pos x="459" y="185"/>
                  </a:cxn>
                  <a:cxn ang="0">
                    <a:pos x="416" y="167"/>
                  </a:cxn>
                  <a:cxn ang="0">
                    <a:pos x="402" y="140"/>
                  </a:cxn>
                  <a:cxn ang="0">
                    <a:pos x="459" y="78"/>
                  </a:cxn>
                  <a:cxn ang="0">
                    <a:pos x="551" y="106"/>
                  </a:cxn>
                  <a:cxn ang="0">
                    <a:pos x="617" y="106"/>
                  </a:cxn>
                  <a:cxn ang="0">
                    <a:pos x="708" y="96"/>
                  </a:cxn>
                  <a:cxn ang="0">
                    <a:pos x="792" y="92"/>
                  </a:cxn>
                  <a:cxn ang="0">
                    <a:pos x="857" y="97"/>
                  </a:cxn>
                  <a:cxn ang="0">
                    <a:pos x="934" y="139"/>
                  </a:cxn>
                  <a:cxn ang="0">
                    <a:pos x="973" y="112"/>
                  </a:cxn>
                  <a:cxn ang="0">
                    <a:pos x="980" y="8"/>
                  </a:cxn>
                  <a:cxn ang="0">
                    <a:pos x="1030" y="5"/>
                  </a:cxn>
                  <a:cxn ang="0">
                    <a:pos x="1134" y="66"/>
                  </a:cxn>
                  <a:cxn ang="0">
                    <a:pos x="1291" y="215"/>
                  </a:cxn>
                  <a:cxn ang="0">
                    <a:pos x="1288" y="283"/>
                  </a:cxn>
                </a:cxnLst>
                <a:rect l="0" t="0" r="r" b="b"/>
                <a:pathLst>
                  <a:path w="1497" h="919">
                    <a:moveTo>
                      <a:pt x="1260" y="302"/>
                    </a:moveTo>
                    <a:lnTo>
                      <a:pt x="1252" y="308"/>
                    </a:lnTo>
                    <a:lnTo>
                      <a:pt x="1245" y="315"/>
                    </a:lnTo>
                    <a:lnTo>
                      <a:pt x="1240" y="323"/>
                    </a:lnTo>
                    <a:lnTo>
                      <a:pt x="1236" y="330"/>
                    </a:lnTo>
                    <a:lnTo>
                      <a:pt x="1234" y="338"/>
                    </a:lnTo>
                    <a:lnTo>
                      <a:pt x="1231" y="347"/>
                    </a:lnTo>
                    <a:lnTo>
                      <a:pt x="1230" y="355"/>
                    </a:lnTo>
                    <a:lnTo>
                      <a:pt x="1230" y="364"/>
                    </a:lnTo>
                    <a:lnTo>
                      <a:pt x="1232" y="402"/>
                    </a:lnTo>
                    <a:lnTo>
                      <a:pt x="1236" y="437"/>
                    </a:lnTo>
                    <a:lnTo>
                      <a:pt x="1305" y="425"/>
                    </a:lnTo>
                    <a:lnTo>
                      <a:pt x="1311" y="428"/>
                    </a:lnTo>
                    <a:lnTo>
                      <a:pt x="1317" y="431"/>
                    </a:lnTo>
                    <a:lnTo>
                      <a:pt x="1322" y="434"/>
                    </a:lnTo>
                    <a:lnTo>
                      <a:pt x="1326" y="438"/>
                    </a:lnTo>
                    <a:lnTo>
                      <a:pt x="1332" y="447"/>
                    </a:lnTo>
                    <a:lnTo>
                      <a:pt x="1337" y="457"/>
                    </a:lnTo>
                    <a:lnTo>
                      <a:pt x="1341" y="468"/>
                    </a:lnTo>
                    <a:lnTo>
                      <a:pt x="1345" y="479"/>
                    </a:lnTo>
                    <a:lnTo>
                      <a:pt x="1349" y="490"/>
                    </a:lnTo>
                    <a:lnTo>
                      <a:pt x="1356" y="501"/>
                    </a:lnTo>
                    <a:lnTo>
                      <a:pt x="1362" y="510"/>
                    </a:lnTo>
                    <a:lnTo>
                      <a:pt x="1368" y="516"/>
                    </a:lnTo>
                    <a:lnTo>
                      <a:pt x="1375" y="521"/>
                    </a:lnTo>
                    <a:lnTo>
                      <a:pt x="1383" y="523"/>
                    </a:lnTo>
                    <a:lnTo>
                      <a:pt x="1390" y="525"/>
                    </a:lnTo>
                    <a:lnTo>
                      <a:pt x="1398" y="525"/>
                    </a:lnTo>
                    <a:lnTo>
                      <a:pt x="1407" y="525"/>
                    </a:lnTo>
                    <a:lnTo>
                      <a:pt x="1418" y="523"/>
                    </a:lnTo>
                    <a:lnTo>
                      <a:pt x="1437" y="521"/>
                    </a:lnTo>
                    <a:lnTo>
                      <a:pt x="1458" y="521"/>
                    </a:lnTo>
                    <a:lnTo>
                      <a:pt x="1468" y="522"/>
                    </a:lnTo>
                    <a:lnTo>
                      <a:pt x="1477" y="525"/>
                    </a:lnTo>
                    <a:lnTo>
                      <a:pt x="1488" y="527"/>
                    </a:lnTo>
                    <a:lnTo>
                      <a:pt x="1497" y="531"/>
                    </a:lnTo>
                    <a:lnTo>
                      <a:pt x="1472" y="573"/>
                    </a:lnTo>
                    <a:lnTo>
                      <a:pt x="1466" y="584"/>
                    </a:lnTo>
                    <a:lnTo>
                      <a:pt x="1460" y="596"/>
                    </a:lnTo>
                    <a:lnTo>
                      <a:pt x="1459" y="602"/>
                    </a:lnTo>
                    <a:lnTo>
                      <a:pt x="1459" y="609"/>
                    </a:lnTo>
                    <a:lnTo>
                      <a:pt x="1459" y="615"/>
                    </a:lnTo>
                    <a:lnTo>
                      <a:pt x="1462" y="622"/>
                    </a:lnTo>
                    <a:lnTo>
                      <a:pt x="1466" y="634"/>
                    </a:lnTo>
                    <a:lnTo>
                      <a:pt x="1468" y="644"/>
                    </a:lnTo>
                    <a:lnTo>
                      <a:pt x="1470" y="649"/>
                    </a:lnTo>
                    <a:lnTo>
                      <a:pt x="1470" y="654"/>
                    </a:lnTo>
                    <a:lnTo>
                      <a:pt x="1470" y="661"/>
                    </a:lnTo>
                    <a:lnTo>
                      <a:pt x="1467" y="667"/>
                    </a:lnTo>
                    <a:lnTo>
                      <a:pt x="1464" y="675"/>
                    </a:lnTo>
                    <a:lnTo>
                      <a:pt x="1460" y="681"/>
                    </a:lnTo>
                    <a:lnTo>
                      <a:pt x="1455" y="685"/>
                    </a:lnTo>
                    <a:lnTo>
                      <a:pt x="1449" y="689"/>
                    </a:lnTo>
                    <a:lnTo>
                      <a:pt x="1442" y="691"/>
                    </a:lnTo>
                    <a:lnTo>
                      <a:pt x="1436" y="691"/>
                    </a:lnTo>
                    <a:lnTo>
                      <a:pt x="1428" y="691"/>
                    </a:lnTo>
                    <a:lnTo>
                      <a:pt x="1420" y="689"/>
                    </a:lnTo>
                    <a:lnTo>
                      <a:pt x="1405" y="685"/>
                    </a:lnTo>
                    <a:lnTo>
                      <a:pt x="1389" y="681"/>
                    </a:lnTo>
                    <a:lnTo>
                      <a:pt x="1383" y="680"/>
                    </a:lnTo>
                    <a:lnTo>
                      <a:pt x="1376" y="680"/>
                    </a:lnTo>
                    <a:lnTo>
                      <a:pt x="1371" y="680"/>
                    </a:lnTo>
                    <a:lnTo>
                      <a:pt x="1366" y="681"/>
                    </a:lnTo>
                    <a:lnTo>
                      <a:pt x="1363" y="683"/>
                    </a:lnTo>
                    <a:lnTo>
                      <a:pt x="1362" y="684"/>
                    </a:lnTo>
                    <a:lnTo>
                      <a:pt x="1359" y="688"/>
                    </a:lnTo>
                    <a:lnTo>
                      <a:pt x="1358" y="691"/>
                    </a:lnTo>
                    <a:lnTo>
                      <a:pt x="1358" y="698"/>
                    </a:lnTo>
                    <a:lnTo>
                      <a:pt x="1358" y="707"/>
                    </a:lnTo>
                    <a:lnTo>
                      <a:pt x="1359" y="726"/>
                    </a:lnTo>
                    <a:lnTo>
                      <a:pt x="1362" y="740"/>
                    </a:lnTo>
                    <a:lnTo>
                      <a:pt x="1361" y="748"/>
                    </a:lnTo>
                    <a:lnTo>
                      <a:pt x="1361" y="755"/>
                    </a:lnTo>
                    <a:lnTo>
                      <a:pt x="1358" y="761"/>
                    </a:lnTo>
                    <a:lnTo>
                      <a:pt x="1357" y="766"/>
                    </a:lnTo>
                    <a:lnTo>
                      <a:pt x="1353" y="770"/>
                    </a:lnTo>
                    <a:lnTo>
                      <a:pt x="1350" y="772"/>
                    </a:lnTo>
                    <a:lnTo>
                      <a:pt x="1346" y="775"/>
                    </a:lnTo>
                    <a:lnTo>
                      <a:pt x="1343" y="776"/>
                    </a:lnTo>
                    <a:lnTo>
                      <a:pt x="1332" y="777"/>
                    </a:lnTo>
                    <a:lnTo>
                      <a:pt x="1322" y="775"/>
                    </a:lnTo>
                    <a:lnTo>
                      <a:pt x="1310" y="772"/>
                    </a:lnTo>
                    <a:lnTo>
                      <a:pt x="1297" y="768"/>
                    </a:lnTo>
                    <a:lnTo>
                      <a:pt x="1284" y="763"/>
                    </a:lnTo>
                    <a:lnTo>
                      <a:pt x="1273" y="761"/>
                    </a:lnTo>
                    <a:lnTo>
                      <a:pt x="1261" y="759"/>
                    </a:lnTo>
                    <a:lnTo>
                      <a:pt x="1247" y="759"/>
                    </a:lnTo>
                    <a:lnTo>
                      <a:pt x="1239" y="758"/>
                    </a:lnTo>
                    <a:lnTo>
                      <a:pt x="1231" y="757"/>
                    </a:lnTo>
                    <a:lnTo>
                      <a:pt x="1223" y="754"/>
                    </a:lnTo>
                    <a:lnTo>
                      <a:pt x="1216" y="751"/>
                    </a:lnTo>
                    <a:lnTo>
                      <a:pt x="1200" y="745"/>
                    </a:lnTo>
                    <a:lnTo>
                      <a:pt x="1186" y="738"/>
                    </a:lnTo>
                    <a:lnTo>
                      <a:pt x="1174" y="724"/>
                    </a:lnTo>
                    <a:lnTo>
                      <a:pt x="1160" y="700"/>
                    </a:lnTo>
                    <a:lnTo>
                      <a:pt x="1153" y="688"/>
                    </a:lnTo>
                    <a:lnTo>
                      <a:pt x="1146" y="679"/>
                    </a:lnTo>
                    <a:lnTo>
                      <a:pt x="1142" y="675"/>
                    </a:lnTo>
                    <a:lnTo>
                      <a:pt x="1139" y="672"/>
                    </a:lnTo>
                    <a:lnTo>
                      <a:pt x="1135" y="670"/>
                    </a:lnTo>
                    <a:lnTo>
                      <a:pt x="1133" y="670"/>
                    </a:lnTo>
                    <a:lnTo>
                      <a:pt x="1130" y="671"/>
                    </a:lnTo>
                    <a:lnTo>
                      <a:pt x="1126" y="674"/>
                    </a:lnTo>
                    <a:lnTo>
                      <a:pt x="1122" y="676"/>
                    </a:lnTo>
                    <a:lnTo>
                      <a:pt x="1120" y="680"/>
                    </a:lnTo>
                    <a:lnTo>
                      <a:pt x="1113" y="691"/>
                    </a:lnTo>
                    <a:lnTo>
                      <a:pt x="1109" y="701"/>
                    </a:lnTo>
                    <a:lnTo>
                      <a:pt x="1105" y="713"/>
                    </a:lnTo>
                    <a:lnTo>
                      <a:pt x="1102" y="723"/>
                    </a:lnTo>
                    <a:lnTo>
                      <a:pt x="1100" y="733"/>
                    </a:lnTo>
                    <a:lnTo>
                      <a:pt x="1099" y="741"/>
                    </a:lnTo>
                    <a:lnTo>
                      <a:pt x="1098" y="753"/>
                    </a:lnTo>
                    <a:lnTo>
                      <a:pt x="1096" y="763"/>
                    </a:lnTo>
                    <a:lnTo>
                      <a:pt x="1093" y="772"/>
                    </a:lnTo>
                    <a:lnTo>
                      <a:pt x="1089" y="781"/>
                    </a:lnTo>
                    <a:lnTo>
                      <a:pt x="1078" y="798"/>
                    </a:lnTo>
                    <a:lnTo>
                      <a:pt x="1065" y="815"/>
                    </a:lnTo>
                    <a:lnTo>
                      <a:pt x="1051" y="830"/>
                    </a:lnTo>
                    <a:lnTo>
                      <a:pt x="1037" y="846"/>
                    </a:lnTo>
                    <a:lnTo>
                      <a:pt x="1024" y="864"/>
                    </a:lnTo>
                    <a:lnTo>
                      <a:pt x="1011" y="884"/>
                    </a:lnTo>
                    <a:lnTo>
                      <a:pt x="1007" y="891"/>
                    </a:lnTo>
                    <a:lnTo>
                      <a:pt x="1002" y="899"/>
                    </a:lnTo>
                    <a:lnTo>
                      <a:pt x="997" y="906"/>
                    </a:lnTo>
                    <a:lnTo>
                      <a:pt x="991" y="911"/>
                    </a:lnTo>
                    <a:lnTo>
                      <a:pt x="986" y="915"/>
                    </a:lnTo>
                    <a:lnTo>
                      <a:pt x="982" y="917"/>
                    </a:lnTo>
                    <a:lnTo>
                      <a:pt x="977" y="919"/>
                    </a:lnTo>
                    <a:lnTo>
                      <a:pt x="972" y="919"/>
                    </a:lnTo>
                    <a:lnTo>
                      <a:pt x="967" y="919"/>
                    </a:lnTo>
                    <a:lnTo>
                      <a:pt x="963" y="916"/>
                    </a:lnTo>
                    <a:lnTo>
                      <a:pt x="958" y="913"/>
                    </a:lnTo>
                    <a:lnTo>
                      <a:pt x="953" y="909"/>
                    </a:lnTo>
                    <a:lnTo>
                      <a:pt x="944" y="899"/>
                    </a:lnTo>
                    <a:lnTo>
                      <a:pt x="933" y="885"/>
                    </a:lnTo>
                    <a:lnTo>
                      <a:pt x="918" y="852"/>
                    </a:lnTo>
                    <a:lnTo>
                      <a:pt x="903" y="819"/>
                    </a:lnTo>
                    <a:lnTo>
                      <a:pt x="896" y="803"/>
                    </a:lnTo>
                    <a:lnTo>
                      <a:pt x="884" y="790"/>
                    </a:lnTo>
                    <a:lnTo>
                      <a:pt x="879" y="784"/>
                    </a:lnTo>
                    <a:lnTo>
                      <a:pt x="871" y="779"/>
                    </a:lnTo>
                    <a:lnTo>
                      <a:pt x="863" y="773"/>
                    </a:lnTo>
                    <a:lnTo>
                      <a:pt x="854" y="770"/>
                    </a:lnTo>
                    <a:lnTo>
                      <a:pt x="846" y="766"/>
                    </a:lnTo>
                    <a:lnTo>
                      <a:pt x="839" y="762"/>
                    </a:lnTo>
                    <a:lnTo>
                      <a:pt x="833" y="758"/>
                    </a:lnTo>
                    <a:lnTo>
                      <a:pt x="828" y="754"/>
                    </a:lnTo>
                    <a:lnTo>
                      <a:pt x="824" y="749"/>
                    </a:lnTo>
                    <a:lnTo>
                      <a:pt x="822" y="744"/>
                    </a:lnTo>
                    <a:lnTo>
                      <a:pt x="819" y="740"/>
                    </a:lnTo>
                    <a:lnTo>
                      <a:pt x="818" y="735"/>
                    </a:lnTo>
                    <a:lnTo>
                      <a:pt x="817" y="724"/>
                    </a:lnTo>
                    <a:lnTo>
                      <a:pt x="818" y="714"/>
                    </a:lnTo>
                    <a:lnTo>
                      <a:pt x="820" y="705"/>
                    </a:lnTo>
                    <a:lnTo>
                      <a:pt x="824" y="694"/>
                    </a:lnTo>
                    <a:lnTo>
                      <a:pt x="832" y="678"/>
                    </a:lnTo>
                    <a:lnTo>
                      <a:pt x="836" y="665"/>
                    </a:lnTo>
                    <a:lnTo>
                      <a:pt x="836" y="663"/>
                    </a:lnTo>
                    <a:lnTo>
                      <a:pt x="835" y="661"/>
                    </a:lnTo>
                    <a:lnTo>
                      <a:pt x="833" y="659"/>
                    </a:lnTo>
                    <a:lnTo>
                      <a:pt x="831" y="658"/>
                    </a:lnTo>
                    <a:lnTo>
                      <a:pt x="824" y="658"/>
                    </a:lnTo>
                    <a:lnTo>
                      <a:pt x="814" y="661"/>
                    </a:lnTo>
                    <a:lnTo>
                      <a:pt x="802" y="665"/>
                    </a:lnTo>
                    <a:lnTo>
                      <a:pt x="789" y="672"/>
                    </a:lnTo>
                    <a:lnTo>
                      <a:pt x="774" y="681"/>
                    </a:lnTo>
                    <a:lnTo>
                      <a:pt x="760" y="693"/>
                    </a:lnTo>
                    <a:lnTo>
                      <a:pt x="731" y="718"/>
                    </a:lnTo>
                    <a:lnTo>
                      <a:pt x="712" y="738"/>
                    </a:lnTo>
                    <a:lnTo>
                      <a:pt x="706" y="746"/>
                    </a:lnTo>
                    <a:lnTo>
                      <a:pt x="701" y="754"/>
                    </a:lnTo>
                    <a:lnTo>
                      <a:pt x="696" y="764"/>
                    </a:lnTo>
                    <a:lnTo>
                      <a:pt x="692" y="773"/>
                    </a:lnTo>
                    <a:lnTo>
                      <a:pt x="686" y="793"/>
                    </a:lnTo>
                    <a:lnTo>
                      <a:pt x="678" y="812"/>
                    </a:lnTo>
                    <a:lnTo>
                      <a:pt x="673" y="820"/>
                    </a:lnTo>
                    <a:lnTo>
                      <a:pt x="668" y="828"/>
                    </a:lnTo>
                    <a:lnTo>
                      <a:pt x="661" y="834"/>
                    </a:lnTo>
                    <a:lnTo>
                      <a:pt x="655" y="841"/>
                    </a:lnTo>
                    <a:lnTo>
                      <a:pt x="646" y="845"/>
                    </a:lnTo>
                    <a:lnTo>
                      <a:pt x="637" y="847"/>
                    </a:lnTo>
                    <a:lnTo>
                      <a:pt x="625" y="847"/>
                    </a:lnTo>
                    <a:lnTo>
                      <a:pt x="611" y="847"/>
                    </a:lnTo>
                    <a:lnTo>
                      <a:pt x="594" y="843"/>
                    </a:lnTo>
                    <a:lnTo>
                      <a:pt x="581" y="840"/>
                    </a:lnTo>
                    <a:lnTo>
                      <a:pt x="568" y="837"/>
                    </a:lnTo>
                    <a:lnTo>
                      <a:pt x="557" y="833"/>
                    </a:lnTo>
                    <a:lnTo>
                      <a:pt x="541" y="825"/>
                    </a:lnTo>
                    <a:lnTo>
                      <a:pt x="526" y="820"/>
                    </a:lnTo>
                    <a:lnTo>
                      <a:pt x="520" y="818"/>
                    </a:lnTo>
                    <a:lnTo>
                      <a:pt x="512" y="816"/>
                    </a:lnTo>
                    <a:lnTo>
                      <a:pt x="504" y="816"/>
                    </a:lnTo>
                    <a:lnTo>
                      <a:pt x="495" y="816"/>
                    </a:lnTo>
                    <a:lnTo>
                      <a:pt x="485" y="818"/>
                    </a:lnTo>
                    <a:lnTo>
                      <a:pt x="472" y="821"/>
                    </a:lnTo>
                    <a:lnTo>
                      <a:pt x="458" y="825"/>
                    </a:lnTo>
                    <a:lnTo>
                      <a:pt x="441" y="830"/>
                    </a:lnTo>
                    <a:lnTo>
                      <a:pt x="427" y="836"/>
                    </a:lnTo>
                    <a:lnTo>
                      <a:pt x="412" y="837"/>
                    </a:lnTo>
                    <a:lnTo>
                      <a:pt x="399" y="837"/>
                    </a:lnTo>
                    <a:lnTo>
                      <a:pt x="388" y="834"/>
                    </a:lnTo>
                    <a:lnTo>
                      <a:pt x="364" y="827"/>
                    </a:lnTo>
                    <a:lnTo>
                      <a:pt x="339" y="815"/>
                    </a:lnTo>
                    <a:lnTo>
                      <a:pt x="339" y="805"/>
                    </a:lnTo>
                    <a:lnTo>
                      <a:pt x="337" y="793"/>
                    </a:lnTo>
                    <a:lnTo>
                      <a:pt x="337" y="781"/>
                    </a:lnTo>
                    <a:lnTo>
                      <a:pt x="337" y="771"/>
                    </a:lnTo>
                    <a:lnTo>
                      <a:pt x="335" y="761"/>
                    </a:lnTo>
                    <a:lnTo>
                      <a:pt x="331" y="753"/>
                    </a:lnTo>
                    <a:lnTo>
                      <a:pt x="327" y="745"/>
                    </a:lnTo>
                    <a:lnTo>
                      <a:pt x="322" y="736"/>
                    </a:lnTo>
                    <a:lnTo>
                      <a:pt x="318" y="731"/>
                    </a:lnTo>
                    <a:lnTo>
                      <a:pt x="317" y="724"/>
                    </a:lnTo>
                    <a:lnTo>
                      <a:pt x="315" y="719"/>
                    </a:lnTo>
                    <a:lnTo>
                      <a:pt x="315" y="711"/>
                    </a:lnTo>
                    <a:lnTo>
                      <a:pt x="315" y="701"/>
                    </a:lnTo>
                    <a:lnTo>
                      <a:pt x="317" y="692"/>
                    </a:lnTo>
                    <a:lnTo>
                      <a:pt x="320" y="684"/>
                    </a:lnTo>
                    <a:lnTo>
                      <a:pt x="324" y="674"/>
                    </a:lnTo>
                    <a:lnTo>
                      <a:pt x="323" y="648"/>
                    </a:lnTo>
                    <a:lnTo>
                      <a:pt x="320" y="624"/>
                    </a:lnTo>
                    <a:lnTo>
                      <a:pt x="318" y="613"/>
                    </a:lnTo>
                    <a:lnTo>
                      <a:pt x="314" y="602"/>
                    </a:lnTo>
                    <a:lnTo>
                      <a:pt x="309" y="593"/>
                    </a:lnTo>
                    <a:lnTo>
                      <a:pt x="304" y="584"/>
                    </a:lnTo>
                    <a:lnTo>
                      <a:pt x="298" y="577"/>
                    </a:lnTo>
                    <a:lnTo>
                      <a:pt x="291" y="570"/>
                    </a:lnTo>
                    <a:lnTo>
                      <a:pt x="282" y="565"/>
                    </a:lnTo>
                    <a:lnTo>
                      <a:pt x="272" y="561"/>
                    </a:lnTo>
                    <a:lnTo>
                      <a:pt x="262" y="558"/>
                    </a:lnTo>
                    <a:lnTo>
                      <a:pt x="250" y="557"/>
                    </a:lnTo>
                    <a:lnTo>
                      <a:pt x="236" y="558"/>
                    </a:lnTo>
                    <a:lnTo>
                      <a:pt x="222" y="560"/>
                    </a:lnTo>
                    <a:lnTo>
                      <a:pt x="205" y="564"/>
                    </a:lnTo>
                    <a:lnTo>
                      <a:pt x="191" y="567"/>
                    </a:lnTo>
                    <a:lnTo>
                      <a:pt x="177" y="571"/>
                    </a:lnTo>
                    <a:lnTo>
                      <a:pt x="165" y="578"/>
                    </a:lnTo>
                    <a:lnTo>
                      <a:pt x="160" y="582"/>
                    </a:lnTo>
                    <a:lnTo>
                      <a:pt x="155" y="586"/>
                    </a:lnTo>
                    <a:lnTo>
                      <a:pt x="149" y="591"/>
                    </a:lnTo>
                    <a:lnTo>
                      <a:pt x="146" y="596"/>
                    </a:lnTo>
                    <a:lnTo>
                      <a:pt x="140" y="602"/>
                    </a:lnTo>
                    <a:lnTo>
                      <a:pt x="138" y="610"/>
                    </a:lnTo>
                    <a:lnTo>
                      <a:pt x="134" y="618"/>
                    </a:lnTo>
                    <a:lnTo>
                      <a:pt x="131" y="626"/>
                    </a:lnTo>
                    <a:lnTo>
                      <a:pt x="130" y="632"/>
                    </a:lnTo>
                    <a:lnTo>
                      <a:pt x="127" y="639"/>
                    </a:lnTo>
                    <a:lnTo>
                      <a:pt x="125" y="644"/>
                    </a:lnTo>
                    <a:lnTo>
                      <a:pt x="121" y="648"/>
                    </a:lnTo>
                    <a:lnTo>
                      <a:pt x="113" y="656"/>
                    </a:lnTo>
                    <a:lnTo>
                      <a:pt x="104" y="662"/>
                    </a:lnTo>
                    <a:lnTo>
                      <a:pt x="92" y="666"/>
                    </a:lnTo>
                    <a:lnTo>
                      <a:pt x="81" y="669"/>
                    </a:lnTo>
                    <a:lnTo>
                      <a:pt x="69" y="669"/>
                    </a:lnTo>
                    <a:lnTo>
                      <a:pt x="56" y="667"/>
                    </a:lnTo>
                    <a:lnTo>
                      <a:pt x="47" y="666"/>
                    </a:lnTo>
                    <a:lnTo>
                      <a:pt x="39" y="662"/>
                    </a:lnTo>
                    <a:lnTo>
                      <a:pt x="33" y="658"/>
                    </a:lnTo>
                    <a:lnTo>
                      <a:pt x="28" y="654"/>
                    </a:lnTo>
                    <a:lnTo>
                      <a:pt x="17" y="641"/>
                    </a:lnTo>
                    <a:lnTo>
                      <a:pt x="8" y="628"/>
                    </a:lnTo>
                    <a:lnTo>
                      <a:pt x="3" y="618"/>
                    </a:lnTo>
                    <a:lnTo>
                      <a:pt x="0" y="609"/>
                    </a:lnTo>
                    <a:lnTo>
                      <a:pt x="0" y="601"/>
                    </a:lnTo>
                    <a:lnTo>
                      <a:pt x="3" y="593"/>
                    </a:lnTo>
                    <a:lnTo>
                      <a:pt x="7" y="587"/>
                    </a:lnTo>
                    <a:lnTo>
                      <a:pt x="13" y="580"/>
                    </a:lnTo>
                    <a:lnTo>
                      <a:pt x="21" y="574"/>
                    </a:lnTo>
                    <a:lnTo>
                      <a:pt x="29" y="569"/>
                    </a:lnTo>
                    <a:lnTo>
                      <a:pt x="51" y="548"/>
                    </a:lnTo>
                    <a:lnTo>
                      <a:pt x="74" y="527"/>
                    </a:lnTo>
                    <a:lnTo>
                      <a:pt x="85" y="517"/>
                    </a:lnTo>
                    <a:lnTo>
                      <a:pt x="94" y="505"/>
                    </a:lnTo>
                    <a:lnTo>
                      <a:pt x="103" y="494"/>
                    </a:lnTo>
                    <a:lnTo>
                      <a:pt x="111" y="481"/>
                    </a:lnTo>
                    <a:lnTo>
                      <a:pt x="125" y="456"/>
                    </a:lnTo>
                    <a:lnTo>
                      <a:pt x="139" y="431"/>
                    </a:lnTo>
                    <a:lnTo>
                      <a:pt x="147" y="420"/>
                    </a:lnTo>
                    <a:lnTo>
                      <a:pt x="156" y="409"/>
                    </a:lnTo>
                    <a:lnTo>
                      <a:pt x="166" y="400"/>
                    </a:lnTo>
                    <a:lnTo>
                      <a:pt x="179" y="393"/>
                    </a:lnTo>
                    <a:lnTo>
                      <a:pt x="190" y="385"/>
                    </a:lnTo>
                    <a:lnTo>
                      <a:pt x="200" y="377"/>
                    </a:lnTo>
                    <a:lnTo>
                      <a:pt x="209" y="368"/>
                    </a:lnTo>
                    <a:lnTo>
                      <a:pt x="218" y="358"/>
                    </a:lnTo>
                    <a:lnTo>
                      <a:pt x="236" y="337"/>
                    </a:lnTo>
                    <a:lnTo>
                      <a:pt x="252" y="315"/>
                    </a:lnTo>
                    <a:lnTo>
                      <a:pt x="261" y="305"/>
                    </a:lnTo>
                    <a:lnTo>
                      <a:pt x="270" y="295"/>
                    </a:lnTo>
                    <a:lnTo>
                      <a:pt x="279" y="288"/>
                    </a:lnTo>
                    <a:lnTo>
                      <a:pt x="288" y="280"/>
                    </a:lnTo>
                    <a:lnTo>
                      <a:pt x="298" y="275"/>
                    </a:lnTo>
                    <a:lnTo>
                      <a:pt x="310" y="271"/>
                    </a:lnTo>
                    <a:lnTo>
                      <a:pt x="322" y="268"/>
                    </a:lnTo>
                    <a:lnTo>
                      <a:pt x="335" y="270"/>
                    </a:lnTo>
                    <a:lnTo>
                      <a:pt x="342" y="270"/>
                    </a:lnTo>
                    <a:lnTo>
                      <a:pt x="350" y="268"/>
                    </a:lnTo>
                    <a:lnTo>
                      <a:pt x="359" y="267"/>
                    </a:lnTo>
                    <a:lnTo>
                      <a:pt x="367" y="264"/>
                    </a:lnTo>
                    <a:lnTo>
                      <a:pt x="385" y="258"/>
                    </a:lnTo>
                    <a:lnTo>
                      <a:pt x="401" y="248"/>
                    </a:lnTo>
                    <a:lnTo>
                      <a:pt x="416" y="237"/>
                    </a:lnTo>
                    <a:lnTo>
                      <a:pt x="432" y="224"/>
                    </a:lnTo>
                    <a:lnTo>
                      <a:pt x="443" y="211"/>
                    </a:lnTo>
                    <a:lnTo>
                      <a:pt x="454" y="198"/>
                    </a:lnTo>
                    <a:lnTo>
                      <a:pt x="456" y="193"/>
                    </a:lnTo>
                    <a:lnTo>
                      <a:pt x="458" y="189"/>
                    </a:lnTo>
                    <a:lnTo>
                      <a:pt x="459" y="185"/>
                    </a:lnTo>
                    <a:lnTo>
                      <a:pt x="458" y="183"/>
                    </a:lnTo>
                    <a:lnTo>
                      <a:pt x="456" y="180"/>
                    </a:lnTo>
                    <a:lnTo>
                      <a:pt x="455" y="179"/>
                    </a:lnTo>
                    <a:lnTo>
                      <a:pt x="451" y="178"/>
                    </a:lnTo>
                    <a:lnTo>
                      <a:pt x="449" y="176"/>
                    </a:lnTo>
                    <a:lnTo>
                      <a:pt x="432" y="172"/>
                    </a:lnTo>
                    <a:lnTo>
                      <a:pt x="416" y="167"/>
                    </a:lnTo>
                    <a:lnTo>
                      <a:pt x="411" y="163"/>
                    </a:lnTo>
                    <a:lnTo>
                      <a:pt x="407" y="159"/>
                    </a:lnTo>
                    <a:lnTo>
                      <a:pt x="403" y="156"/>
                    </a:lnTo>
                    <a:lnTo>
                      <a:pt x="402" y="152"/>
                    </a:lnTo>
                    <a:lnTo>
                      <a:pt x="401" y="148"/>
                    </a:lnTo>
                    <a:lnTo>
                      <a:pt x="401" y="144"/>
                    </a:lnTo>
                    <a:lnTo>
                      <a:pt x="402" y="140"/>
                    </a:lnTo>
                    <a:lnTo>
                      <a:pt x="403" y="136"/>
                    </a:lnTo>
                    <a:lnTo>
                      <a:pt x="414" y="121"/>
                    </a:lnTo>
                    <a:lnTo>
                      <a:pt x="427" y="104"/>
                    </a:lnTo>
                    <a:lnTo>
                      <a:pt x="436" y="93"/>
                    </a:lnTo>
                    <a:lnTo>
                      <a:pt x="443" y="84"/>
                    </a:lnTo>
                    <a:lnTo>
                      <a:pt x="451" y="80"/>
                    </a:lnTo>
                    <a:lnTo>
                      <a:pt x="459" y="78"/>
                    </a:lnTo>
                    <a:lnTo>
                      <a:pt x="468" y="79"/>
                    </a:lnTo>
                    <a:lnTo>
                      <a:pt x="478" y="80"/>
                    </a:lnTo>
                    <a:lnTo>
                      <a:pt x="490" y="86"/>
                    </a:lnTo>
                    <a:lnTo>
                      <a:pt x="504" y="91"/>
                    </a:lnTo>
                    <a:lnTo>
                      <a:pt x="519" y="96"/>
                    </a:lnTo>
                    <a:lnTo>
                      <a:pt x="534" y="101"/>
                    </a:lnTo>
                    <a:lnTo>
                      <a:pt x="551" y="106"/>
                    </a:lnTo>
                    <a:lnTo>
                      <a:pt x="569" y="110"/>
                    </a:lnTo>
                    <a:lnTo>
                      <a:pt x="577" y="112"/>
                    </a:lnTo>
                    <a:lnTo>
                      <a:pt x="586" y="113"/>
                    </a:lnTo>
                    <a:lnTo>
                      <a:pt x="594" y="112"/>
                    </a:lnTo>
                    <a:lnTo>
                      <a:pt x="603" y="112"/>
                    </a:lnTo>
                    <a:lnTo>
                      <a:pt x="609" y="110"/>
                    </a:lnTo>
                    <a:lnTo>
                      <a:pt x="617" y="106"/>
                    </a:lnTo>
                    <a:lnTo>
                      <a:pt x="624" y="104"/>
                    </a:lnTo>
                    <a:lnTo>
                      <a:pt x="630" y="99"/>
                    </a:lnTo>
                    <a:lnTo>
                      <a:pt x="691" y="70"/>
                    </a:lnTo>
                    <a:lnTo>
                      <a:pt x="694" y="78"/>
                    </a:lnTo>
                    <a:lnTo>
                      <a:pt x="699" y="84"/>
                    </a:lnTo>
                    <a:lnTo>
                      <a:pt x="703" y="91"/>
                    </a:lnTo>
                    <a:lnTo>
                      <a:pt x="708" y="96"/>
                    </a:lnTo>
                    <a:lnTo>
                      <a:pt x="714" y="100"/>
                    </a:lnTo>
                    <a:lnTo>
                      <a:pt x="721" y="102"/>
                    </a:lnTo>
                    <a:lnTo>
                      <a:pt x="728" y="105"/>
                    </a:lnTo>
                    <a:lnTo>
                      <a:pt x="736" y="105"/>
                    </a:lnTo>
                    <a:lnTo>
                      <a:pt x="758" y="101"/>
                    </a:lnTo>
                    <a:lnTo>
                      <a:pt x="780" y="95"/>
                    </a:lnTo>
                    <a:lnTo>
                      <a:pt x="792" y="92"/>
                    </a:lnTo>
                    <a:lnTo>
                      <a:pt x="804" y="89"/>
                    </a:lnTo>
                    <a:lnTo>
                      <a:pt x="814" y="87"/>
                    </a:lnTo>
                    <a:lnTo>
                      <a:pt x="826" y="87"/>
                    </a:lnTo>
                    <a:lnTo>
                      <a:pt x="833" y="87"/>
                    </a:lnTo>
                    <a:lnTo>
                      <a:pt x="840" y="89"/>
                    </a:lnTo>
                    <a:lnTo>
                      <a:pt x="848" y="93"/>
                    </a:lnTo>
                    <a:lnTo>
                      <a:pt x="857" y="97"/>
                    </a:lnTo>
                    <a:lnTo>
                      <a:pt x="874" y="109"/>
                    </a:lnTo>
                    <a:lnTo>
                      <a:pt x="890" y="119"/>
                    </a:lnTo>
                    <a:lnTo>
                      <a:pt x="900" y="126"/>
                    </a:lnTo>
                    <a:lnTo>
                      <a:pt x="909" y="130"/>
                    </a:lnTo>
                    <a:lnTo>
                      <a:pt x="918" y="134"/>
                    </a:lnTo>
                    <a:lnTo>
                      <a:pt x="925" y="137"/>
                    </a:lnTo>
                    <a:lnTo>
                      <a:pt x="934" y="139"/>
                    </a:lnTo>
                    <a:lnTo>
                      <a:pt x="942" y="139"/>
                    </a:lnTo>
                    <a:lnTo>
                      <a:pt x="950" y="136"/>
                    </a:lnTo>
                    <a:lnTo>
                      <a:pt x="957" y="132"/>
                    </a:lnTo>
                    <a:lnTo>
                      <a:pt x="962" y="127"/>
                    </a:lnTo>
                    <a:lnTo>
                      <a:pt x="967" y="122"/>
                    </a:lnTo>
                    <a:lnTo>
                      <a:pt x="969" y="117"/>
                    </a:lnTo>
                    <a:lnTo>
                      <a:pt x="973" y="112"/>
                    </a:lnTo>
                    <a:lnTo>
                      <a:pt x="971" y="79"/>
                    </a:lnTo>
                    <a:lnTo>
                      <a:pt x="967" y="43"/>
                    </a:lnTo>
                    <a:lnTo>
                      <a:pt x="967" y="34"/>
                    </a:lnTo>
                    <a:lnTo>
                      <a:pt x="968" y="26"/>
                    </a:lnTo>
                    <a:lnTo>
                      <a:pt x="971" y="20"/>
                    </a:lnTo>
                    <a:lnTo>
                      <a:pt x="975" y="13"/>
                    </a:lnTo>
                    <a:lnTo>
                      <a:pt x="980" y="8"/>
                    </a:lnTo>
                    <a:lnTo>
                      <a:pt x="986" y="4"/>
                    </a:lnTo>
                    <a:lnTo>
                      <a:pt x="995" y="1"/>
                    </a:lnTo>
                    <a:lnTo>
                      <a:pt x="1006" y="0"/>
                    </a:lnTo>
                    <a:lnTo>
                      <a:pt x="1012" y="1"/>
                    </a:lnTo>
                    <a:lnTo>
                      <a:pt x="1019" y="1"/>
                    </a:lnTo>
                    <a:lnTo>
                      <a:pt x="1024" y="4"/>
                    </a:lnTo>
                    <a:lnTo>
                      <a:pt x="1030" y="5"/>
                    </a:lnTo>
                    <a:lnTo>
                      <a:pt x="1041" y="12"/>
                    </a:lnTo>
                    <a:lnTo>
                      <a:pt x="1051" y="20"/>
                    </a:lnTo>
                    <a:lnTo>
                      <a:pt x="1069" y="35"/>
                    </a:lnTo>
                    <a:lnTo>
                      <a:pt x="1089" y="49"/>
                    </a:lnTo>
                    <a:lnTo>
                      <a:pt x="1104" y="56"/>
                    </a:lnTo>
                    <a:lnTo>
                      <a:pt x="1118" y="62"/>
                    </a:lnTo>
                    <a:lnTo>
                      <a:pt x="1134" y="66"/>
                    </a:lnTo>
                    <a:lnTo>
                      <a:pt x="1150" y="71"/>
                    </a:lnTo>
                    <a:lnTo>
                      <a:pt x="1165" y="77"/>
                    </a:lnTo>
                    <a:lnTo>
                      <a:pt x="1179" y="83"/>
                    </a:lnTo>
                    <a:lnTo>
                      <a:pt x="1192" y="91"/>
                    </a:lnTo>
                    <a:lnTo>
                      <a:pt x="1205" y="101"/>
                    </a:lnTo>
                    <a:lnTo>
                      <a:pt x="1283" y="176"/>
                    </a:lnTo>
                    <a:lnTo>
                      <a:pt x="1291" y="215"/>
                    </a:lnTo>
                    <a:lnTo>
                      <a:pt x="1289" y="227"/>
                    </a:lnTo>
                    <a:lnTo>
                      <a:pt x="1289" y="237"/>
                    </a:lnTo>
                    <a:lnTo>
                      <a:pt x="1291" y="246"/>
                    </a:lnTo>
                    <a:lnTo>
                      <a:pt x="1291" y="258"/>
                    </a:lnTo>
                    <a:lnTo>
                      <a:pt x="1291" y="268"/>
                    </a:lnTo>
                    <a:lnTo>
                      <a:pt x="1289" y="279"/>
                    </a:lnTo>
                    <a:lnTo>
                      <a:pt x="1288" y="283"/>
                    </a:lnTo>
                    <a:lnTo>
                      <a:pt x="1287" y="286"/>
                    </a:lnTo>
                    <a:lnTo>
                      <a:pt x="1284" y="289"/>
                    </a:lnTo>
                    <a:lnTo>
                      <a:pt x="1280" y="292"/>
                    </a:lnTo>
                    <a:lnTo>
                      <a:pt x="1269" y="297"/>
                    </a:lnTo>
                    <a:lnTo>
                      <a:pt x="1260" y="30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0" name="Freeform 155">
                <a:extLst>
                  <a:ext uri="{FF2B5EF4-FFF2-40B4-BE49-F238E27FC236}">
                    <a16:creationId xmlns:a16="http://schemas.microsoft.com/office/drawing/2014/main" id="{978B1AD3-9DF5-0645-97D4-FF4E534B11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464515" y="4411127"/>
                <a:ext cx="681312" cy="413644"/>
              </a:xfrm>
              <a:custGeom>
                <a:avLst/>
                <a:gdLst/>
                <a:ahLst/>
                <a:cxnLst>
                  <a:cxn ang="0">
                    <a:pos x="1231" y="347"/>
                  </a:cxn>
                  <a:cxn ang="0">
                    <a:pos x="1311" y="428"/>
                  </a:cxn>
                  <a:cxn ang="0">
                    <a:pos x="1345" y="479"/>
                  </a:cxn>
                  <a:cxn ang="0">
                    <a:pos x="1390" y="525"/>
                  </a:cxn>
                  <a:cxn ang="0">
                    <a:pos x="1477" y="525"/>
                  </a:cxn>
                  <a:cxn ang="0">
                    <a:pos x="1459" y="602"/>
                  </a:cxn>
                  <a:cxn ang="0">
                    <a:pos x="1470" y="654"/>
                  </a:cxn>
                  <a:cxn ang="0">
                    <a:pos x="1442" y="691"/>
                  </a:cxn>
                  <a:cxn ang="0">
                    <a:pos x="1376" y="680"/>
                  </a:cxn>
                  <a:cxn ang="0">
                    <a:pos x="1358" y="698"/>
                  </a:cxn>
                  <a:cxn ang="0">
                    <a:pos x="1357" y="766"/>
                  </a:cxn>
                  <a:cxn ang="0">
                    <a:pos x="1310" y="772"/>
                  </a:cxn>
                  <a:cxn ang="0">
                    <a:pos x="1231" y="757"/>
                  </a:cxn>
                  <a:cxn ang="0">
                    <a:pos x="1153" y="688"/>
                  </a:cxn>
                  <a:cxn ang="0">
                    <a:pos x="1126" y="674"/>
                  </a:cxn>
                  <a:cxn ang="0">
                    <a:pos x="1100" y="733"/>
                  </a:cxn>
                  <a:cxn ang="0">
                    <a:pos x="1065" y="815"/>
                  </a:cxn>
                  <a:cxn ang="0">
                    <a:pos x="997" y="906"/>
                  </a:cxn>
                  <a:cxn ang="0">
                    <a:pos x="963" y="916"/>
                  </a:cxn>
                  <a:cxn ang="0">
                    <a:pos x="896" y="803"/>
                  </a:cxn>
                  <a:cxn ang="0">
                    <a:pos x="839" y="762"/>
                  </a:cxn>
                  <a:cxn ang="0">
                    <a:pos x="817" y="724"/>
                  </a:cxn>
                  <a:cxn ang="0">
                    <a:pos x="835" y="661"/>
                  </a:cxn>
                  <a:cxn ang="0">
                    <a:pos x="774" y="681"/>
                  </a:cxn>
                  <a:cxn ang="0">
                    <a:pos x="692" y="773"/>
                  </a:cxn>
                  <a:cxn ang="0">
                    <a:pos x="646" y="845"/>
                  </a:cxn>
                  <a:cxn ang="0">
                    <a:pos x="557" y="833"/>
                  </a:cxn>
                  <a:cxn ang="0">
                    <a:pos x="485" y="818"/>
                  </a:cxn>
                  <a:cxn ang="0">
                    <a:pos x="388" y="834"/>
                  </a:cxn>
                  <a:cxn ang="0">
                    <a:pos x="337" y="771"/>
                  </a:cxn>
                  <a:cxn ang="0">
                    <a:pos x="315" y="719"/>
                  </a:cxn>
                  <a:cxn ang="0">
                    <a:pos x="320" y="624"/>
                  </a:cxn>
                  <a:cxn ang="0">
                    <a:pos x="282" y="565"/>
                  </a:cxn>
                  <a:cxn ang="0">
                    <a:pos x="191" y="567"/>
                  </a:cxn>
                  <a:cxn ang="0">
                    <a:pos x="140" y="602"/>
                  </a:cxn>
                  <a:cxn ang="0">
                    <a:pos x="121" y="648"/>
                  </a:cxn>
                  <a:cxn ang="0">
                    <a:pos x="47" y="666"/>
                  </a:cxn>
                  <a:cxn ang="0">
                    <a:pos x="0" y="609"/>
                  </a:cxn>
                  <a:cxn ang="0">
                    <a:pos x="51" y="548"/>
                  </a:cxn>
                  <a:cxn ang="0">
                    <a:pos x="139" y="431"/>
                  </a:cxn>
                  <a:cxn ang="0">
                    <a:pos x="209" y="368"/>
                  </a:cxn>
                  <a:cxn ang="0">
                    <a:pos x="288" y="280"/>
                  </a:cxn>
                  <a:cxn ang="0">
                    <a:pos x="359" y="267"/>
                  </a:cxn>
                  <a:cxn ang="0">
                    <a:pos x="454" y="198"/>
                  </a:cxn>
                  <a:cxn ang="0">
                    <a:pos x="451" y="178"/>
                  </a:cxn>
                  <a:cxn ang="0">
                    <a:pos x="402" y="152"/>
                  </a:cxn>
                  <a:cxn ang="0">
                    <a:pos x="436" y="93"/>
                  </a:cxn>
                  <a:cxn ang="0">
                    <a:pos x="504" y="91"/>
                  </a:cxn>
                  <a:cxn ang="0">
                    <a:pos x="594" y="112"/>
                  </a:cxn>
                  <a:cxn ang="0">
                    <a:pos x="691" y="70"/>
                  </a:cxn>
                  <a:cxn ang="0">
                    <a:pos x="728" y="105"/>
                  </a:cxn>
                  <a:cxn ang="0">
                    <a:pos x="826" y="87"/>
                  </a:cxn>
                  <a:cxn ang="0">
                    <a:pos x="900" y="126"/>
                  </a:cxn>
                  <a:cxn ang="0">
                    <a:pos x="957" y="132"/>
                  </a:cxn>
                  <a:cxn ang="0">
                    <a:pos x="967" y="34"/>
                  </a:cxn>
                  <a:cxn ang="0">
                    <a:pos x="1006" y="0"/>
                  </a:cxn>
                  <a:cxn ang="0">
                    <a:pos x="1069" y="35"/>
                  </a:cxn>
                  <a:cxn ang="0">
                    <a:pos x="1179" y="83"/>
                  </a:cxn>
                  <a:cxn ang="0">
                    <a:pos x="1289" y="237"/>
                  </a:cxn>
                  <a:cxn ang="0">
                    <a:pos x="1284" y="289"/>
                  </a:cxn>
                </a:cxnLst>
                <a:rect l="0" t="0" r="r" b="b"/>
                <a:pathLst>
                  <a:path w="1497" h="919">
                    <a:moveTo>
                      <a:pt x="1260" y="302"/>
                    </a:moveTo>
                    <a:lnTo>
                      <a:pt x="1252" y="308"/>
                    </a:lnTo>
                    <a:lnTo>
                      <a:pt x="1245" y="315"/>
                    </a:lnTo>
                    <a:lnTo>
                      <a:pt x="1240" y="323"/>
                    </a:lnTo>
                    <a:lnTo>
                      <a:pt x="1236" y="330"/>
                    </a:lnTo>
                    <a:lnTo>
                      <a:pt x="1234" y="338"/>
                    </a:lnTo>
                    <a:lnTo>
                      <a:pt x="1231" y="347"/>
                    </a:lnTo>
                    <a:lnTo>
                      <a:pt x="1230" y="355"/>
                    </a:lnTo>
                    <a:lnTo>
                      <a:pt x="1230" y="364"/>
                    </a:lnTo>
                    <a:lnTo>
                      <a:pt x="1232" y="402"/>
                    </a:lnTo>
                    <a:lnTo>
                      <a:pt x="1236" y="437"/>
                    </a:lnTo>
                    <a:lnTo>
                      <a:pt x="1305" y="425"/>
                    </a:lnTo>
                    <a:lnTo>
                      <a:pt x="1305" y="425"/>
                    </a:lnTo>
                    <a:lnTo>
                      <a:pt x="1311" y="428"/>
                    </a:lnTo>
                    <a:lnTo>
                      <a:pt x="1317" y="431"/>
                    </a:lnTo>
                    <a:lnTo>
                      <a:pt x="1322" y="434"/>
                    </a:lnTo>
                    <a:lnTo>
                      <a:pt x="1326" y="438"/>
                    </a:lnTo>
                    <a:lnTo>
                      <a:pt x="1332" y="447"/>
                    </a:lnTo>
                    <a:lnTo>
                      <a:pt x="1337" y="457"/>
                    </a:lnTo>
                    <a:lnTo>
                      <a:pt x="1341" y="468"/>
                    </a:lnTo>
                    <a:lnTo>
                      <a:pt x="1345" y="479"/>
                    </a:lnTo>
                    <a:lnTo>
                      <a:pt x="1349" y="490"/>
                    </a:lnTo>
                    <a:lnTo>
                      <a:pt x="1356" y="501"/>
                    </a:lnTo>
                    <a:lnTo>
                      <a:pt x="1362" y="510"/>
                    </a:lnTo>
                    <a:lnTo>
                      <a:pt x="1368" y="516"/>
                    </a:lnTo>
                    <a:lnTo>
                      <a:pt x="1375" y="521"/>
                    </a:lnTo>
                    <a:lnTo>
                      <a:pt x="1383" y="523"/>
                    </a:lnTo>
                    <a:lnTo>
                      <a:pt x="1390" y="525"/>
                    </a:lnTo>
                    <a:lnTo>
                      <a:pt x="1398" y="525"/>
                    </a:lnTo>
                    <a:lnTo>
                      <a:pt x="1407" y="525"/>
                    </a:lnTo>
                    <a:lnTo>
                      <a:pt x="1418" y="523"/>
                    </a:lnTo>
                    <a:lnTo>
                      <a:pt x="1437" y="521"/>
                    </a:lnTo>
                    <a:lnTo>
                      <a:pt x="1458" y="521"/>
                    </a:lnTo>
                    <a:lnTo>
                      <a:pt x="1468" y="522"/>
                    </a:lnTo>
                    <a:lnTo>
                      <a:pt x="1477" y="525"/>
                    </a:lnTo>
                    <a:lnTo>
                      <a:pt x="1488" y="527"/>
                    </a:lnTo>
                    <a:lnTo>
                      <a:pt x="1497" y="531"/>
                    </a:lnTo>
                    <a:lnTo>
                      <a:pt x="1497" y="531"/>
                    </a:lnTo>
                    <a:lnTo>
                      <a:pt x="1472" y="573"/>
                    </a:lnTo>
                    <a:lnTo>
                      <a:pt x="1466" y="584"/>
                    </a:lnTo>
                    <a:lnTo>
                      <a:pt x="1460" y="596"/>
                    </a:lnTo>
                    <a:lnTo>
                      <a:pt x="1459" y="602"/>
                    </a:lnTo>
                    <a:lnTo>
                      <a:pt x="1459" y="609"/>
                    </a:lnTo>
                    <a:lnTo>
                      <a:pt x="1459" y="615"/>
                    </a:lnTo>
                    <a:lnTo>
                      <a:pt x="1462" y="622"/>
                    </a:lnTo>
                    <a:lnTo>
                      <a:pt x="1466" y="634"/>
                    </a:lnTo>
                    <a:lnTo>
                      <a:pt x="1468" y="644"/>
                    </a:lnTo>
                    <a:lnTo>
                      <a:pt x="1470" y="649"/>
                    </a:lnTo>
                    <a:lnTo>
                      <a:pt x="1470" y="654"/>
                    </a:lnTo>
                    <a:lnTo>
                      <a:pt x="1470" y="661"/>
                    </a:lnTo>
                    <a:lnTo>
                      <a:pt x="1467" y="667"/>
                    </a:lnTo>
                    <a:lnTo>
                      <a:pt x="1464" y="675"/>
                    </a:lnTo>
                    <a:lnTo>
                      <a:pt x="1460" y="681"/>
                    </a:lnTo>
                    <a:lnTo>
                      <a:pt x="1455" y="685"/>
                    </a:lnTo>
                    <a:lnTo>
                      <a:pt x="1449" y="689"/>
                    </a:lnTo>
                    <a:lnTo>
                      <a:pt x="1442" y="691"/>
                    </a:lnTo>
                    <a:lnTo>
                      <a:pt x="1436" y="691"/>
                    </a:lnTo>
                    <a:lnTo>
                      <a:pt x="1428" y="691"/>
                    </a:lnTo>
                    <a:lnTo>
                      <a:pt x="1420" y="689"/>
                    </a:lnTo>
                    <a:lnTo>
                      <a:pt x="1405" y="685"/>
                    </a:lnTo>
                    <a:lnTo>
                      <a:pt x="1389" y="681"/>
                    </a:lnTo>
                    <a:lnTo>
                      <a:pt x="1383" y="680"/>
                    </a:lnTo>
                    <a:lnTo>
                      <a:pt x="1376" y="680"/>
                    </a:lnTo>
                    <a:lnTo>
                      <a:pt x="1371" y="680"/>
                    </a:lnTo>
                    <a:lnTo>
                      <a:pt x="1366" y="681"/>
                    </a:lnTo>
                    <a:lnTo>
                      <a:pt x="1363" y="683"/>
                    </a:lnTo>
                    <a:lnTo>
                      <a:pt x="1362" y="684"/>
                    </a:lnTo>
                    <a:lnTo>
                      <a:pt x="1359" y="688"/>
                    </a:lnTo>
                    <a:lnTo>
                      <a:pt x="1358" y="691"/>
                    </a:lnTo>
                    <a:lnTo>
                      <a:pt x="1358" y="698"/>
                    </a:lnTo>
                    <a:lnTo>
                      <a:pt x="1358" y="707"/>
                    </a:lnTo>
                    <a:lnTo>
                      <a:pt x="1359" y="726"/>
                    </a:lnTo>
                    <a:lnTo>
                      <a:pt x="1362" y="740"/>
                    </a:lnTo>
                    <a:lnTo>
                      <a:pt x="1361" y="748"/>
                    </a:lnTo>
                    <a:lnTo>
                      <a:pt x="1361" y="755"/>
                    </a:lnTo>
                    <a:lnTo>
                      <a:pt x="1358" y="761"/>
                    </a:lnTo>
                    <a:lnTo>
                      <a:pt x="1357" y="766"/>
                    </a:lnTo>
                    <a:lnTo>
                      <a:pt x="1353" y="770"/>
                    </a:lnTo>
                    <a:lnTo>
                      <a:pt x="1350" y="772"/>
                    </a:lnTo>
                    <a:lnTo>
                      <a:pt x="1346" y="775"/>
                    </a:lnTo>
                    <a:lnTo>
                      <a:pt x="1343" y="776"/>
                    </a:lnTo>
                    <a:lnTo>
                      <a:pt x="1332" y="777"/>
                    </a:lnTo>
                    <a:lnTo>
                      <a:pt x="1322" y="775"/>
                    </a:lnTo>
                    <a:lnTo>
                      <a:pt x="1310" y="772"/>
                    </a:lnTo>
                    <a:lnTo>
                      <a:pt x="1297" y="768"/>
                    </a:lnTo>
                    <a:lnTo>
                      <a:pt x="1284" y="763"/>
                    </a:lnTo>
                    <a:lnTo>
                      <a:pt x="1273" y="761"/>
                    </a:lnTo>
                    <a:lnTo>
                      <a:pt x="1261" y="759"/>
                    </a:lnTo>
                    <a:lnTo>
                      <a:pt x="1247" y="759"/>
                    </a:lnTo>
                    <a:lnTo>
                      <a:pt x="1239" y="758"/>
                    </a:lnTo>
                    <a:lnTo>
                      <a:pt x="1231" y="757"/>
                    </a:lnTo>
                    <a:lnTo>
                      <a:pt x="1223" y="754"/>
                    </a:lnTo>
                    <a:lnTo>
                      <a:pt x="1216" y="751"/>
                    </a:lnTo>
                    <a:lnTo>
                      <a:pt x="1200" y="745"/>
                    </a:lnTo>
                    <a:lnTo>
                      <a:pt x="1186" y="738"/>
                    </a:lnTo>
                    <a:lnTo>
                      <a:pt x="1174" y="724"/>
                    </a:lnTo>
                    <a:lnTo>
                      <a:pt x="1160" y="700"/>
                    </a:lnTo>
                    <a:lnTo>
                      <a:pt x="1153" y="688"/>
                    </a:lnTo>
                    <a:lnTo>
                      <a:pt x="1146" y="679"/>
                    </a:lnTo>
                    <a:lnTo>
                      <a:pt x="1142" y="675"/>
                    </a:lnTo>
                    <a:lnTo>
                      <a:pt x="1139" y="672"/>
                    </a:lnTo>
                    <a:lnTo>
                      <a:pt x="1135" y="670"/>
                    </a:lnTo>
                    <a:lnTo>
                      <a:pt x="1133" y="670"/>
                    </a:lnTo>
                    <a:lnTo>
                      <a:pt x="1130" y="671"/>
                    </a:lnTo>
                    <a:lnTo>
                      <a:pt x="1126" y="674"/>
                    </a:lnTo>
                    <a:lnTo>
                      <a:pt x="1122" y="676"/>
                    </a:lnTo>
                    <a:lnTo>
                      <a:pt x="1120" y="680"/>
                    </a:lnTo>
                    <a:lnTo>
                      <a:pt x="1113" y="691"/>
                    </a:lnTo>
                    <a:lnTo>
                      <a:pt x="1109" y="701"/>
                    </a:lnTo>
                    <a:lnTo>
                      <a:pt x="1105" y="713"/>
                    </a:lnTo>
                    <a:lnTo>
                      <a:pt x="1102" y="723"/>
                    </a:lnTo>
                    <a:lnTo>
                      <a:pt x="1100" y="733"/>
                    </a:lnTo>
                    <a:lnTo>
                      <a:pt x="1099" y="741"/>
                    </a:lnTo>
                    <a:lnTo>
                      <a:pt x="1098" y="753"/>
                    </a:lnTo>
                    <a:lnTo>
                      <a:pt x="1096" y="763"/>
                    </a:lnTo>
                    <a:lnTo>
                      <a:pt x="1093" y="772"/>
                    </a:lnTo>
                    <a:lnTo>
                      <a:pt x="1089" y="781"/>
                    </a:lnTo>
                    <a:lnTo>
                      <a:pt x="1078" y="798"/>
                    </a:lnTo>
                    <a:lnTo>
                      <a:pt x="1065" y="815"/>
                    </a:lnTo>
                    <a:lnTo>
                      <a:pt x="1051" y="830"/>
                    </a:lnTo>
                    <a:lnTo>
                      <a:pt x="1037" y="846"/>
                    </a:lnTo>
                    <a:lnTo>
                      <a:pt x="1024" y="864"/>
                    </a:lnTo>
                    <a:lnTo>
                      <a:pt x="1011" y="884"/>
                    </a:lnTo>
                    <a:lnTo>
                      <a:pt x="1007" y="891"/>
                    </a:lnTo>
                    <a:lnTo>
                      <a:pt x="1002" y="899"/>
                    </a:lnTo>
                    <a:lnTo>
                      <a:pt x="997" y="906"/>
                    </a:lnTo>
                    <a:lnTo>
                      <a:pt x="991" y="911"/>
                    </a:lnTo>
                    <a:lnTo>
                      <a:pt x="986" y="915"/>
                    </a:lnTo>
                    <a:lnTo>
                      <a:pt x="982" y="917"/>
                    </a:lnTo>
                    <a:lnTo>
                      <a:pt x="977" y="919"/>
                    </a:lnTo>
                    <a:lnTo>
                      <a:pt x="972" y="919"/>
                    </a:lnTo>
                    <a:lnTo>
                      <a:pt x="967" y="919"/>
                    </a:lnTo>
                    <a:lnTo>
                      <a:pt x="963" y="916"/>
                    </a:lnTo>
                    <a:lnTo>
                      <a:pt x="958" y="913"/>
                    </a:lnTo>
                    <a:lnTo>
                      <a:pt x="953" y="909"/>
                    </a:lnTo>
                    <a:lnTo>
                      <a:pt x="944" y="899"/>
                    </a:lnTo>
                    <a:lnTo>
                      <a:pt x="933" y="885"/>
                    </a:lnTo>
                    <a:lnTo>
                      <a:pt x="918" y="852"/>
                    </a:lnTo>
                    <a:lnTo>
                      <a:pt x="903" y="819"/>
                    </a:lnTo>
                    <a:lnTo>
                      <a:pt x="896" y="803"/>
                    </a:lnTo>
                    <a:lnTo>
                      <a:pt x="884" y="790"/>
                    </a:lnTo>
                    <a:lnTo>
                      <a:pt x="879" y="784"/>
                    </a:lnTo>
                    <a:lnTo>
                      <a:pt x="871" y="779"/>
                    </a:lnTo>
                    <a:lnTo>
                      <a:pt x="863" y="773"/>
                    </a:lnTo>
                    <a:lnTo>
                      <a:pt x="854" y="770"/>
                    </a:lnTo>
                    <a:lnTo>
                      <a:pt x="846" y="766"/>
                    </a:lnTo>
                    <a:lnTo>
                      <a:pt x="839" y="762"/>
                    </a:lnTo>
                    <a:lnTo>
                      <a:pt x="833" y="758"/>
                    </a:lnTo>
                    <a:lnTo>
                      <a:pt x="828" y="754"/>
                    </a:lnTo>
                    <a:lnTo>
                      <a:pt x="824" y="749"/>
                    </a:lnTo>
                    <a:lnTo>
                      <a:pt x="822" y="744"/>
                    </a:lnTo>
                    <a:lnTo>
                      <a:pt x="819" y="740"/>
                    </a:lnTo>
                    <a:lnTo>
                      <a:pt x="818" y="735"/>
                    </a:lnTo>
                    <a:lnTo>
                      <a:pt x="817" y="724"/>
                    </a:lnTo>
                    <a:lnTo>
                      <a:pt x="818" y="714"/>
                    </a:lnTo>
                    <a:lnTo>
                      <a:pt x="820" y="705"/>
                    </a:lnTo>
                    <a:lnTo>
                      <a:pt x="824" y="694"/>
                    </a:lnTo>
                    <a:lnTo>
                      <a:pt x="832" y="678"/>
                    </a:lnTo>
                    <a:lnTo>
                      <a:pt x="836" y="665"/>
                    </a:lnTo>
                    <a:lnTo>
                      <a:pt x="836" y="663"/>
                    </a:lnTo>
                    <a:lnTo>
                      <a:pt x="835" y="661"/>
                    </a:lnTo>
                    <a:lnTo>
                      <a:pt x="833" y="659"/>
                    </a:lnTo>
                    <a:lnTo>
                      <a:pt x="831" y="658"/>
                    </a:lnTo>
                    <a:lnTo>
                      <a:pt x="824" y="658"/>
                    </a:lnTo>
                    <a:lnTo>
                      <a:pt x="814" y="661"/>
                    </a:lnTo>
                    <a:lnTo>
                      <a:pt x="802" y="665"/>
                    </a:lnTo>
                    <a:lnTo>
                      <a:pt x="789" y="672"/>
                    </a:lnTo>
                    <a:lnTo>
                      <a:pt x="774" y="681"/>
                    </a:lnTo>
                    <a:lnTo>
                      <a:pt x="760" y="693"/>
                    </a:lnTo>
                    <a:lnTo>
                      <a:pt x="731" y="718"/>
                    </a:lnTo>
                    <a:lnTo>
                      <a:pt x="712" y="738"/>
                    </a:lnTo>
                    <a:lnTo>
                      <a:pt x="706" y="746"/>
                    </a:lnTo>
                    <a:lnTo>
                      <a:pt x="701" y="754"/>
                    </a:lnTo>
                    <a:lnTo>
                      <a:pt x="696" y="764"/>
                    </a:lnTo>
                    <a:lnTo>
                      <a:pt x="692" y="773"/>
                    </a:lnTo>
                    <a:lnTo>
                      <a:pt x="686" y="793"/>
                    </a:lnTo>
                    <a:lnTo>
                      <a:pt x="678" y="812"/>
                    </a:lnTo>
                    <a:lnTo>
                      <a:pt x="673" y="820"/>
                    </a:lnTo>
                    <a:lnTo>
                      <a:pt x="668" y="828"/>
                    </a:lnTo>
                    <a:lnTo>
                      <a:pt x="661" y="834"/>
                    </a:lnTo>
                    <a:lnTo>
                      <a:pt x="655" y="841"/>
                    </a:lnTo>
                    <a:lnTo>
                      <a:pt x="646" y="845"/>
                    </a:lnTo>
                    <a:lnTo>
                      <a:pt x="637" y="847"/>
                    </a:lnTo>
                    <a:lnTo>
                      <a:pt x="625" y="847"/>
                    </a:lnTo>
                    <a:lnTo>
                      <a:pt x="611" y="847"/>
                    </a:lnTo>
                    <a:lnTo>
                      <a:pt x="594" y="843"/>
                    </a:lnTo>
                    <a:lnTo>
                      <a:pt x="581" y="840"/>
                    </a:lnTo>
                    <a:lnTo>
                      <a:pt x="568" y="837"/>
                    </a:lnTo>
                    <a:lnTo>
                      <a:pt x="557" y="833"/>
                    </a:lnTo>
                    <a:lnTo>
                      <a:pt x="541" y="825"/>
                    </a:lnTo>
                    <a:lnTo>
                      <a:pt x="526" y="820"/>
                    </a:lnTo>
                    <a:lnTo>
                      <a:pt x="520" y="818"/>
                    </a:lnTo>
                    <a:lnTo>
                      <a:pt x="512" y="816"/>
                    </a:lnTo>
                    <a:lnTo>
                      <a:pt x="504" y="816"/>
                    </a:lnTo>
                    <a:lnTo>
                      <a:pt x="495" y="816"/>
                    </a:lnTo>
                    <a:lnTo>
                      <a:pt x="485" y="818"/>
                    </a:lnTo>
                    <a:lnTo>
                      <a:pt x="472" y="821"/>
                    </a:lnTo>
                    <a:lnTo>
                      <a:pt x="458" y="825"/>
                    </a:lnTo>
                    <a:lnTo>
                      <a:pt x="441" y="830"/>
                    </a:lnTo>
                    <a:lnTo>
                      <a:pt x="427" y="836"/>
                    </a:lnTo>
                    <a:lnTo>
                      <a:pt x="412" y="837"/>
                    </a:lnTo>
                    <a:lnTo>
                      <a:pt x="399" y="837"/>
                    </a:lnTo>
                    <a:lnTo>
                      <a:pt x="388" y="834"/>
                    </a:lnTo>
                    <a:lnTo>
                      <a:pt x="364" y="827"/>
                    </a:lnTo>
                    <a:lnTo>
                      <a:pt x="339" y="815"/>
                    </a:lnTo>
                    <a:lnTo>
                      <a:pt x="339" y="815"/>
                    </a:lnTo>
                    <a:lnTo>
                      <a:pt x="339" y="805"/>
                    </a:lnTo>
                    <a:lnTo>
                      <a:pt x="337" y="793"/>
                    </a:lnTo>
                    <a:lnTo>
                      <a:pt x="337" y="781"/>
                    </a:lnTo>
                    <a:lnTo>
                      <a:pt x="337" y="771"/>
                    </a:lnTo>
                    <a:lnTo>
                      <a:pt x="335" y="761"/>
                    </a:lnTo>
                    <a:lnTo>
                      <a:pt x="331" y="753"/>
                    </a:lnTo>
                    <a:lnTo>
                      <a:pt x="327" y="745"/>
                    </a:lnTo>
                    <a:lnTo>
                      <a:pt x="322" y="736"/>
                    </a:lnTo>
                    <a:lnTo>
                      <a:pt x="318" y="731"/>
                    </a:lnTo>
                    <a:lnTo>
                      <a:pt x="317" y="724"/>
                    </a:lnTo>
                    <a:lnTo>
                      <a:pt x="315" y="719"/>
                    </a:lnTo>
                    <a:lnTo>
                      <a:pt x="315" y="711"/>
                    </a:lnTo>
                    <a:lnTo>
                      <a:pt x="315" y="701"/>
                    </a:lnTo>
                    <a:lnTo>
                      <a:pt x="317" y="692"/>
                    </a:lnTo>
                    <a:lnTo>
                      <a:pt x="320" y="684"/>
                    </a:lnTo>
                    <a:lnTo>
                      <a:pt x="324" y="674"/>
                    </a:lnTo>
                    <a:lnTo>
                      <a:pt x="323" y="648"/>
                    </a:lnTo>
                    <a:lnTo>
                      <a:pt x="320" y="624"/>
                    </a:lnTo>
                    <a:lnTo>
                      <a:pt x="318" y="613"/>
                    </a:lnTo>
                    <a:lnTo>
                      <a:pt x="314" y="602"/>
                    </a:lnTo>
                    <a:lnTo>
                      <a:pt x="309" y="593"/>
                    </a:lnTo>
                    <a:lnTo>
                      <a:pt x="304" y="584"/>
                    </a:lnTo>
                    <a:lnTo>
                      <a:pt x="298" y="577"/>
                    </a:lnTo>
                    <a:lnTo>
                      <a:pt x="291" y="570"/>
                    </a:lnTo>
                    <a:lnTo>
                      <a:pt x="282" y="565"/>
                    </a:lnTo>
                    <a:lnTo>
                      <a:pt x="272" y="561"/>
                    </a:lnTo>
                    <a:lnTo>
                      <a:pt x="262" y="558"/>
                    </a:lnTo>
                    <a:lnTo>
                      <a:pt x="250" y="557"/>
                    </a:lnTo>
                    <a:lnTo>
                      <a:pt x="236" y="558"/>
                    </a:lnTo>
                    <a:lnTo>
                      <a:pt x="222" y="560"/>
                    </a:lnTo>
                    <a:lnTo>
                      <a:pt x="205" y="564"/>
                    </a:lnTo>
                    <a:lnTo>
                      <a:pt x="191" y="567"/>
                    </a:lnTo>
                    <a:lnTo>
                      <a:pt x="177" y="571"/>
                    </a:lnTo>
                    <a:lnTo>
                      <a:pt x="165" y="578"/>
                    </a:lnTo>
                    <a:lnTo>
                      <a:pt x="160" y="582"/>
                    </a:lnTo>
                    <a:lnTo>
                      <a:pt x="155" y="586"/>
                    </a:lnTo>
                    <a:lnTo>
                      <a:pt x="149" y="591"/>
                    </a:lnTo>
                    <a:lnTo>
                      <a:pt x="146" y="596"/>
                    </a:lnTo>
                    <a:lnTo>
                      <a:pt x="140" y="602"/>
                    </a:lnTo>
                    <a:lnTo>
                      <a:pt x="138" y="610"/>
                    </a:lnTo>
                    <a:lnTo>
                      <a:pt x="134" y="618"/>
                    </a:lnTo>
                    <a:lnTo>
                      <a:pt x="131" y="626"/>
                    </a:lnTo>
                    <a:lnTo>
                      <a:pt x="130" y="632"/>
                    </a:lnTo>
                    <a:lnTo>
                      <a:pt x="127" y="639"/>
                    </a:lnTo>
                    <a:lnTo>
                      <a:pt x="125" y="644"/>
                    </a:lnTo>
                    <a:lnTo>
                      <a:pt x="121" y="648"/>
                    </a:lnTo>
                    <a:lnTo>
                      <a:pt x="113" y="656"/>
                    </a:lnTo>
                    <a:lnTo>
                      <a:pt x="104" y="662"/>
                    </a:lnTo>
                    <a:lnTo>
                      <a:pt x="92" y="666"/>
                    </a:lnTo>
                    <a:lnTo>
                      <a:pt x="81" y="669"/>
                    </a:lnTo>
                    <a:lnTo>
                      <a:pt x="69" y="669"/>
                    </a:lnTo>
                    <a:lnTo>
                      <a:pt x="56" y="667"/>
                    </a:lnTo>
                    <a:lnTo>
                      <a:pt x="47" y="666"/>
                    </a:lnTo>
                    <a:lnTo>
                      <a:pt x="39" y="662"/>
                    </a:lnTo>
                    <a:lnTo>
                      <a:pt x="33" y="658"/>
                    </a:lnTo>
                    <a:lnTo>
                      <a:pt x="28" y="654"/>
                    </a:lnTo>
                    <a:lnTo>
                      <a:pt x="17" y="641"/>
                    </a:lnTo>
                    <a:lnTo>
                      <a:pt x="8" y="628"/>
                    </a:lnTo>
                    <a:lnTo>
                      <a:pt x="3" y="618"/>
                    </a:lnTo>
                    <a:lnTo>
                      <a:pt x="0" y="609"/>
                    </a:lnTo>
                    <a:lnTo>
                      <a:pt x="0" y="601"/>
                    </a:lnTo>
                    <a:lnTo>
                      <a:pt x="3" y="593"/>
                    </a:lnTo>
                    <a:lnTo>
                      <a:pt x="7" y="587"/>
                    </a:lnTo>
                    <a:lnTo>
                      <a:pt x="13" y="580"/>
                    </a:lnTo>
                    <a:lnTo>
                      <a:pt x="21" y="574"/>
                    </a:lnTo>
                    <a:lnTo>
                      <a:pt x="29" y="569"/>
                    </a:lnTo>
                    <a:lnTo>
                      <a:pt x="51" y="548"/>
                    </a:lnTo>
                    <a:lnTo>
                      <a:pt x="74" y="527"/>
                    </a:lnTo>
                    <a:lnTo>
                      <a:pt x="85" y="517"/>
                    </a:lnTo>
                    <a:lnTo>
                      <a:pt x="94" y="505"/>
                    </a:lnTo>
                    <a:lnTo>
                      <a:pt x="103" y="494"/>
                    </a:lnTo>
                    <a:lnTo>
                      <a:pt x="111" y="481"/>
                    </a:lnTo>
                    <a:lnTo>
                      <a:pt x="125" y="456"/>
                    </a:lnTo>
                    <a:lnTo>
                      <a:pt x="139" y="431"/>
                    </a:lnTo>
                    <a:lnTo>
                      <a:pt x="147" y="420"/>
                    </a:lnTo>
                    <a:lnTo>
                      <a:pt x="156" y="409"/>
                    </a:lnTo>
                    <a:lnTo>
                      <a:pt x="166" y="400"/>
                    </a:lnTo>
                    <a:lnTo>
                      <a:pt x="179" y="393"/>
                    </a:lnTo>
                    <a:lnTo>
                      <a:pt x="190" y="385"/>
                    </a:lnTo>
                    <a:lnTo>
                      <a:pt x="200" y="377"/>
                    </a:lnTo>
                    <a:lnTo>
                      <a:pt x="209" y="368"/>
                    </a:lnTo>
                    <a:lnTo>
                      <a:pt x="218" y="358"/>
                    </a:lnTo>
                    <a:lnTo>
                      <a:pt x="236" y="337"/>
                    </a:lnTo>
                    <a:lnTo>
                      <a:pt x="252" y="315"/>
                    </a:lnTo>
                    <a:lnTo>
                      <a:pt x="261" y="305"/>
                    </a:lnTo>
                    <a:lnTo>
                      <a:pt x="270" y="295"/>
                    </a:lnTo>
                    <a:lnTo>
                      <a:pt x="279" y="288"/>
                    </a:lnTo>
                    <a:lnTo>
                      <a:pt x="288" y="280"/>
                    </a:lnTo>
                    <a:lnTo>
                      <a:pt x="298" y="275"/>
                    </a:lnTo>
                    <a:lnTo>
                      <a:pt x="310" y="271"/>
                    </a:lnTo>
                    <a:lnTo>
                      <a:pt x="322" y="268"/>
                    </a:lnTo>
                    <a:lnTo>
                      <a:pt x="335" y="270"/>
                    </a:lnTo>
                    <a:lnTo>
                      <a:pt x="342" y="270"/>
                    </a:lnTo>
                    <a:lnTo>
                      <a:pt x="350" y="268"/>
                    </a:lnTo>
                    <a:lnTo>
                      <a:pt x="359" y="267"/>
                    </a:lnTo>
                    <a:lnTo>
                      <a:pt x="367" y="264"/>
                    </a:lnTo>
                    <a:lnTo>
                      <a:pt x="385" y="258"/>
                    </a:lnTo>
                    <a:lnTo>
                      <a:pt x="401" y="248"/>
                    </a:lnTo>
                    <a:lnTo>
                      <a:pt x="416" y="237"/>
                    </a:lnTo>
                    <a:lnTo>
                      <a:pt x="432" y="224"/>
                    </a:lnTo>
                    <a:lnTo>
                      <a:pt x="443" y="211"/>
                    </a:lnTo>
                    <a:lnTo>
                      <a:pt x="454" y="198"/>
                    </a:lnTo>
                    <a:lnTo>
                      <a:pt x="456" y="193"/>
                    </a:lnTo>
                    <a:lnTo>
                      <a:pt x="458" y="189"/>
                    </a:lnTo>
                    <a:lnTo>
                      <a:pt x="459" y="185"/>
                    </a:lnTo>
                    <a:lnTo>
                      <a:pt x="458" y="183"/>
                    </a:lnTo>
                    <a:lnTo>
                      <a:pt x="456" y="180"/>
                    </a:lnTo>
                    <a:lnTo>
                      <a:pt x="455" y="179"/>
                    </a:lnTo>
                    <a:lnTo>
                      <a:pt x="451" y="178"/>
                    </a:lnTo>
                    <a:lnTo>
                      <a:pt x="449" y="176"/>
                    </a:lnTo>
                    <a:lnTo>
                      <a:pt x="432" y="172"/>
                    </a:lnTo>
                    <a:lnTo>
                      <a:pt x="416" y="167"/>
                    </a:lnTo>
                    <a:lnTo>
                      <a:pt x="411" y="163"/>
                    </a:lnTo>
                    <a:lnTo>
                      <a:pt x="407" y="159"/>
                    </a:lnTo>
                    <a:lnTo>
                      <a:pt x="403" y="156"/>
                    </a:lnTo>
                    <a:lnTo>
                      <a:pt x="402" y="152"/>
                    </a:lnTo>
                    <a:lnTo>
                      <a:pt x="401" y="148"/>
                    </a:lnTo>
                    <a:lnTo>
                      <a:pt x="401" y="144"/>
                    </a:lnTo>
                    <a:lnTo>
                      <a:pt x="402" y="140"/>
                    </a:lnTo>
                    <a:lnTo>
                      <a:pt x="403" y="136"/>
                    </a:lnTo>
                    <a:lnTo>
                      <a:pt x="414" y="121"/>
                    </a:lnTo>
                    <a:lnTo>
                      <a:pt x="427" y="104"/>
                    </a:lnTo>
                    <a:lnTo>
                      <a:pt x="436" y="93"/>
                    </a:lnTo>
                    <a:lnTo>
                      <a:pt x="443" y="84"/>
                    </a:lnTo>
                    <a:lnTo>
                      <a:pt x="451" y="80"/>
                    </a:lnTo>
                    <a:lnTo>
                      <a:pt x="459" y="78"/>
                    </a:lnTo>
                    <a:lnTo>
                      <a:pt x="468" y="79"/>
                    </a:lnTo>
                    <a:lnTo>
                      <a:pt x="478" y="80"/>
                    </a:lnTo>
                    <a:lnTo>
                      <a:pt x="490" y="86"/>
                    </a:lnTo>
                    <a:lnTo>
                      <a:pt x="504" y="91"/>
                    </a:lnTo>
                    <a:lnTo>
                      <a:pt x="519" y="96"/>
                    </a:lnTo>
                    <a:lnTo>
                      <a:pt x="534" y="101"/>
                    </a:lnTo>
                    <a:lnTo>
                      <a:pt x="551" y="106"/>
                    </a:lnTo>
                    <a:lnTo>
                      <a:pt x="569" y="110"/>
                    </a:lnTo>
                    <a:lnTo>
                      <a:pt x="577" y="112"/>
                    </a:lnTo>
                    <a:lnTo>
                      <a:pt x="586" y="113"/>
                    </a:lnTo>
                    <a:lnTo>
                      <a:pt x="594" y="112"/>
                    </a:lnTo>
                    <a:lnTo>
                      <a:pt x="603" y="112"/>
                    </a:lnTo>
                    <a:lnTo>
                      <a:pt x="609" y="110"/>
                    </a:lnTo>
                    <a:lnTo>
                      <a:pt x="617" y="106"/>
                    </a:lnTo>
                    <a:lnTo>
                      <a:pt x="624" y="104"/>
                    </a:lnTo>
                    <a:lnTo>
                      <a:pt x="630" y="99"/>
                    </a:lnTo>
                    <a:lnTo>
                      <a:pt x="691" y="70"/>
                    </a:lnTo>
                    <a:lnTo>
                      <a:pt x="691" y="70"/>
                    </a:lnTo>
                    <a:lnTo>
                      <a:pt x="694" y="78"/>
                    </a:lnTo>
                    <a:lnTo>
                      <a:pt x="699" y="84"/>
                    </a:lnTo>
                    <a:lnTo>
                      <a:pt x="703" y="91"/>
                    </a:lnTo>
                    <a:lnTo>
                      <a:pt x="708" y="96"/>
                    </a:lnTo>
                    <a:lnTo>
                      <a:pt x="714" y="100"/>
                    </a:lnTo>
                    <a:lnTo>
                      <a:pt x="721" y="102"/>
                    </a:lnTo>
                    <a:lnTo>
                      <a:pt x="728" y="105"/>
                    </a:lnTo>
                    <a:lnTo>
                      <a:pt x="736" y="105"/>
                    </a:lnTo>
                    <a:lnTo>
                      <a:pt x="758" y="101"/>
                    </a:lnTo>
                    <a:lnTo>
                      <a:pt x="780" y="95"/>
                    </a:lnTo>
                    <a:lnTo>
                      <a:pt x="792" y="92"/>
                    </a:lnTo>
                    <a:lnTo>
                      <a:pt x="804" y="89"/>
                    </a:lnTo>
                    <a:lnTo>
                      <a:pt x="814" y="87"/>
                    </a:lnTo>
                    <a:lnTo>
                      <a:pt x="826" y="87"/>
                    </a:lnTo>
                    <a:lnTo>
                      <a:pt x="833" y="87"/>
                    </a:lnTo>
                    <a:lnTo>
                      <a:pt x="840" y="89"/>
                    </a:lnTo>
                    <a:lnTo>
                      <a:pt x="848" y="93"/>
                    </a:lnTo>
                    <a:lnTo>
                      <a:pt x="857" y="97"/>
                    </a:lnTo>
                    <a:lnTo>
                      <a:pt x="874" y="109"/>
                    </a:lnTo>
                    <a:lnTo>
                      <a:pt x="890" y="119"/>
                    </a:lnTo>
                    <a:lnTo>
                      <a:pt x="900" y="126"/>
                    </a:lnTo>
                    <a:lnTo>
                      <a:pt x="909" y="130"/>
                    </a:lnTo>
                    <a:lnTo>
                      <a:pt x="918" y="134"/>
                    </a:lnTo>
                    <a:lnTo>
                      <a:pt x="925" y="137"/>
                    </a:lnTo>
                    <a:lnTo>
                      <a:pt x="934" y="139"/>
                    </a:lnTo>
                    <a:lnTo>
                      <a:pt x="942" y="139"/>
                    </a:lnTo>
                    <a:lnTo>
                      <a:pt x="950" y="136"/>
                    </a:lnTo>
                    <a:lnTo>
                      <a:pt x="957" y="132"/>
                    </a:lnTo>
                    <a:lnTo>
                      <a:pt x="962" y="127"/>
                    </a:lnTo>
                    <a:lnTo>
                      <a:pt x="967" y="122"/>
                    </a:lnTo>
                    <a:lnTo>
                      <a:pt x="969" y="117"/>
                    </a:lnTo>
                    <a:lnTo>
                      <a:pt x="973" y="112"/>
                    </a:lnTo>
                    <a:lnTo>
                      <a:pt x="971" y="79"/>
                    </a:lnTo>
                    <a:lnTo>
                      <a:pt x="967" y="43"/>
                    </a:lnTo>
                    <a:lnTo>
                      <a:pt x="967" y="34"/>
                    </a:lnTo>
                    <a:lnTo>
                      <a:pt x="968" y="26"/>
                    </a:lnTo>
                    <a:lnTo>
                      <a:pt x="971" y="20"/>
                    </a:lnTo>
                    <a:lnTo>
                      <a:pt x="975" y="13"/>
                    </a:lnTo>
                    <a:lnTo>
                      <a:pt x="980" y="8"/>
                    </a:lnTo>
                    <a:lnTo>
                      <a:pt x="986" y="4"/>
                    </a:lnTo>
                    <a:lnTo>
                      <a:pt x="995" y="1"/>
                    </a:lnTo>
                    <a:lnTo>
                      <a:pt x="1006" y="0"/>
                    </a:lnTo>
                    <a:lnTo>
                      <a:pt x="1012" y="1"/>
                    </a:lnTo>
                    <a:lnTo>
                      <a:pt x="1019" y="1"/>
                    </a:lnTo>
                    <a:lnTo>
                      <a:pt x="1024" y="4"/>
                    </a:lnTo>
                    <a:lnTo>
                      <a:pt x="1030" y="5"/>
                    </a:lnTo>
                    <a:lnTo>
                      <a:pt x="1041" y="12"/>
                    </a:lnTo>
                    <a:lnTo>
                      <a:pt x="1051" y="20"/>
                    </a:lnTo>
                    <a:lnTo>
                      <a:pt x="1069" y="35"/>
                    </a:lnTo>
                    <a:lnTo>
                      <a:pt x="1089" y="49"/>
                    </a:lnTo>
                    <a:lnTo>
                      <a:pt x="1104" y="56"/>
                    </a:lnTo>
                    <a:lnTo>
                      <a:pt x="1118" y="62"/>
                    </a:lnTo>
                    <a:lnTo>
                      <a:pt x="1134" y="66"/>
                    </a:lnTo>
                    <a:lnTo>
                      <a:pt x="1150" y="71"/>
                    </a:lnTo>
                    <a:lnTo>
                      <a:pt x="1165" y="77"/>
                    </a:lnTo>
                    <a:lnTo>
                      <a:pt x="1179" y="83"/>
                    </a:lnTo>
                    <a:lnTo>
                      <a:pt x="1192" y="91"/>
                    </a:lnTo>
                    <a:lnTo>
                      <a:pt x="1205" y="101"/>
                    </a:lnTo>
                    <a:lnTo>
                      <a:pt x="1283" y="176"/>
                    </a:lnTo>
                    <a:lnTo>
                      <a:pt x="1291" y="215"/>
                    </a:lnTo>
                    <a:lnTo>
                      <a:pt x="1291" y="215"/>
                    </a:lnTo>
                    <a:lnTo>
                      <a:pt x="1289" y="227"/>
                    </a:lnTo>
                    <a:lnTo>
                      <a:pt x="1289" y="237"/>
                    </a:lnTo>
                    <a:lnTo>
                      <a:pt x="1291" y="246"/>
                    </a:lnTo>
                    <a:lnTo>
                      <a:pt x="1291" y="258"/>
                    </a:lnTo>
                    <a:lnTo>
                      <a:pt x="1291" y="268"/>
                    </a:lnTo>
                    <a:lnTo>
                      <a:pt x="1289" y="279"/>
                    </a:lnTo>
                    <a:lnTo>
                      <a:pt x="1288" y="283"/>
                    </a:lnTo>
                    <a:lnTo>
                      <a:pt x="1287" y="286"/>
                    </a:lnTo>
                    <a:lnTo>
                      <a:pt x="1284" y="289"/>
                    </a:lnTo>
                    <a:lnTo>
                      <a:pt x="1280" y="292"/>
                    </a:lnTo>
                    <a:lnTo>
                      <a:pt x="1269" y="297"/>
                    </a:lnTo>
                    <a:lnTo>
                      <a:pt x="1260" y="302"/>
                    </a:lnTo>
                    <a:lnTo>
                      <a:pt x="1260" y="30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1" name="Freeform 156">
                <a:extLst>
                  <a:ext uri="{FF2B5EF4-FFF2-40B4-BE49-F238E27FC236}">
                    <a16:creationId xmlns:a16="http://schemas.microsoft.com/office/drawing/2014/main" id="{312D5A42-2294-9E40-8C57-104A01C5DB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331531" y="3215353"/>
                <a:ext cx="573833" cy="520216"/>
              </a:xfrm>
              <a:custGeom>
                <a:avLst/>
                <a:gdLst/>
                <a:ahLst/>
                <a:cxnLst>
                  <a:cxn ang="0">
                    <a:pos x="101" y="851"/>
                  </a:cxn>
                  <a:cxn ang="0">
                    <a:pos x="172" y="830"/>
                  </a:cxn>
                  <a:cxn ang="0">
                    <a:pos x="300" y="798"/>
                  </a:cxn>
                  <a:cxn ang="0">
                    <a:pos x="377" y="770"/>
                  </a:cxn>
                  <a:cxn ang="0">
                    <a:pos x="520" y="826"/>
                  </a:cxn>
                  <a:cxn ang="0">
                    <a:pos x="645" y="952"/>
                  </a:cxn>
                  <a:cxn ang="0">
                    <a:pos x="687" y="1097"/>
                  </a:cxn>
                  <a:cxn ang="0">
                    <a:pos x="750" y="1040"/>
                  </a:cxn>
                  <a:cxn ang="0">
                    <a:pos x="821" y="900"/>
                  </a:cxn>
                  <a:cxn ang="0">
                    <a:pos x="804" y="818"/>
                  </a:cxn>
                  <a:cxn ang="0">
                    <a:pos x="769" y="772"/>
                  </a:cxn>
                  <a:cxn ang="0">
                    <a:pos x="792" y="725"/>
                  </a:cxn>
                  <a:cxn ang="0">
                    <a:pos x="912" y="699"/>
                  </a:cxn>
                  <a:cxn ang="0">
                    <a:pos x="1024" y="687"/>
                  </a:cxn>
                  <a:cxn ang="0">
                    <a:pos x="1072" y="627"/>
                  </a:cxn>
                  <a:cxn ang="0">
                    <a:pos x="1077" y="573"/>
                  </a:cxn>
                  <a:cxn ang="0">
                    <a:pos x="1134" y="527"/>
                  </a:cxn>
                  <a:cxn ang="0">
                    <a:pos x="1140" y="432"/>
                  </a:cxn>
                  <a:cxn ang="0">
                    <a:pos x="1115" y="405"/>
                  </a:cxn>
                  <a:cxn ang="0">
                    <a:pos x="1153" y="348"/>
                  </a:cxn>
                  <a:cxn ang="0">
                    <a:pos x="1222" y="260"/>
                  </a:cxn>
                  <a:cxn ang="0">
                    <a:pos x="1220" y="104"/>
                  </a:cxn>
                  <a:cxn ang="0">
                    <a:pos x="1111" y="11"/>
                  </a:cxn>
                  <a:cxn ang="0">
                    <a:pos x="982" y="51"/>
                  </a:cxn>
                  <a:cxn ang="0">
                    <a:pos x="980" y="1"/>
                  </a:cxn>
                  <a:cxn ang="0">
                    <a:pos x="785" y="31"/>
                  </a:cxn>
                  <a:cxn ang="0">
                    <a:pos x="757" y="137"/>
                  </a:cxn>
                  <a:cxn ang="0">
                    <a:pos x="805" y="176"/>
                  </a:cxn>
                  <a:cxn ang="0">
                    <a:pos x="805" y="266"/>
                  </a:cxn>
                  <a:cxn ang="0">
                    <a:pos x="865" y="316"/>
                  </a:cxn>
                  <a:cxn ang="0">
                    <a:pos x="813" y="309"/>
                  </a:cxn>
                  <a:cxn ang="0">
                    <a:pos x="763" y="342"/>
                  </a:cxn>
                  <a:cxn ang="0">
                    <a:pos x="783" y="384"/>
                  </a:cxn>
                  <a:cxn ang="0">
                    <a:pos x="743" y="417"/>
                  </a:cxn>
                  <a:cxn ang="0">
                    <a:pos x="651" y="379"/>
                  </a:cxn>
                  <a:cxn ang="0">
                    <a:pos x="638" y="310"/>
                  </a:cxn>
                  <a:cxn ang="0">
                    <a:pos x="694" y="265"/>
                  </a:cxn>
                  <a:cxn ang="0">
                    <a:pos x="720" y="228"/>
                  </a:cxn>
                  <a:cxn ang="0">
                    <a:pos x="678" y="193"/>
                  </a:cxn>
                  <a:cxn ang="0">
                    <a:pos x="681" y="123"/>
                  </a:cxn>
                  <a:cxn ang="0">
                    <a:pos x="625" y="132"/>
                  </a:cxn>
                  <a:cxn ang="0">
                    <a:pos x="586" y="106"/>
                  </a:cxn>
                  <a:cxn ang="0">
                    <a:pos x="625" y="67"/>
                  </a:cxn>
                  <a:cxn ang="0">
                    <a:pos x="619" y="42"/>
                  </a:cxn>
                  <a:cxn ang="0">
                    <a:pos x="544" y="133"/>
                  </a:cxn>
                  <a:cxn ang="0">
                    <a:pos x="515" y="259"/>
                  </a:cxn>
                  <a:cxn ang="0">
                    <a:pos x="386" y="443"/>
                  </a:cxn>
                  <a:cxn ang="0">
                    <a:pos x="265" y="560"/>
                  </a:cxn>
                  <a:cxn ang="0">
                    <a:pos x="334" y="594"/>
                  </a:cxn>
                  <a:cxn ang="0">
                    <a:pos x="391" y="656"/>
                  </a:cxn>
                  <a:cxn ang="0">
                    <a:pos x="237" y="672"/>
                  </a:cxn>
                  <a:cxn ang="0">
                    <a:pos x="261" y="713"/>
                  </a:cxn>
                  <a:cxn ang="0">
                    <a:pos x="253" y="742"/>
                  </a:cxn>
                  <a:cxn ang="0">
                    <a:pos x="199" y="696"/>
                  </a:cxn>
                  <a:cxn ang="0">
                    <a:pos x="130" y="680"/>
                  </a:cxn>
                  <a:cxn ang="0">
                    <a:pos x="95" y="642"/>
                  </a:cxn>
                  <a:cxn ang="0">
                    <a:pos x="33" y="641"/>
                  </a:cxn>
                  <a:cxn ang="0">
                    <a:pos x="16" y="671"/>
                  </a:cxn>
                  <a:cxn ang="0">
                    <a:pos x="138" y="764"/>
                  </a:cxn>
                  <a:cxn ang="0">
                    <a:pos x="222" y="763"/>
                  </a:cxn>
                  <a:cxn ang="0">
                    <a:pos x="260" y="794"/>
                  </a:cxn>
                  <a:cxn ang="0">
                    <a:pos x="116" y="795"/>
                  </a:cxn>
                  <a:cxn ang="0">
                    <a:pos x="23" y="756"/>
                  </a:cxn>
                </a:cxnLst>
                <a:rect l="0" t="0" r="r" b="b"/>
                <a:pathLst>
                  <a:path w="1259" h="1150">
                    <a:moveTo>
                      <a:pt x="0" y="752"/>
                    </a:moveTo>
                    <a:lnTo>
                      <a:pt x="41" y="812"/>
                    </a:lnTo>
                    <a:lnTo>
                      <a:pt x="64" y="830"/>
                    </a:lnTo>
                    <a:lnTo>
                      <a:pt x="81" y="844"/>
                    </a:lnTo>
                    <a:lnTo>
                      <a:pt x="86" y="847"/>
                    </a:lnTo>
                    <a:lnTo>
                      <a:pt x="90" y="848"/>
                    </a:lnTo>
                    <a:lnTo>
                      <a:pt x="95" y="849"/>
                    </a:lnTo>
                    <a:lnTo>
                      <a:pt x="101" y="851"/>
                    </a:lnTo>
                    <a:lnTo>
                      <a:pt x="107" y="849"/>
                    </a:lnTo>
                    <a:lnTo>
                      <a:pt x="112" y="848"/>
                    </a:lnTo>
                    <a:lnTo>
                      <a:pt x="120" y="847"/>
                    </a:lnTo>
                    <a:lnTo>
                      <a:pt x="128" y="843"/>
                    </a:lnTo>
                    <a:lnTo>
                      <a:pt x="139" y="838"/>
                    </a:lnTo>
                    <a:lnTo>
                      <a:pt x="150" y="835"/>
                    </a:lnTo>
                    <a:lnTo>
                      <a:pt x="161" y="833"/>
                    </a:lnTo>
                    <a:lnTo>
                      <a:pt x="172" y="830"/>
                    </a:lnTo>
                    <a:lnTo>
                      <a:pt x="193" y="829"/>
                    </a:lnTo>
                    <a:lnTo>
                      <a:pt x="212" y="827"/>
                    </a:lnTo>
                    <a:lnTo>
                      <a:pt x="233" y="825"/>
                    </a:lnTo>
                    <a:lnTo>
                      <a:pt x="255" y="820"/>
                    </a:lnTo>
                    <a:lnTo>
                      <a:pt x="265" y="817"/>
                    </a:lnTo>
                    <a:lnTo>
                      <a:pt x="277" y="812"/>
                    </a:lnTo>
                    <a:lnTo>
                      <a:pt x="288" y="805"/>
                    </a:lnTo>
                    <a:lnTo>
                      <a:pt x="300" y="798"/>
                    </a:lnTo>
                    <a:lnTo>
                      <a:pt x="310" y="791"/>
                    </a:lnTo>
                    <a:lnTo>
                      <a:pt x="320" y="786"/>
                    </a:lnTo>
                    <a:lnTo>
                      <a:pt x="329" y="781"/>
                    </a:lnTo>
                    <a:lnTo>
                      <a:pt x="338" y="778"/>
                    </a:lnTo>
                    <a:lnTo>
                      <a:pt x="348" y="774"/>
                    </a:lnTo>
                    <a:lnTo>
                      <a:pt x="357" y="773"/>
                    </a:lnTo>
                    <a:lnTo>
                      <a:pt x="366" y="772"/>
                    </a:lnTo>
                    <a:lnTo>
                      <a:pt x="377" y="770"/>
                    </a:lnTo>
                    <a:lnTo>
                      <a:pt x="396" y="770"/>
                    </a:lnTo>
                    <a:lnTo>
                      <a:pt x="414" y="773"/>
                    </a:lnTo>
                    <a:lnTo>
                      <a:pt x="434" y="778"/>
                    </a:lnTo>
                    <a:lnTo>
                      <a:pt x="452" y="785"/>
                    </a:lnTo>
                    <a:lnTo>
                      <a:pt x="470" y="794"/>
                    </a:lnTo>
                    <a:lnTo>
                      <a:pt x="487" y="803"/>
                    </a:lnTo>
                    <a:lnTo>
                      <a:pt x="505" y="814"/>
                    </a:lnTo>
                    <a:lnTo>
                      <a:pt x="520" y="826"/>
                    </a:lnTo>
                    <a:lnTo>
                      <a:pt x="537" y="839"/>
                    </a:lnTo>
                    <a:lnTo>
                      <a:pt x="551" y="852"/>
                    </a:lnTo>
                    <a:lnTo>
                      <a:pt x="566" y="865"/>
                    </a:lnTo>
                    <a:lnTo>
                      <a:pt x="579" y="878"/>
                    </a:lnTo>
                    <a:lnTo>
                      <a:pt x="601" y="900"/>
                    </a:lnTo>
                    <a:lnTo>
                      <a:pt x="624" y="926"/>
                    </a:lnTo>
                    <a:lnTo>
                      <a:pt x="636" y="939"/>
                    </a:lnTo>
                    <a:lnTo>
                      <a:pt x="645" y="952"/>
                    </a:lnTo>
                    <a:lnTo>
                      <a:pt x="649" y="959"/>
                    </a:lnTo>
                    <a:lnTo>
                      <a:pt x="652" y="966"/>
                    </a:lnTo>
                    <a:lnTo>
                      <a:pt x="655" y="972"/>
                    </a:lnTo>
                    <a:lnTo>
                      <a:pt x="656" y="980"/>
                    </a:lnTo>
                    <a:lnTo>
                      <a:pt x="664" y="1009"/>
                    </a:lnTo>
                    <a:lnTo>
                      <a:pt x="673" y="1040"/>
                    </a:lnTo>
                    <a:lnTo>
                      <a:pt x="681" y="1070"/>
                    </a:lnTo>
                    <a:lnTo>
                      <a:pt x="687" y="1097"/>
                    </a:lnTo>
                    <a:lnTo>
                      <a:pt x="704" y="1150"/>
                    </a:lnTo>
                    <a:lnTo>
                      <a:pt x="712" y="1140"/>
                    </a:lnTo>
                    <a:lnTo>
                      <a:pt x="717" y="1128"/>
                    </a:lnTo>
                    <a:lnTo>
                      <a:pt x="724" y="1118"/>
                    </a:lnTo>
                    <a:lnTo>
                      <a:pt x="728" y="1107"/>
                    </a:lnTo>
                    <a:lnTo>
                      <a:pt x="737" y="1085"/>
                    </a:lnTo>
                    <a:lnTo>
                      <a:pt x="743" y="1062"/>
                    </a:lnTo>
                    <a:lnTo>
                      <a:pt x="750" y="1040"/>
                    </a:lnTo>
                    <a:lnTo>
                      <a:pt x="756" y="1016"/>
                    </a:lnTo>
                    <a:lnTo>
                      <a:pt x="764" y="994"/>
                    </a:lnTo>
                    <a:lnTo>
                      <a:pt x="773" y="971"/>
                    </a:lnTo>
                    <a:lnTo>
                      <a:pt x="783" y="953"/>
                    </a:lnTo>
                    <a:lnTo>
                      <a:pt x="795" y="937"/>
                    </a:lnTo>
                    <a:lnTo>
                      <a:pt x="807" y="922"/>
                    </a:lnTo>
                    <a:lnTo>
                      <a:pt x="818" y="905"/>
                    </a:lnTo>
                    <a:lnTo>
                      <a:pt x="821" y="900"/>
                    </a:lnTo>
                    <a:lnTo>
                      <a:pt x="823" y="896"/>
                    </a:lnTo>
                    <a:lnTo>
                      <a:pt x="825" y="891"/>
                    </a:lnTo>
                    <a:lnTo>
                      <a:pt x="825" y="886"/>
                    </a:lnTo>
                    <a:lnTo>
                      <a:pt x="825" y="874"/>
                    </a:lnTo>
                    <a:lnTo>
                      <a:pt x="822" y="864"/>
                    </a:lnTo>
                    <a:lnTo>
                      <a:pt x="814" y="843"/>
                    </a:lnTo>
                    <a:lnTo>
                      <a:pt x="804" y="823"/>
                    </a:lnTo>
                    <a:lnTo>
                      <a:pt x="804" y="818"/>
                    </a:lnTo>
                    <a:lnTo>
                      <a:pt x="801" y="813"/>
                    </a:lnTo>
                    <a:lnTo>
                      <a:pt x="798" y="808"/>
                    </a:lnTo>
                    <a:lnTo>
                      <a:pt x="795" y="803"/>
                    </a:lnTo>
                    <a:lnTo>
                      <a:pt x="786" y="794"/>
                    </a:lnTo>
                    <a:lnTo>
                      <a:pt x="778" y="785"/>
                    </a:lnTo>
                    <a:lnTo>
                      <a:pt x="774" y="781"/>
                    </a:lnTo>
                    <a:lnTo>
                      <a:pt x="772" y="776"/>
                    </a:lnTo>
                    <a:lnTo>
                      <a:pt x="769" y="772"/>
                    </a:lnTo>
                    <a:lnTo>
                      <a:pt x="768" y="766"/>
                    </a:lnTo>
                    <a:lnTo>
                      <a:pt x="768" y="760"/>
                    </a:lnTo>
                    <a:lnTo>
                      <a:pt x="769" y="755"/>
                    </a:lnTo>
                    <a:lnTo>
                      <a:pt x="772" y="748"/>
                    </a:lnTo>
                    <a:lnTo>
                      <a:pt x="777" y="742"/>
                    </a:lnTo>
                    <a:lnTo>
                      <a:pt x="782" y="735"/>
                    </a:lnTo>
                    <a:lnTo>
                      <a:pt x="787" y="730"/>
                    </a:lnTo>
                    <a:lnTo>
                      <a:pt x="792" y="725"/>
                    </a:lnTo>
                    <a:lnTo>
                      <a:pt x="799" y="722"/>
                    </a:lnTo>
                    <a:lnTo>
                      <a:pt x="809" y="716"/>
                    </a:lnTo>
                    <a:lnTo>
                      <a:pt x="821" y="713"/>
                    </a:lnTo>
                    <a:lnTo>
                      <a:pt x="845" y="709"/>
                    </a:lnTo>
                    <a:lnTo>
                      <a:pt x="873" y="706"/>
                    </a:lnTo>
                    <a:lnTo>
                      <a:pt x="887" y="703"/>
                    </a:lnTo>
                    <a:lnTo>
                      <a:pt x="900" y="700"/>
                    </a:lnTo>
                    <a:lnTo>
                      <a:pt x="912" y="699"/>
                    </a:lnTo>
                    <a:lnTo>
                      <a:pt x="923" y="699"/>
                    </a:lnTo>
                    <a:lnTo>
                      <a:pt x="947" y="699"/>
                    </a:lnTo>
                    <a:lnTo>
                      <a:pt x="969" y="699"/>
                    </a:lnTo>
                    <a:lnTo>
                      <a:pt x="980" y="698"/>
                    </a:lnTo>
                    <a:lnTo>
                      <a:pt x="991" y="696"/>
                    </a:lnTo>
                    <a:lnTo>
                      <a:pt x="1002" y="695"/>
                    </a:lnTo>
                    <a:lnTo>
                      <a:pt x="1013" y="691"/>
                    </a:lnTo>
                    <a:lnTo>
                      <a:pt x="1024" y="687"/>
                    </a:lnTo>
                    <a:lnTo>
                      <a:pt x="1036" y="681"/>
                    </a:lnTo>
                    <a:lnTo>
                      <a:pt x="1049" y="674"/>
                    </a:lnTo>
                    <a:lnTo>
                      <a:pt x="1061" y="664"/>
                    </a:lnTo>
                    <a:lnTo>
                      <a:pt x="1068" y="658"/>
                    </a:lnTo>
                    <a:lnTo>
                      <a:pt x="1072" y="651"/>
                    </a:lnTo>
                    <a:lnTo>
                      <a:pt x="1075" y="646"/>
                    </a:lnTo>
                    <a:lnTo>
                      <a:pt x="1075" y="640"/>
                    </a:lnTo>
                    <a:lnTo>
                      <a:pt x="1072" y="627"/>
                    </a:lnTo>
                    <a:lnTo>
                      <a:pt x="1067" y="614"/>
                    </a:lnTo>
                    <a:lnTo>
                      <a:pt x="1064" y="608"/>
                    </a:lnTo>
                    <a:lnTo>
                      <a:pt x="1063" y="602"/>
                    </a:lnTo>
                    <a:lnTo>
                      <a:pt x="1063" y="595"/>
                    </a:lnTo>
                    <a:lnTo>
                      <a:pt x="1063" y="590"/>
                    </a:lnTo>
                    <a:lnTo>
                      <a:pt x="1066" y="584"/>
                    </a:lnTo>
                    <a:lnTo>
                      <a:pt x="1071" y="579"/>
                    </a:lnTo>
                    <a:lnTo>
                      <a:pt x="1077" y="573"/>
                    </a:lnTo>
                    <a:lnTo>
                      <a:pt x="1088" y="568"/>
                    </a:lnTo>
                    <a:lnTo>
                      <a:pt x="1098" y="563"/>
                    </a:lnTo>
                    <a:lnTo>
                      <a:pt x="1107" y="557"/>
                    </a:lnTo>
                    <a:lnTo>
                      <a:pt x="1115" y="551"/>
                    </a:lnTo>
                    <a:lnTo>
                      <a:pt x="1121" y="546"/>
                    </a:lnTo>
                    <a:lnTo>
                      <a:pt x="1127" y="540"/>
                    </a:lnTo>
                    <a:lnTo>
                      <a:pt x="1132" y="533"/>
                    </a:lnTo>
                    <a:lnTo>
                      <a:pt x="1134" y="527"/>
                    </a:lnTo>
                    <a:lnTo>
                      <a:pt x="1138" y="520"/>
                    </a:lnTo>
                    <a:lnTo>
                      <a:pt x="1146" y="489"/>
                    </a:lnTo>
                    <a:lnTo>
                      <a:pt x="1153" y="450"/>
                    </a:lnTo>
                    <a:lnTo>
                      <a:pt x="1153" y="445"/>
                    </a:lnTo>
                    <a:lnTo>
                      <a:pt x="1153" y="441"/>
                    </a:lnTo>
                    <a:lnTo>
                      <a:pt x="1150" y="437"/>
                    </a:lnTo>
                    <a:lnTo>
                      <a:pt x="1147" y="435"/>
                    </a:lnTo>
                    <a:lnTo>
                      <a:pt x="1140" y="432"/>
                    </a:lnTo>
                    <a:lnTo>
                      <a:pt x="1132" y="430"/>
                    </a:lnTo>
                    <a:lnTo>
                      <a:pt x="1128" y="428"/>
                    </a:lnTo>
                    <a:lnTo>
                      <a:pt x="1124" y="427"/>
                    </a:lnTo>
                    <a:lnTo>
                      <a:pt x="1120" y="424"/>
                    </a:lnTo>
                    <a:lnTo>
                      <a:pt x="1118" y="421"/>
                    </a:lnTo>
                    <a:lnTo>
                      <a:pt x="1116" y="417"/>
                    </a:lnTo>
                    <a:lnTo>
                      <a:pt x="1115" y="412"/>
                    </a:lnTo>
                    <a:lnTo>
                      <a:pt x="1115" y="405"/>
                    </a:lnTo>
                    <a:lnTo>
                      <a:pt x="1118" y="397"/>
                    </a:lnTo>
                    <a:lnTo>
                      <a:pt x="1121" y="386"/>
                    </a:lnTo>
                    <a:lnTo>
                      <a:pt x="1125" y="375"/>
                    </a:lnTo>
                    <a:lnTo>
                      <a:pt x="1129" y="369"/>
                    </a:lnTo>
                    <a:lnTo>
                      <a:pt x="1133" y="362"/>
                    </a:lnTo>
                    <a:lnTo>
                      <a:pt x="1138" y="357"/>
                    </a:lnTo>
                    <a:lnTo>
                      <a:pt x="1145" y="353"/>
                    </a:lnTo>
                    <a:lnTo>
                      <a:pt x="1153" y="348"/>
                    </a:lnTo>
                    <a:lnTo>
                      <a:pt x="1162" y="343"/>
                    </a:lnTo>
                    <a:lnTo>
                      <a:pt x="1177" y="335"/>
                    </a:lnTo>
                    <a:lnTo>
                      <a:pt x="1189" y="325"/>
                    </a:lnTo>
                    <a:lnTo>
                      <a:pt x="1198" y="313"/>
                    </a:lnTo>
                    <a:lnTo>
                      <a:pt x="1206" y="301"/>
                    </a:lnTo>
                    <a:lnTo>
                      <a:pt x="1212" y="288"/>
                    </a:lnTo>
                    <a:lnTo>
                      <a:pt x="1219" y="274"/>
                    </a:lnTo>
                    <a:lnTo>
                      <a:pt x="1222" y="260"/>
                    </a:lnTo>
                    <a:lnTo>
                      <a:pt x="1226" y="243"/>
                    </a:lnTo>
                    <a:lnTo>
                      <a:pt x="1259" y="137"/>
                    </a:lnTo>
                    <a:lnTo>
                      <a:pt x="1259" y="136"/>
                    </a:lnTo>
                    <a:lnTo>
                      <a:pt x="1254" y="134"/>
                    </a:lnTo>
                    <a:lnTo>
                      <a:pt x="1247" y="130"/>
                    </a:lnTo>
                    <a:lnTo>
                      <a:pt x="1241" y="125"/>
                    </a:lnTo>
                    <a:lnTo>
                      <a:pt x="1233" y="120"/>
                    </a:lnTo>
                    <a:lnTo>
                      <a:pt x="1220" y="104"/>
                    </a:lnTo>
                    <a:lnTo>
                      <a:pt x="1207" y="88"/>
                    </a:lnTo>
                    <a:lnTo>
                      <a:pt x="1181" y="54"/>
                    </a:lnTo>
                    <a:lnTo>
                      <a:pt x="1162" y="28"/>
                    </a:lnTo>
                    <a:lnTo>
                      <a:pt x="1153" y="20"/>
                    </a:lnTo>
                    <a:lnTo>
                      <a:pt x="1143" y="15"/>
                    </a:lnTo>
                    <a:lnTo>
                      <a:pt x="1133" y="11"/>
                    </a:lnTo>
                    <a:lnTo>
                      <a:pt x="1123" y="10"/>
                    </a:lnTo>
                    <a:lnTo>
                      <a:pt x="1111" y="11"/>
                    </a:lnTo>
                    <a:lnTo>
                      <a:pt x="1101" y="13"/>
                    </a:lnTo>
                    <a:lnTo>
                      <a:pt x="1089" y="15"/>
                    </a:lnTo>
                    <a:lnTo>
                      <a:pt x="1077" y="19"/>
                    </a:lnTo>
                    <a:lnTo>
                      <a:pt x="1032" y="38"/>
                    </a:lnTo>
                    <a:lnTo>
                      <a:pt x="992" y="55"/>
                    </a:lnTo>
                    <a:lnTo>
                      <a:pt x="987" y="55"/>
                    </a:lnTo>
                    <a:lnTo>
                      <a:pt x="984" y="54"/>
                    </a:lnTo>
                    <a:lnTo>
                      <a:pt x="982" y="51"/>
                    </a:lnTo>
                    <a:lnTo>
                      <a:pt x="980" y="49"/>
                    </a:lnTo>
                    <a:lnTo>
                      <a:pt x="980" y="40"/>
                    </a:lnTo>
                    <a:lnTo>
                      <a:pt x="982" y="29"/>
                    </a:lnTo>
                    <a:lnTo>
                      <a:pt x="983" y="19"/>
                    </a:lnTo>
                    <a:lnTo>
                      <a:pt x="983" y="9"/>
                    </a:lnTo>
                    <a:lnTo>
                      <a:pt x="983" y="5"/>
                    </a:lnTo>
                    <a:lnTo>
                      <a:pt x="982" y="2"/>
                    </a:lnTo>
                    <a:lnTo>
                      <a:pt x="980" y="1"/>
                    </a:lnTo>
                    <a:lnTo>
                      <a:pt x="976" y="0"/>
                    </a:lnTo>
                    <a:lnTo>
                      <a:pt x="825" y="7"/>
                    </a:lnTo>
                    <a:lnTo>
                      <a:pt x="817" y="9"/>
                    </a:lnTo>
                    <a:lnTo>
                      <a:pt x="809" y="11"/>
                    </a:lnTo>
                    <a:lnTo>
                      <a:pt x="801" y="15"/>
                    </a:lnTo>
                    <a:lnTo>
                      <a:pt x="795" y="19"/>
                    </a:lnTo>
                    <a:lnTo>
                      <a:pt x="790" y="24"/>
                    </a:lnTo>
                    <a:lnTo>
                      <a:pt x="785" y="31"/>
                    </a:lnTo>
                    <a:lnTo>
                      <a:pt x="779" y="38"/>
                    </a:lnTo>
                    <a:lnTo>
                      <a:pt x="776" y="46"/>
                    </a:lnTo>
                    <a:lnTo>
                      <a:pt x="769" y="62"/>
                    </a:lnTo>
                    <a:lnTo>
                      <a:pt x="764" y="80"/>
                    </a:lnTo>
                    <a:lnTo>
                      <a:pt x="760" y="98"/>
                    </a:lnTo>
                    <a:lnTo>
                      <a:pt x="757" y="115"/>
                    </a:lnTo>
                    <a:lnTo>
                      <a:pt x="756" y="127"/>
                    </a:lnTo>
                    <a:lnTo>
                      <a:pt x="757" y="137"/>
                    </a:lnTo>
                    <a:lnTo>
                      <a:pt x="760" y="145"/>
                    </a:lnTo>
                    <a:lnTo>
                      <a:pt x="763" y="151"/>
                    </a:lnTo>
                    <a:lnTo>
                      <a:pt x="768" y="156"/>
                    </a:lnTo>
                    <a:lnTo>
                      <a:pt x="773" y="160"/>
                    </a:lnTo>
                    <a:lnTo>
                      <a:pt x="778" y="163"/>
                    </a:lnTo>
                    <a:lnTo>
                      <a:pt x="785" y="165"/>
                    </a:lnTo>
                    <a:lnTo>
                      <a:pt x="796" y="171"/>
                    </a:lnTo>
                    <a:lnTo>
                      <a:pt x="805" y="176"/>
                    </a:lnTo>
                    <a:lnTo>
                      <a:pt x="809" y="180"/>
                    </a:lnTo>
                    <a:lnTo>
                      <a:pt x="812" y="185"/>
                    </a:lnTo>
                    <a:lnTo>
                      <a:pt x="812" y="191"/>
                    </a:lnTo>
                    <a:lnTo>
                      <a:pt x="812" y="199"/>
                    </a:lnTo>
                    <a:lnTo>
                      <a:pt x="805" y="221"/>
                    </a:lnTo>
                    <a:lnTo>
                      <a:pt x="803" y="244"/>
                    </a:lnTo>
                    <a:lnTo>
                      <a:pt x="803" y="256"/>
                    </a:lnTo>
                    <a:lnTo>
                      <a:pt x="805" y="266"/>
                    </a:lnTo>
                    <a:lnTo>
                      <a:pt x="807" y="273"/>
                    </a:lnTo>
                    <a:lnTo>
                      <a:pt x="809" y="278"/>
                    </a:lnTo>
                    <a:lnTo>
                      <a:pt x="813" y="283"/>
                    </a:lnTo>
                    <a:lnTo>
                      <a:pt x="818" y="288"/>
                    </a:lnTo>
                    <a:lnTo>
                      <a:pt x="831" y="296"/>
                    </a:lnTo>
                    <a:lnTo>
                      <a:pt x="851" y="305"/>
                    </a:lnTo>
                    <a:lnTo>
                      <a:pt x="858" y="310"/>
                    </a:lnTo>
                    <a:lnTo>
                      <a:pt x="865" y="316"/>
                    </a:lnTo>
                    <a:lnTo>
                      <a:pt x="868" y="318"/>
                    </a:lnTo>
                    <a:lnTo>
                      <a:pt x="869" y="321"/>
                    </a:lnTo>
                    <a:lnTo>
                      <a:pt x="869" y="323"/>
                    </a:lnTo>
                    <a:lnTo>
                      <a:pt x="866" y="326"/>
                    </a:lnTo>
                    <a:lnTo>
                      <a:pt x="855" y="322"/>
                    </a:lnTo>
                    <a:lnTo>
                      <a:pt x="829" y="312"/>
                    </a:lnTo>
                    <a:lnTo>
                      <a:pt x="821" y="310"/>
                    </a:lnTo>
                    <a:lnTo>
                      <a:pt x="813" y="309"/>
                    </a:lnTo>
                    <a:lnTo>
                      <a:pt x="805" y="310"/>
                    </a:lnTo>
                    <a:lnTo>
                      <a:pt x="796" y="312"/>
                    </a:lnTo>
                    <a:lnTo>
                      <a:pt x="788" y="314"/>
                    </a:lnTo>
                    <a:lnTo>
                      <a:pt x="781" y="320"/>
                    </a:lnTo>
                    <a:lnTo>
                      <a:pt x="773" y="326"/>
                    </a:lnTo>
                    <a:lnTo>
                      <a:pt x="765" y="335"/>
                    </a:lnTo>
                    <a:lnTo>
                      <a:pt x="764" y="339"/>
                    </a:lnTo>
                    <a:lnTo>
                      <a:pt x="763" y="342"/>
                    </a:lnTo>
                    <a:lnTo>
                      <a:pt x="763" y="345"/>
                    </a:lnTo>
                    <a:lnTo>
                      <a:pt x="763" y="348"/>
                    </a:lnTo>
                    <a:lnTo>
                      <a:pt x="765" y="355"/>
                    </a:lnTo>
                    <a:lnTo>
                      <a:pt x="769" y="360"/>
                    </a:lnTo>
                    <a:lnTo>
                      <a:pt x="774" y="366"/>
                    </a:lnTo>
                    <a:lnTo>
                      <a:pt x="779" y="371"/>
                    </a:lnTo>
                    <a:lnTo>
                      <a:pt x="782" y="378"/>
                    </a:lnTo>
                    <a:lnTo>
                      <a:pt x="783" y="384"/>
                    </a:lnTo>
                    <a:lnTo>
                      <a:pt x="783" y="389"/>
                    </a:lnTo>
                    <a:lnTo>
                      <a:pt x="782" y="393"/>
                    </a:lnTo>
                    <a:lnTo>
                      <a:pt x="781" y="399"/>
                    </a:lnTo>
                    <a:lnTo>
                      <a:pt x="778" y="401"/>
                    </a:lnTo>
                    <a:lnTo>
                      <a:pt x="772" y="408"/>
                    </a:lnTo>
                    <a:lnTo>
                      <a:pt x="764" y="412"/>
                    </a:lnTo>
                    <a:lnTo>
                      <a:pt x="754" y="415"/>
                    </a:lnTo>
                    <a:lnTo>
                      <a:pt x="743" y="417"/>
                    </a:lnTo>
                    <a:lnTo>
                      <a:pt x="731" y="417"/>
                    </a:lnTo>
                    <a:lnTo>
                      <a:pt x="719" y="415"/>
                    </a:lnTo>
                    <a:lnTo>
                      <a:pt x="706" y="413"/>
                    </a:lnTo>
                    <a:lnTo>
                      <a:pt x="694" y="408"/>
                    </a:lnTo>
                    <a:lnTo>
                      <a:pt x="681" y="402"/>
                    </a:lnTo>
                    <a:lnTo>
                      <a:pt x="671" y="396"/>
                    </a:lnTo>
                    <a:lnTo>
                      <a:pt x="660" y="388"/>
                    </a:lnTo>
                    <a:lnTo>
                      <a:pt x="651" y="379"/>
                    </a:lnTo>
                    <a:lnTo>
                      <a:pt x="645" y="369"/>
                    </a:lnTo>
                    <a:lnTo>
                      <a:pt x="641" y="357"/>
                    </a:lnTo>
                    <a:lnTo>
                      <a:pt x="638" y="348"/>
                    </a:lnTo>
                    <a:lnTo>
                      <a:pt x="637" y="339"/>
                    </a:lnTo>
                    <a:lnTo>
                      <a:pt x="637" y="330"/>
                    </a:lnTo>
                    <a:lnTo>
                      <a:pt x="637" y="323"/>
                    </a:lnTo>
                    <a:lnTo>
                      <a:pt x="637" y="317"/>
                    </a:lnTo>
                    <a:lnTo>
                      <a:pt x="638" y="310"/>
                    </a:lnTo>
                    <a:lnTo>
                      <a:pt x="641" y="305"/>
                    </a:lnTo>
                    <a:lnTo>
                      <a:pt x="643" y="300"/>
                    </a:lnTo>
                    <a:lnTo>
                      <a:pt x="650" y="292"/>
                    </a:lnTo>
                    <a:lnTo>
                      <a:pt x="658" y="285"/>
                    </a:lnTo>
                    <a:lnTo>
                      <a:pt x="667" y="279"/>
                    </a:lnTo>
                    <a:lnTo>
                      <a:pt x="676" y="274"/>
                    </a:lnTo>
                    <a:lnTo>
                      <a:pt x="685" y="270"/>
                    </a:lnTo>
                    <a:lnTo>
                      <a:pt x="694" y="265"/>
                    </a:lnTo>
                    <a:lnTo>
                      <a:pt x="703" y="261"/>
                    </a:lnTo>
                    <a:lnTo>
                      <a:pt x="709" y="255"/>
                    </a:lnTo>
                    <a:lnTo>
                      <a:pt x="713" y="251"/>
                    </a:lnTo>
                    <a:lnTo>
                      <a:pt x="716" y="248"/>
                    </a:lnTo>
                    <a:lnTo>
                      <a:pt x="717" y="243"/>
                    </a:lnTo>
                    <a:lnTo>
                      <a:pt x="719" y="239"/>
                    </a:lnTo>
                    <a:lnTo>
                      <a:pt x="720" y="234"/>
                    </a:lnTo>
                    <a:lnTo>
                      <a:pt x="720" y="228"/>
                    </a:lnTo>
                    <a:lnTo>
                      <a:pt x="719" y="221"/>
                    </a:lnTo>
                    <a:lnTo>
                      <a:pt x="717" y="215"/>
                    </a:lnTo>
                    <a:lnTo>
                      <a:pt x="706" y="212"/>
                    </a:lnTo>
                    <a:lnTo>
                      <a:pt x="695" y="208"/>
                    </a:lnTo>
                    <a:lnTo>
                      <a:pt x="687" y="206"/>
                    </a:lnTo>
                    <a:lnTo>
                      <a:pt x="682" y="202"/>
                    </a:lnTo>
                    <a:lnTo>
                      <a:pt x="680" y="196"/>
                    </a:lnTo>
                    <a:lnTo>
                      <a:pt x="678" y="193"/>
                    </a:lnTo>
                    <a:lnTo>
                      <a:pt x="678" y="187"/>
                    </a:lnTo>
                    <a:lnTo>
                      <a:pt x="678" y="182"/>
                    </a:lnTo>
                    <a:lnTo>
                      <a:pt x="681" y="171"/>
                    </a:lnTo>
                    <a:lnTo>
                      <a:pt x="685" y="156"/>
                    </a:lnTo>
                    <a:lnTo>
                      <a:pt x="685" y="149"/>
                    </a:lnTo>
                    <a:lnTo>
                      <a:pt x="685" y="141"/>
                    </a:lnTo>
                    <a:lnTo>
                      <a:pt x="684" y="132"/>
                    </a:lnTo>
                    <a:lnTo>
                      <a:pt x="681" y="123"/>
                    </a:lnTo>
                    <a:lnTo>
                      <a:pt x="680" y="120"/>
                    </a:lnTo>
                    <a:lnTo>
                      <a:pt x="677" y="119"/>
                    </a:lnTo>
                    <a:lnTo>
                      <a:pt x="673" y="119"/>
                    </a:lnTo>
                    <a:lnTo>
                      <a:pt x="669" y="119"/>
                    </a:lnTo>
                    <a:lnTo>
                      <a:pt x="660" y="121"/>
                    </a:lnTo>
                    <a:lnTo>
                      <a:pt x="649" y="125"/>
                    </a:lnTo>
                    <a:lnTo>
                      <a:pt x="637" y="129"/>
                    </a:lnTo>
                    <a:lnTo>
                      <a:pt x="625" y="132"/>
                    </a:lnTo>
                    <a:lnTo>
                      <a:pt x="619" y="132"/>
                    </a:lnTo>
                    <a:lnTo>
                      <a:pt x="614" y="130"/>
                    </a:lnTo>
                    <a:lnTo>
                      <a:pt x="608" y="129"/>
                    </a:lnTo>
                    <a:lnTo>
                      <a:pt x="603" y="127"/>
                    </a:lnTo>
                    <a:lnTo>
                      <a:pt x="594" y="117"/>
                    </a:lnTo>
                    <a:lnTo>
                      <a:pt x="589" y="111"/>
                    </a:lnTo>
                    <a:lnTo>
                      <a:pt x="588" y="108"/>
                    </a:lnTo>
                    <a:lnTo>
                      <a:pt x="586" y="106"/>
                    </a:lnTo>
                    <a:lnTo>
                      <a:pt x="586" y="103"/>
                    </a:lnTo>
                    <a:lnTo>
                      <a:pt x="588" y="102"/>
                    </a:lnTo>
                    <a:lnTo>
                      <a:pt x="595" y="94"/>
                    </a:lnTo>
                    <a:lnTo>
                      <a:pt x="608" y="86"/>
                    </a:lnTo>
                    <a:lnTo>
                      <a:pt x="614" y="82"/>
                    </a:lnTo>
                    <a:lnTo>
                      <a:pt x="617" y="77"/>
                    </a:lnTo>
                    <a:lnTo>
                      <a:pt x="623" y="72"/>
                    </a:lnTo>
                    <a:lnTo>
                      <a:pt x="625" y="67"/>
                    </a:lnTo>
                    <a:lnTo>
                      <a:pt x="628" y="62"/>
                    </a:lnTo>
                    <a:lnTo>
                      <a:pt x="630" y="57"/>
                    </a:lnTo>
                    <a:lnTo>
                      <a:pt x="630" y="51"/>
                    </a:lnTo>
                    <a:lnTo>
                      <a:pt x="630" y="47"/>
                    </a:lnTo>
                    <a:lnTo>
                      <a:pt x="629" y="45"/>
                    </a:lnTo>
                    <a:lnTo>
                      <a:pt x="628" y="42"/>
                    </a:lnTo>
                    <a:lnTo>
                      <a:pt x="624" y="41"/>
                    </a:lnTo>
                    <a:lnTo>
                      <a:pt x="619" y="42"/>
                    </a:lnTo>
                    <a:lnTo>
                      <a:pt x="612" y="45"/>
                    </a:lnTo>
                    <a:lnTo>
                      <a:pt x="606" y="50"/>
                    </a:lnTo>
                    <a:lnTo>
                      <a:pt x="595" y="57"/>
                    </a:lnTo>
                    <a:lnTo>
                      <a:pt x="585" y="66"/>
                    </a:lnTo>
                    <a:lnTo>
                      <a:pt x="575" y="79"/>
                    </a:lnTo>
                    <a:lnTo>
                      <a:pt x="564" y="94"/>
                    </a:lnTo>
                    <a:lnTo>
                      <a:pt x="553" y="112"/>
                    </a:lnTo>
                    <a:lnTo>
                      <a:pt x="544" y="133"/>
                    </a:lnTo>
                    <a:lnTo>
                      <a:pt x="535" y="154"/>
                    </a:lnTo>
                    <a:lnTo>
                      <a:pt x="528" y="174"/>
                    </a:lnTo>
                    <a:lnTo>
                      <a:pt x="523" y="193"/>
                    </a:lnTo>
                    <a:lnTo>
                      <a:pt x="522" y="208"/>
                    </a:lnTo>
                    <a:lnTo>
                      <a:pt x="520" y="221"/>
                    </a:lnTo>
                    <a:lnTo>
                      <a:pt x="519" y="234"/>
                    </a:lnTo>
                    <a:lnTo>
                      <a:pt x="518" y="246"/>
                    </a:lnTo>
                    <a:lnTo>
                      <a:pt x="515" y="259"/>
                    </a:lnTo>
                    <a:lnTo>
                      <a:pt x="509" y="281"/>
                    </a:lnTo>
                    <a:lnTo>
                      <a:pt x="500" y="303"/>
                    </a:lnTo>
                    <a:lnTo>
                      <a:pt x="489" y="322"/>
                    </a:lnTo>
                    <a:lnTo>
                      <a:pt x="478" y="342"/>
                    </a:lnTo>
                    <a:lnTo>
                      <a:pt x="465" y="360"/>
                    </a:lnTo>
                    <a:lnTo>
                      <a:pt x="449" y="377"/>
                    </a:lnTo>
                    <a:lnTo>
                      <a:pt x="418" y="410"/>
                    </a:lnTo>
                    <a:lnTo>
                      <a:pt x="386" y="443"/>
                    </a:lnTo>
                    <a:lnTo>
                      <a:pt x="352" y="475"/>
                    </a:lnTo>
                    <a:lnTo>
                      <a:pt x="321" y="510"/>
                    </a:lnTo>
                    <a:lnTo>
                      <a:pt x="309" y="520"/>
                    </a:lnTo>
                    <a:lnTo>
                      <a:pt x="295" y="531"/>
                    </a:lnTo>
                    <a:lnTo>
                      <a:pt x="282" y="541"/>
                    </a:lnTo>
                    <a:lnTo>
                      <a:pt x="272" y="551"/>
                    </a:lnTo>
                    <a:lnTo>
                      <a:pt x="268" y="555"/>
                    </a:lnTo>
                    <a:lnTo>
                      <a:pt x="265" y="560"/>
                    </a:lnTo>
                    <a:lnTo>
                      <a:pt x="265" y="564"/>
                    </a:lnTo>
                    <a:lnTo>
                      <a:pt x="268" y="570"/>
                    </a:lnTo>
                    <a:lnTo>
                      <a:pt x="273" y="573"/>
                    </a:lnTo>
                    <a:lnTo>
                      <a:pt x="282" y="577"/>
                    </a:lnTo>
                    <a:lnTo>
                      <a:pt x="292" y="581"/>
                    </a:lnTo>
                    <a:lnTo>
                      <a:pt x="308" y="585"/>
                    </a:lnTo>
                    <a:lnTo>
                      <a:pt x="321" y="589"/>
                    </a:lnTo>
                    <a:lnTo>
                      <a:pt x="334" y="594"/>
                    </a:lnTo>
                    <a:lnTo>
                      <a:pt x="348" y="602"/>
                    </a:lnTo>
                    <a:lnTo>
                      <a:pt x="361" y="611"/>
                    </a:lnTo>
                    <a:lnTo>
                      <a:pt x="373" y="620"/>
                    </a:lnTo>
                    <a:lnTo>
                      <a:pt x="382" y="632"/>
                    </a:lnTo>
                    <a:lnTo>
                      <a:pt x="386" y="638"/>
                    </a:lnTo>
                    <a:lnTo>
                      <a:pt x="388" y="643"/>
                    </a:lnTo>
                    <a:lnTo>
                      <a:pt x="391" y="650"/>
                    </a:lnTo>
                    <a:lnTo>
                      <a:pt x="391" y="656"/>
                    </a:lnTo>
                    <a:lnTo>
                      <a:pt x="367" y="656"/>
                    </a:lnTo>
                    <a:lnTo>
                      <a:pt x="343" y="658"/>
                    </a:lnTo>
                    <a:lnTo>
                      <a:pt x="320" y="660"/>
                    </a:lnTo>
                    <a:lnTo>
                      <a:pt x="295" y="664"/>
                    </a:lnTo>
                    <a:lnTo>
                      <a:pt x="272" y="665"/>
                    </a:lnTo>
                    <a:lnTo>
                      <a:pt x="246" y="668"/>
                    </a:lnTo>
                    <a:lnTo>
                      <a:pt x="242" y="669"/>
                    </a:lnTo>
                    <a:lnTo>
                      <a:pt x="237" y="672"/>
                    </a:lnTo>
                    <a:lnTo>
                      <a:pt x="234" y="673"/>
                    </a:lnTo>
                    <a:lnTo>
                      <a:pt x="233" y="677"/>
                    </a:lnTo>
                    <a:lnTo>
                      <a:pt x="233" y="680"/>
                    </a:lnTo>
                    <a:lnTo>
                      <a:pt x="235" y="685"/>
                    </a:lnTo>
                    <a:lnTo>
                      <a:pt x="239" y="689"/>
                    </a:lnTo>
                    <a:lnTo>
                      <a:pt x="246" y="695"/>
                    </a:lnTo>
                    <a:lnTo>
                      <a:pt x="255" y="704"/>
                    </a:lnTo>
                    <a:lnTo>
                      <a:pt x="261" y="713"/>
                    </a:lnTo>
                    <a:lnTo>
                      <a:pt x="266" y="724"/>
                    </a:lnTo>
                    <a:lnTo>
                      <a:pt x="269" y="733"/>
                    </a:lnTo>
                    <a:lnTo>
                      <a:pt x="269" y="737"/>
                    </a:lnTo>
                    <a:lnTo>
                      <a:pt x="268" y="739"/>
                    </a:lnTo>
                    <a:lnTo>
                      <a:pt x="266" y="742"/>
                    </a:lnTo>
                    <a:lnTo>
                      <a:pt x="264" y="743"/>
                    </a:lnTo>
                    <a:lnTo>
                      <a:pt x="260" y="743"/>
                    </a:lnTo>
                    <a:lnTo>
                      <a:pt x="253" y="742"/>
                    </a:lnTo>
                    <a:lnTo>
                      <a:pt x="247" y="739"/>
                    </a:lnTo>
                    <a:lnTo>
                      <a:pt x="239" y="735"/>
                    </a:lnTo>
                    <a:lnTo>
                      <a:pt x="231" y="730"/>
                    </a:lnTo>
                    <a:lnTo>
                      <a:pt x="224" y="724"/>
                    </a:lnTo>
                    <a:lnTo>
                      <a:pt x="217" y="716"/>
                    </a:lnTo>
                    <a:lnTo>
                      <a:pt x="211" y="709"/>
                    </a:lnTo>
                    <a:lnTo>
                      <a:pt x="206" y="703"/>
                    </a:lnTo>
                    <a:lnTo>
                      <a:pt x="199" y="696"/>
                    </a:lnTo>
                    <a:lnTo>
                      <a:pt x="193" y="690"/>
                    </a:lnTo>
                    <a:lnTo>
                      <a:pt x="185" y="686"/>
                    </a:lnTo>
                    <a:lnTo>
                      <a:pt x="177" y="684"/>
                    </a:lnTo>
                    <a:lnTo>
                      <a:pt x="169" y="681"/>
                    </a:lnTo>
                    <a:lnTo>
                      <a:pt x="163" y="680"/>
                    </a:lnTo>
                    <a:lnTo>
                      <a:pt x="155" y="680"/>
                    </a:lnTo>
                    <a:lnTo>
                      <a:pt x="142" y="680"/>
                    </a:lnTo>
                    <a:lnTo>
                      <a:pt x="130" y="680"/>
                    </a:lnTo>
                    <a:lnTo>
                      <a:pt x="125" y="678"/>
                    </a:lnTo>
                    <a:lnTo>
                      <a:pt x="120" y="677"/>
                    </a:lnTo>
                    <a:lnTo>
                      <a:pt x="115" y="674"/>
                    </a:lnTo>
                    <a:lnTo>
                      <a:pt x="110" y="672"/>
                    </a:lnTo>
                    <a:lnTo>
                      <a:pt x="106" y="667"/>
                    </a:lnTo>
                    <a:lnTo>
                      <a:pt x="102" y="660"/>
                    </a:lnTo>
                    <a:lnTo>
                      <a:pt x="98" y="652"/>
                    </a:lnTo>
                    <a:lnTo>
                      <a:pt x="95" y="642"/>
                    </a:lnTo>
                    <a:lnTo>
                      <a:pt x="94" y="638"/>
                    </a:lnTo>
                    <a:lnTo>
                      <a:pt x="90" y="636"/>
                    </a:lnTo>
                    <a:lnTo>
                      <a:pt x="88" y="633"/>
                    </a:lnTo>
                    <a:lnTo>
                      <a:pt x="82" y="632"/>
                    </a:lnTo>
                    <a:lnTo>
                      <a:pt x="71" y="632"/>
                    </a:lnTo>
                    <a:lnTo>
                      <a:pt x="58" y="633"/>
                    </a:lnTo>
                    <a:lnTo>
                      <a:pt x="45" y="637"/>
                    </a:lnTo>
                    <a:lnTo>
                      <a:pt x="33" y="641"/>
                    </a:lnTo>
                    <a:lnTo>
                      <a:pt x="22" y="645"/>
                    </a:lnTo>
                    <a:lnTo>
                      <a:pt x="14" y="649"/>
                    </a:lnTo>
                    <a:lnTo>
                      <a:pt x="11" y="650"/>
                    </a:lnTo>
                    <a:lnTo>
                      <a:pt x="10" y="651"/>
                    </a:lnTo>
                    <a:lnTo>
                      <a:pt x="10" y="654"/>
                    </a:lnTo>
                    <a:lnTo>
                      <a:pt x="10" y="656"/>
                    </a:lnTo>
                    <a:lnTo>
                      <a:pt x="11" y="663"/>
                    </a:lnTo>
                    <a:lnTo>
                      <a:pt x="16" y="671"/>
                    </a:lnTo>
                    <a:lnTo>
                      <a:pt x="23" y="678"/>
                    </a:lnTo>
                    <a:lnTo>
                      <a:pt x="32" y="687"/>
                    </a:lnTo>
                    <a:lnTo>
                      <a:pt x="42" y="695"/>
                    </a:lnTo>
                    <a:lnTo>
                      <a:pt x="53" y="704"/>
                    </a:lnTo>
                    <a:lnTo>
                      <a:pt x="99" y="739"/>
                    </a:lnTo>
                    <a:lnTo>
                      <a:pt x="128" y="759"/>
                    </a:lnTo>
                    <a:lnTo>
                      <a:pt x="133" y="761"/>
                    </a:lnTo>
                    <a:lnTo>
                      <a:pt x="138" y="764"/>
                    </a:lnTo>
                    <a:lnTo>
                      <a:pt x="143" y="765"/>
                    </a:lnTo>
                    <a:lnTo>
                      <a:pt x="149" y="765"/>
                    </a:lnTo>
                    <a:lnTo>
                      <a:pt x="161" y="765"/>
                    </a:lnTo>
                    <a:lnTo>
                      <a:pt x="174" y="764"/>
                    </a:lnTo>
                    <a:lnTo>
                      <a:pt x="186" y="763"/>
                    </a:lnTo>
                    <a:lnTo>
                      <a:pt x="199" y="761"/>
                    </a:lnTo>
                    <a:lnTo>
                      <a:pt x="211" y="761"/>
                    </a:lnTo>
                    <a:lnTo>
                      <a:pt x="222" y="763"/>
                    </a:lnTo>
                    <a:lnTo>
                      <a:pt x="235" y="768"/>
                    </a:lnTo>
                    <a:lnTo>
                      <a:pt x="247" y="774"/>
                    </a:lnTo>
                    <a:lnTo>
                      <a:pt x="260" y="782"/>
                    </a:lnTo>
                    <a:lnTo>
                      <a:pt x="273" y="787"/>
                    </a:lnTo>
                    <a:lnTo>
                      <a:pt x="273" y="790"/>
                    </a:lnTo>
                    <a:lnTo>
                      <a:pt x="270" y="791"/>
                    </a:lnTo>
                    <a:lnTo>
                      <a:pt x="265" y="792"/>
                    </a:lnTo>
                    <a:lnTo>
                      <a:pt x="260" y="794"/>
                    </a:lnTo>
                    <a:lnTo>
                      <a:pt x="247" y="795"/>
                    </a:lnTo>
                    <a:lnTo>
                      <a:pt x="230" y="796"/>
                    </a:lnTo>
                    <a:lnTo>
                      <a:pt x="198" y="795"/>
                    </a:lnTo>
                    <a:lnTo>
                      <a:pt x="177" y="795"/>
                    </a:lnTo>
                    <a:lnTo>
                      <a:pt x="158" y="795"/>
                    </a:lnTo>
                    <a:lnTo>
                      <a:pt x="137" y="796"/>
                    </a:lnTo>
                    <a:lnTo>
                      <a:pt x="126" y="796"/>
                    </a:lnTo>
                    <a:lnTo>
                      <a:pt x="116" y="795"/>
                    </a:lnTo>
                    <a:lnTo>
                      <a:pt x="107" y="792"/>
                    </a:lnTo>
                    <a:lnTo>
                      <a:pt x="98" y="788"/>
                    </a:lnTo>
                    <a:lnTo>
                      <a:pt x="85" y="782"/>
                    </a:lnTo>
                    <a:lnTo>
                      <a:pt x="72" y="774"/>
                    </a:lnTo>
                    <a:lnTo>
                      <a:pt x="60" y="769"/>
                    </a:lnTo>
                    <a:lnTo>
                      <a:pt x="47" y="764"/>
                    </a:lnTo>
                    <a:lnTo>
                      <a:pt x="36" y="760"/>
                    </a:lnTo>
                    <a:lnTo>
                      <a:pt x="23" y="756"/>
                    </a:lnTo>
                    <a:lnTo>
                      <a:pt x="11" y="755"/>
                    </a:lnTo>
                    <a:lnTo>
                      <a:pt x="0" y="752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2" name="Freeform 157">
                <a:extLst>
                  <a:ext uri="{FF2B5EF4-FFF2-40B4-BE49-F238E27FC236}">
                    <a16:creationId xmlns:a16="http://schemas.microsoft.com/office/drawing/2014/main" id="{C99C0418-BC6F-8949-BA8A-ED2933FE50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331531" y="3215353"/>
                <a:ext cx="573833" cy="520216"/>
              </a:xfrm>
              <a:custGeom>
                <a:avLst/>
                <a:gdLst/>
                <a:ahLst/>
                <a:cxnLst>
                  <a:cxn ang="0">
                    <a:pos x="101" y="851"/>
                  </a:cxn>
                  <a:cxn ang="0">
                    <a:pos x="172" y="830"/>
                  </a:cxn>
                  <a:cxn ang="0">
                    <a:pos x="300" y="798"/>
                  </a:cxn>
                  <a:cxn ang="0">
                    <a:pos x="377" y="770"/>
                  </a:cxn>
                  <a:cxn ang="0">
                    <a:pos x="520" y="826"/>
                  </a:cxn>
                  <a:cxn ang="0">
                    <a:pos x="645" y="952"/>
                  </a:cxn>
                  <a:cxn ang="0">
                    <a:pos x="687" y="1097"/>
                  </a:cxn>
                  <a:cxn ang="0">
                    <a:pos x="743" y="1062"/>
                  </a:cxn>
                  <a:cxn ang="0">
                    <a:pos x="818" y="905"/>
                  </a:cxn>
                  <a:cxn ang="0">
                    <a:pos x="804" y="823"/>
                  </a:cxn>
                  <a:cxn ang="0">
                    <a:pos x="772" y="776"/>
                  </a:cxn>
                  <a:cxn ang="0">
                    <a:pos x="787" y="730"/>
                  </a:cxn>
                  <a:cxn ang="0">
                    <a:pos x="900" y="700"/>
                  </a:cxn>
                  <a:cxn ang="0">
                    <a:pos x="1013" y="691"/>
                  </a:cxn>
                  <a:cxn ang="0">
                    <a:pos x="1075" y="640"/>
                  </a:cxn>
                  <a:cxn ang="0">
                    <a:pos x="1071" y="579"/>
                  </a:cxn>
                  <a:cxn ang="0">
                    <a:pos x="1132" y="533"/>
                  </a:cxn>
                  <a:cxn ang="0">
                    <a:pos x="1147" y="435"/>
                  </a:cxn>
                  <a:cxn ang="0">
                    <a:pos x="1115" y="412"/>
                  </a:cxn>
                  <a:cxn ang="0">
                    <a:pos x="1145" y="353"/>
                  </a:cxn>
                  <a:cxn ang="0">
                    <a:pos x="1219" y="274"/>
                  </a:cxn>
                  <a:cxn ang="0">
                    <a:pos x="1233" y="120"/>
                  </a:cxn>
                  <a:cxn ang="0">
                    <a:pos x="1123" y="10"/>
                  </a:cxn>
                  <a:cxn ang="0">
                    <a:pos x="984" y="54"/>
                  </a:cxn>
                  <a:cxn ang="0">
                    <a:pos x="982" y="2"/>
                  </a:cxn>
                  <a:cxn ang="0">
                    <a:pos x="790" y="24"/>
                  </a:cxn>
                  <a:cxn ang="0">
                    <a:pos x="756" y="127"/>
                  </a:cxn>
                  <a:cxn ang="0">
                    <a:pos x="796" y="171"/>
                  </a:cxn>
                  <a:cxn ang="0">
                    <a:pos x="803" y="256"/>
                  </a:cxn>
                  <a:cxn ang="0">
                    <a:pos x="858" y="310"/>
                  </a:cxn>
                  <a:cxn ang="0">
                    <a:pos x="821" y="310"/>
                  </a:cxn>
                  <a:cxn ang="0">
                    <a:pos x="764" y="339"/>
                  </a:cxn>
                  <a:cxn ang="0">
                    <a:pos x="782" y="378"/>
                  </a:cxn>
                  <a:cxn ang="0">
                    <a:pos x="754" y="415"/>
                  </a:cxn>
                  <a:cxn ang="0">
                    <a:pos x="660" y="388"/>
                  </a:cxn>
                  <a:cxn ang="0">
                    <a:pos x="637" y="317"/>
                  </a:cxn>
                  <a:cxn ang="0">
                    <a:pos x="685" y="270"/>
                  </a:cxn>
                  <a:cxn ang="0">
                    <a:pos x="720" y="234"/>
                  </a:cxn>
                  <a:cxn ang="0">
                    <a:pos x="680" y="196"/>
                  </a:cxn>
                  <a:cxn ang="0">
                    <a:pos x="684" y="132"/>
                  </a:cxn>
                  <a:cxn ang="0">
                    <a:pos x="637" y="129"/>
                  </a:cxn>
                  <a:cxn ang="0">
                    <a:pos x="588" y="108"/>
                  </a:cxn>
                  <a:cxn ang="0">
                    <a:pos x="623" y="72"/>
                  </a:cxn>
                  <a:cxn ang="0">
                    <a:pos x="624" y="41"/>
                  </a:cxn>
                  <a:cxn ang="0">
                    <a:pos x="553" y="112"/>
                  </a:cxn>
                  <a:cxn ang="0">
                    <a:pos x="518" y="246"/>
                  </a:cxn>
                  <a:cxn ang="0">
                    <a:pos x="418" y="410"/>
                  </a:cxn>
                  <a:cxn ang="0">
                    <a:pos x="268" y="555"/>
                  </a:cxn>
                  <a:cxn ang="0">
                    <a:pos x="321" y="589"/>
                  </a:cxn>
                  <a:cxn ang="0">
                    <a:pos x="391" y="650"/>
                  </a:cxn>
                  <a:cxn ang="0">
                    <a:pos x="242" y="669"/>
                  </a:cxn>
                  <a:cxn ang="0">
                    <a:pos x="255" y="704"/>
                  </a:cxn>
                  <a:cxn ang="0">
                    <a:pos x="260" y="743"/>
                  </a:cxn>
                  <a:cxn ang="0">
                    <a:pos x="206" y="703"/>
                  </a:cxn>
                  <a:cxn ang="0">
                    <a:pos x="142" y="680"/>
                  </a:cxn>
                  <a:cxn ang="0">
                    <a:pos x="98" y="652"/>
                  </a:cxn>
                  <a:cxn ang="0">
                    <a:pos x="45" y="637"/>
                  </a:cxn>
                  <a:cxn ang="0">
                    <a:pos x="11" y="663"/>
                  </a:cxn>
                  <a:cxn ang="0">
                    <a:pos x="133" y="761"/>
                  </a:cxn>
                  <a:cxn ang="0">
                    <a:pos x="211" y="761"/>
                  </a:cxn>
                  <a:cxn ang="0">
                    <a:pos x="265" y="792"/>
                  </a:cxn>
                  <a:cxn ang="0">
                    <a:pos x="126" y="796"/>
                  </a:cxn>
                  <a:cxn ang="0">
                    <a:pos x="36" y="760"/>
                  </a:cxn>
                </a:cxnLst>
                <a:rect l="0" t="0" r="r" b="b"/>
                <a:pathLst>
                  <a:path w="1259" h="1150">
                    <a:moveTo>
                      <a:pt x="0" y="752"/>
                    </a:moveTo>
                    <a:lnTo>
                      <a:pt x="41" y="812"/>
                    </a:lnTo>
                    <a:lnTo>
                      <a:pt x="64" y="830"/>
                    </a:lnTo>
                    <a:lnTo>
                      <a:pt x="81" y="844"/>
                    </a:lnTo>
                    <a:lnTo>
                      <a:pt x="86" y="847"/>
                    </a:lnTo>
                    <a:lnTo>
                      <a:pt x="90" y="848"/>
                    </a:lnTo>
                    <a:lnTo>
                      <a:pt x="95" y="849"/>
                    </a:lnTo>
                    <a:lnTo>
                      <a:pt x="101" y="851"/>
                    </a:lnTo>
                    <a:lnTo>
                      <a:pt x="107" y="849"/>
                    </a:lnTo>
                    <a:lnTo>
                      <a:pt x="112" y="848"/>
                    </a:lnTo>
                    <a:lnTo>
                      <a:pt x="120" y="847"/>
                    </a:lnTo>
                    <a:lnTo>
                      <a:pt x="128" y="843"/>
                    </a:lnTo>
                    <a:lnTo>
                      <a:pt x="139" y="838"/>
                    </a:lnTo>
                    <a:lnTo>
                      <a:pt x="150" y="835"/>
                    </a:lnTo>
                    <a:lnTo>
                      <a:pt x="161" y="833"/>
                    </a:lnTo>
                    <a:lnTo>
                      <a:pt x="172" y="830"/>
                    </a:lnTo>
                    <a:lnTo>
                      <a:pt x="193" y="829"/>
                    </a:lnTo>
                    <a:lnTo>
                      <a:pt x="212" y="827"/>
                    </a:lnTo>
                    <a:lnTo>
                      <a:pt x="233" y="825"/>
                    </a:lnTo>
                    <a:lnTo>
                      <a:pt x="255" y="820"/>
                    </a:lnTo>
                    <a:lnTo>
                      <a:pt x="265" y="817"/>
                    </a:lnTo>
                    <a:lnTo>
                      <a:pt x="277" y="812"/>
                    </a:lnTo>
                    <a:lnTo>
                      <a:pt x="288" y="805"/>
                    </a:lnTo>
                    <a:lnTo>
                      <a:pt x="300" y="798"/>
                    </a:lnTo>
                    <a:lnTo>
                      <a:pt x="310" y="791"/>
                    </a:lnTo>
                    <a:lnTo>
                      <a:pt x="320" y="786"/>
                    </a:lnTo>
                    <a:lnTo>
                      <a:pt x="329" y="781"/>
                    </a:lnTo>
                    <a:lnTo>
                      <a:pt x="338" y="778"/>
                    </a:lnTo>
                    <a:lnTo>
                      <a:pt x="348" y="774"/>
                    </a:lnTo>
                    <a:lnTo>
                      <a:pt x="357" y="773"/>
                    </a:lnTo>
                    <a:lnTo>
                      <a:pt x="366" y="772"/>
                    </a:lnTo>
                    <a:lnTo>
                      <a:pt x="377" y="770"/>
                    </a:lnTo>
                    <a:lnTo>
                      <a:pt x="396" y="770"/>
                    </a:lnTo>
                    <a:lnTo>
                      <a:pt x="414" y="773"/>
                    </a:lnTo>
                    <a:lnTo>
                      <a:pt x="434" y="778"/>
                    </a:lnTo>
                    <a:lnTo>
                      <a:pt x="452" y="785"/>
                    </a:lnTo>
                    <a:lnTo>
                      <a:pt x="470" y="794"/>
                    </a:lnTo>
                    <a:lnTo>
                      <a:pt x="487" y="803"/>
                    </a:lnTo>
                    <a:lnTo>
                      <a:pt x="505" y="814"/>
                    </a:lnTo>
                    <a:lnTo>
                      <a:pt x="520" y="826"/>
                    </a:lnTo>
                    <a:lnTo>
                      <a:pt x="537" y="839"/>
                    </a:lnTo>
                    <a:lnTo>
                      <a:pt x="551" y="852"/>
                    </a:lnTo>
                    <a:lnTo>
                      <a:pt x="566" y="865"/>
                    </a:lnTo>
                    <a:lnTo>
                      <a:pt x="579" y="878"/>
                    </a:lnTo>
                    <a:lnTo>
                      <a:pt x="601" y="900"/>
                    </a:lnTo>
                    <a:lnTo>
                      <a:pt x="624" y="926"/>
                    </a:lnTo>
                    <a:lnTo>
                      <a:pt x="636" y="939"/>
                    </a:lnTo>
                    <a:lnTo>
                      <a:pt x="645" y="952"/>
                    </a:lnTo>
                    <a:lnTo>
                      <a:pt x="649" y="959"/>
                    </a:lnTo>
                    <a:lnTo>
                      <a:pt x="652" y="966"/>
                    </a:lnTo>
                    <a:lnTo>
                      <a:pt x="655" y="972"/>
                    </a:lnTo>
                    <a:lnTo>
                      <a:pt x="656" y="980"/>
                    </a:lnTo>
                    <a:lnTo>
                      <a:pt x="664" y="1009"/>
                    </a:lnTo>
                    <a:lnTo>
                      <a:pt x="673" y="1040"/>
                    </a:lnTo>
                    <a:lnTo>
                      <a:pt x="681" y="1070"/>
                    </a:lnTo>
                    <a:lnTo>
                      <a:pt x="687" y="1097"/>
                    </a:lnTo>
                    <a:lnTo>
                      <a:pt x="704" y="1150"/>
                    </a:lnTo>
                    <a:lnTo>
                      <a:pt x="704" y="1150"/>
                    </a:lnTo>
                    <a:lnTo>
                      <a:pt x="712" y="1140"/>
                    </a:lnTo>
                    <a:lnTo>
                      <a:pt x="717" y="1128"/>
                    </a:lnTo>
                    <a:lnTo>
                      <a:pt x="724" y="1118"/>
                    </a:lnTo>
                    <a:lnTo>
                      <a:pt x="728" y="1107"/>
                    </a:lnTo>
                    <a:lnTo>
                      <a:pt x="737" y="1085"/>
                    </a:lnTo>
                    <a:lnTo>
                      <a:pt x="743" y="1062"/>
                    </a:lnTo>
                    <a:lnTo>
                      <a:pt x="750" y="1040"/>
                    </a:lnTo>
                    <a:lnTo>
                      <a:pt x="756" y="1016"/>
                    </a:lnTo>
                    <a:lnTo>
                      <a:pt x="764" y="994"/>
                    </a:lnTo>
                    <a:lnTo>
                      <a:pt x="773" y="971"/>
                    </a:lnTo>
                    <a:lnTo>
                      <a:pt x="783" y="953"/>
                    </a:lnTo>
                    <a:lnTo>
                      <a:pt x="795" y="937"/>
                    </a:lnTo>
                    <a:lnTo>
                      <a:pt x="807" y="922"/>
                    </a:lnTo>
                    <a:lnTo>
                      <a:pt x="818" y="905"/>
                    </a:lnTo>
                    <a:lnTo>
                      <a:pt x="821" y="900"/>
                    </a:lnTo>
                    <a:lnTo>
                      <a:pt x="823" y="896"/>
                    </a:lnTo>
                    <a:lnTo>
                      <a:pt x="825" y="891"/>
                    </a:lnTo>
                    <a:lnTo>
                      <a:pt x="825" y="886"/>
                    </a:lnTo>
                    <a:lnTo>
                      <a:pt x="825" y="874"/>
                    </a:lnTo>
                    <a:lnTo>
                      <a:pt x="822" y="864"/>
                    </a:lnTo>
                    <a:lnTo>
                      <a:pt x="814" y="843"/>
                    </a:lnTo>
                    <a:lnTo>
                      <a:pt x="804" y="823"/>
                    </a:lnTo>
                    <a:lnTo>
                      <a:pt x="804" y="818"/>
                    </a:lnTo>
                    <a:lnTo>
                      <a:pt x="801" y="813"/>
                    </a:lnTo>
                    <a:lnTo>
                      <a:pt x="798" y="808"/>
                    </a:lnTo>
                    <a:lnTo>
                      <a:pt x="795" y="803"/>
                    </a:lnTo>
                    <a:lnTo>
                      <a:pt x="786" y="794"/>
                    </a:lnTo>
                    <a:lnTo>
                      <a:pt x="778" y="785"/>
                    </a:lnTo>
                    <a:lnTo>
                      <a:pt x="774" y="781"/>
                    </a:lnTo>
                    <a:lnTo>
                      <a:pt x="772" y="776"/>
                    </a:lnTo>
                    <a:lnTo>
                      <a:pt x="769" y="772"/>
                    </a:lnTo>
                    <a:lnTo>
                      <a:pt x="768" y="766"/>
                    </a:lnTo>
                    <a:lnTo>
                      <a:pt x="768" y="760"/>
                    </a:lnTo>
                    <a:lnTo>
                      <a:pt x="769" y="755"/>
                    </a:lnTo>
                    <a:lnTo>
                      <a:pt x="772" y="748"/>
                    </a:lnTo>
                    <a:lnTo>
                      <a:pt x="777" y="742"/>
                    </a:lnTo>
                    <a:lnTo>
                      <a:pt x="782" y="735"/>
                    </a:lnTo>
                    <a:lnTo>
                      <a:pt x="787" y="730"/>
                    </a:lnTo>
                    <a:lnTo>
                      <a:pt x="792" y="725"/>
                    </a:lnTo>
                    <a:lnTo>
                      <a:pt x="799" y="722"/>
                    </a:lnTo>
                    <a:lnTo>
                      <a:pt x="809" y="716"/>
                    </a:lnTo>
                    <a:lnTo>
                      <a:pt x="821" y="713"/>
                    </a:lnTo>
                    <a:lnTo>
                      <a:pt x="845" y="709"/>
                    </a:lnTo>
                    <a:lnTo>
                      <a:pt x="873" y="706"/>
                    </a:lnTo>
                    <a:lnTo>
                      <a:pt x="887" y="703"/>
                    </a:lnTo>
                    <a:lnTo>
                      <a:pt x="900" y="700"/>
                    </a:lnTo>
                    <a:lnTo>
                      <a:pt x="912" y="699"/>
                    </a:lnTo>
                    <a:lnTo>
                      <a:pt x="923" y="699"/>
                    </a:lnTo>
                    <a:lnTo>
                      <a:pt x="947" y="699"/>
                    </a:lnTo>
                    <a:lnTo>
                      <a:pt x="969" y="699"/>
                    </a:lnTo>
                    <a:lnTo>
                      <a:pt x="980" y="698"/>
                    </a:lnTo>
                    <a:lnTo>
                      <a:pt x="991" y="696"/>
                    </a:lnTo>
                    <a:lnTo>
                      <a:pt x="1002" y="695"/>
                    </a:lnTo>
                    <a:lnTo>
                      <a:pt x="1013" y="691"/>
                    </a:lnTo>
                    <a:lnTo>
                      <a:pt x="1024" y="687"/>
                    </a:lnTo>
                    <a:lnTo>
                      <a:pt x="1036" y="681"/>
                    </a:lnTo>
                    <a:lnTo>
                      <a:pt x="1049" y="674"/>
                    </a:lnTo>
                    <a:lnTo>
                      <a:pt x="1061" y="664"/>
                    </a:lnTo>
                    <a:lnTo>
                      <a:pt x="1068" y="658"/>
                    </a:lnTo>
                    <a:lnTo>
                      <a:pt x="1072" y="651"/>
                    </a:lnTo>
                    <a:lnTo>
                      <a:pt x="1075" y="646"/>
                    </a:lnTo>
                    <a:lnTo>
                      <a:pt x="1075" y="640"/>
                    </a:lnTo>
                    <a:lnTo>
                      <a:pt x="1072" y="627"/>
                    </a:lnTo>
                    <a:lnTo>
                      <a:pt x="1067" y="614"/>
                    </a:lnTo>
                    <a:lnTo>
                      <a:pt x="1064" y="608"/>
                    </a:lnTo>
                    <a:lnTo>
                      <a:pt x="1063" y="602"/>
                    </a:lnTo>
                    <a:lnTo>
                      <a:pt x="1063" y="595"/>
                    </a:lnTo>
                    <a:lnTo>
                      <a:pt x="1063" y="590"/>
                    </a:lnTo>
                    <a:lnTo>
                      <a:pt x="1066" y="584"/>
                    </a:lnTo>
                    <a:lnTo>
                      <a:pt x="1071" y="579"/>
                    </a:lnTo>
                    <a:lnTo>
                      <a:pt x="1077" y="573"/>
                    </a:lnTo>
                    <a:lnTo>
                      <a:pt x="1088" y="568"/>
                    </a:lnTo>
                    <a:lnTo>
                      <a:pt x="1098" y="563"/>
                    </a:lnTo>
                    <a:lnTo>
                      <a:pt x="1107" y="557"/>
                    </a:lnTo>
                    <a:lnTo>
                      <a:pt x="1115" y="551"/>
                    </a:lnTo>
                    <a:lnTo>
                      <a:pt x="1121" y="546"/>
                    </a:lnTo>
                    <a:lnTo>
                      <a:pt x="1127" y="540"/>
                    </a:lnTo>
                    <a:lnTo>
                      <a:pt x="1132" y="533"/>
                    </a:lnTo>
                    <a:lnTo>
                      <a:pt x="1134" y="527"/>
                    </a:lnTo>
                    <a:lnTo>
                      <a:pt x="1138" y="520"/>
                    </a:lnTo>
                    <a:lnTo>
                      <a:pt x="1146" y="489"/>
                    </a:lnTo>
                    <a:lnTo>
                      <a:pt x="1153" y="450"/>
                    </a:lnTo>
                    <a:lnTo>
                      <a:pt x="1153" y="445"/>
                    </a:lnTo>
                    <a:lnTo>
                      <a:pt x="1153" y="441"/>
                    </a:lnTo>
                    <a:lnTo>
                      <a:pt x="1150" y="437"/>
                    </a:lnTo>
                    <a:lnTo>
                      <a:pt x="1147" y="435"/>
                    </a:lnTo>
                    <a:lnTo>
                      <a:pt x="1140" y="432"/>
                    </a:lnTo>
                    <a:lnTo>
                      <a:pt x="1132" y="430"/>
                    </a:lnTo>
                    <a:lnTo>
                      <a:pt x="1128" y="428"/>
                    </a:lnTo>
                    <a:lnTo>
                      <a:pt x="1124" y="427"/>
                    </a:lnTo>
                    <a:lnTo>
                      <a:pt x="1120" y="424"/>
                    </a:lnTo>
                    <a:lnTo>
                      <a:pt x="1118" y="421"/>
                    </a:lnTo>
                    <a:lnTo>
                      <a:pt x="1116" y="417"/>
                    </a:lnTo>
                    <a:lnTo>
                      <a:pt x="1115" y="412"/>
                    </a:lnTo>
                    <a:lnTo>
                      <a:pt x="1115" y="405"/>
                    </a:lnTo>
                    <a:lnTo>
                      <a:pt x="1118" y="397"/>
                    </a:lnTo>
                    <a:lnTo>
                      <a:pt x="1121" y="386"/>
                    </a:lnTo>
                    <a:lnTo>
                      <a:pt x="1125" y="375"/>
                    </a:lnTo>
                    <a:lnTo>
                      <a:pt x="1129" y="369"/>
                    </a:lnTo>
                    <a:lnTo>
                      <a:pt x="1133" y="362"/>
                    </a:lnTo>
                    <a:lnTo>
                      <a:pt x="1138" y="357"/>
                    </a:lnTo>
                    <a:lnTo>
                      <a:pt x="1145" y="353"/>
                    </a:lnTo>
                    <a:lnTo>
                      <a:pt x="1153" y="348"/>
                    </a:lnTo>
                    <a:lnTo>
                      <a:pt x="1162" y="343"/>
                    </a:lnTo>
                    <a:lnTo>
                      <a:pt x="1177" y="335"/>
                    </a:lnTo>
                    <a:lnTo>
                      <a:pt x="1189" y="325"/>
                    </a:lnTo>
                    <a:lnTo>
                      <a:pt x="1198" y="313"/>
                    </a:lnTo>
                    <a:lnTo>
                      <a:pt x="1206" y="301"/>
                    </a:lnTo>
                    <a:lnTo>
                      <a:pt x="1212" y="288"/>
                    </a:lnTo>
                    <a:lnTo>
                      <a:pt x="1219" y="274"/>
                    </a:lnTo>
                    <a:lnTo>
                      <a:pt x="1222" y="260"/>
                    </a:lnTo>
                    <a:lnTo>
                      <a:pt x="1226" y="243"/>
                    </a:lnTo>
                    <a:lnTo>
                      <a:pt x="1259" y="137"/>
                    </a:lnTo>
                    <a:lnTo>
                      <a:pt x="1259" y="136"/>
                    </a:lnTo>
                    <a:lnTo>
                      <a:pt x="1254" y="134"/>
                    </a:lnTo>
                    <a:lnTo>
                      <a:pt x="1247" y="130"/>
                    </a:lnTo>
                    <a:lnTo>
                      <a:pt x="1241" y="125"/>
                    </a:lnTo>
                    <a:lnTo>
                      <a:pt x="1233" y="120"/>
                    </a:lnTo>
                    <a:lnTo>
                      <a:pt x="1220" y="104"/>
                    </a:lnTo>
                    <a:lnTo>
                      <a:pt x="1207" y="88"/>
                    </a:lnTo>
                    <a:lnTo>
                      <a:pt x="1181" y="54"/>
                    </a:lnTo>
                    <a:lnTo>
                      <a:pt x="1162" y="28"/>
                    </a:lnTo>
                    <a:lnTo>
                      <a:pt x="1153" y="20"/>
                    </a:lnTo>
                    <a:lnTo>
                      <a:pt x="1143" y="15"/>
                    </a:lnTo>
                    <a:lnTo>
                      <a:pt x="1133" y="11"/>
                    </a:lnTo>
                    <a:lnTo>
                      <a:pt x="1123" y="10"/>
                    </a:lnTo>
                    <a:lnTo>
                      <a:pt x="1111" y="11"/>
                    </a:lnTo>
                    <a:lnTo>
                      <a:pt x="1101" y="13"/>
                    </a:lnTo>
                    <a:lnTo>
                      <a:pt x="1089" y="15"/>
                    </a:lnTo>
                    <a:lnTo>
                      <a:pt x="1077" y="19"/>
                    </a:lnTo>
                    <a:lnTo>
                      <a:pt x="1032" y="38"/>
                    </a:lnTo>
                    <a:lnTo>
                      <a:pt x="992" y="55"/>
                    </a:lnTo>
                    <a:lnTo>
                      <a:pt x="987" y="55"/>
                    </a:lnTo>
                    <a:lnTo>
                      <a:pt x="984" y="54"/>
                    </a:lnTo>
                    <a:lnTo>
                      <a:pt x="982" y="51"/>
                    </a:lnTo>
                    <a:lnTo>
                      <a:pt x="980" y="49"/>
                    </a:lnTo>
                    <a:lnTo>
                      <a:pt x="980" y="40"/>
                    </a:lnTo>
                    <a:lnTo>
                      <a:pt x="982" y="29"/>
                    </a:lnTo>
                    <a:lnTo>
                      <a:pt x="983" y="19"/>
                    </a:lnTo>
                    <a:lnTo>
                      <a:pt x="983" y="9"/>
                    </a:lnTo>
                    <a:lnTo>
                      <a:pt x="983" y="5"/>
                    </a:lnTo>
                    <a:lnTo>
                      <a:pt x="982" y="2"/>
                    </a:lnTo>
                    <a:lnTo>
                      <a:pt x="980" y="1"/>
                    </a:lnTo>
                    <a:lnTo>
                      <a:pt x="976" y="0"/>
                    </a:lnTo>
                    <a:lnTo>
                      <a:pt x="825" y="7"/>
                    </a:lnTo>
                    <a:lnTo>
                      <a:pt x="817" y="9"/>
                    </a:lnTo>
                    <a:lnTo>
                      <a:pt x="809" y="11"/>
                    </a:lnTo>
                    <a:lnTo>
                      <a:pt x="801" y="15"/>
                    </a:lnTo>
                    <a:lnTo>
                      <a:pt x="795" y="19"/>
                    </a:lnTo>
                    <a:lnTo>
                      <a:pt x="790" y="24"/>
                    </a:lnTo>
                    <a:lnTo>
                      <a:pt x="785" y="31"/>
                    </a:lnTo>
                    <a:lnTo>
                      <a:pt x="779" y="38"/>
                    </a:lnTo>
                    <a:lnTo>
                      <a:pt x="776" y="46"/>
                    </a:lnTo>
                    <a:lnTo>
                      <a:pt x="769" y="62"/>
                    </a:lnTo>
                    <a:lnTo>
                      <a:pt x="764" y="80"/>
                    </a:lnTo>
                    <a:lnTo>
                      <a:pt x="760" y="98"/>
                    </a:lnTo>
                    <a:lnTo>
                      <a:pt x="757" y="115"/>
                    </a:lnTo>
                    <a:lnTo>
                      <a:pt x="756" y="127"/>
                    </a:lnTo>
                    <a:lnTo>
                      <a:pt x="757" y="137"/>
                    </a:lnTo>
                    <a:lnTo>
                      <a:pt x="760" y="145"/>
                    </a:lnTo>
                    <a:lnTo>
                      <a:pt x="763" y="151"/>
                    </a:lnTo>
                    <a:lnTo>
                      <a:pt x="768" y="156"/>
                    </a:lnTo>
                    <a:lnTo>
                      <a:pt x="773" y="160"/>
                    </a:lnTo>
                    <a:lnTo>
                      <a:pt x="778" y="163"/>
                    </a:lnTo>
                    <a:lnTo>
                      <a:pt x="785" y="165"/>
                    </a:lnTo>
                    <a:lnTo>
                      <a:pt x="796" y="171"/>
                    </a:lnTo>
                    <a:lnTo>
                      <a:pt x="805" y="176"/>
                    </a:lnTo>
                    <a:lnTo>
                      <a:pt x="809" y="180"/>
                    </a:lnTo>
                    <a:lnTo>
                      <a:pt x="812" y="185"/>
                    </a:lnTo>
                    <a:lnTo>
                      <a:pt x="812" y="191"/>
                    </a:lnTo>
                    <a:lnTo>
                      <a:pt x="812" y="199"/>
                    </a:lnTo>
                    <a:lnTo>
                      <a:pt x="805" y="221"/>
                    </a:lnTo>
                    <a:lnTo>
                      <a:pt x="803" y="244"/>
                    </a:lnTo>
                    <a:lnTo>
                      <a:pt x="803" y="256"/>
                    </a:lnTo>
                    <a:lnTo>
                      <a:pt x="805" y="266"/>
                    </a:lnTo>
                    <a:lnTo>
                      <a:pt x="807" y="273"/>
                    </a:lnTo>
                    <a:lnTo>
                      <a:pt x="809" y="278"/>
                    </a:lnTo>
                    <a:lnTo>
                      <a:pt x="813" y="283"/>
                    </a:lnTo>
                    <a:lnTo>
                      <a:pt x="818" y="288"/>
                    </a:lnTo>
                    <a:lnTo>
                      <a:pt x="831" y="296"/>
                    </a:lnTo>
                    <a:lnTo>
                      <a:pt x="851" y="305"/>
                    </a:lnTo>
                    <a:lnTo>
                      <a:pt x="858" y="310"/>
                    </a:lnTo>
                    <a:lnTo>
                      <a:pt x="865" y="316"/>
                    </a:lnTo>
                    <a:lnTo>
                      <a:pt x="868" y="318"/>
                    </a:lnTo>
                    <a:lnTo>
                      <a:pt x="869" y="321"/>
                    </a:lnTo>
                    <a:lnTo>
                      <a:pt x="869" y="323"/>
                    </a:lnTo>
                    <a:lnTo>
                      <a:pt x="866" y="326"/>
                    </a:lnTo>
                    <a:lnTo>
                      <a:pt x="855" y="322"/>
                    </a:lnTo>
                    <a:lnTo>
                      <a:pt x="829" y="312"/>
                    </a:lnTo>
                    <a:lnTo>
                      <a:pt x="821" y="310"/>
                    </a:lnTo>
                    <a:lnTo>
                      <a:pt x="813" y="309"/>
                    </a:lnTo>
                    <a:lnTo>
                      <a:pt x="805" y="310"/>
                    </a:lnTo>
                    <a:lnTo>
                      <a:pt x="796" y="312"/>
                    </a:lnTo>
                    <a:lnTo>
                      <a:pt x="788" y="314"/>
                    </a:lnTo>
                    <a:lnTo>
                      <a:pt x="781" y="320"/>
                    </a:lnTo>
                    <a:lnTo>
                      <a:pt x="773" y="326"/>
                    </a:lnTo>
                    <a:lnTo>
                      <a:pt x="765" y="335"/>
                    </a:lnTo>
                    <a:lnTo>
                      <a:pt x="764" y="339"/>
                    </a:lnTo>
                    <a:lnTo>
                      <a:pt x="763" y="342"/>
                    </a:lnTo>
                    <a:lnTo>
                      <a:pt x="763" y="345"/>
                    </a:lnTo>
                    <a:lnTo>
                      <a:pt x="763" y="348"/>
                    </a:lnTo>
                    <a:lnTo>
                      <a:pt x="765" y="355"/>
                    </a:lnTo>
                    <a:lnTo>
                      <a:pt x="769" y="360"/>
                    </a:lnTo>
                    <a:lnTo>
                      <a:pt x="774" y="366"/>
                    </a:lnTo>
                    <a:lnTo>
                      <a:pt x="779" y="371"/>
                    </a:lnTo>
                    <a:lnTo>
                      <a:pt x="782" y="378"/>
                    </a:lnTo>
                    <a:lnTo>
                      <a:pt x="783" y="384"/>
                    </a:lnTo>
                    <a:lnTo>
                      <a:pt x="783" y="389"/>
                    </a:lnTo>
                    <a:lnTo>
                      <a:pt x="782" y="393"/>
                    </a:lnTo>
                    <a:lnTo>
                      <a:pt x="781" y="399"/>
                    </a:lnTo>
                    <a:lnTo>
                      <a:pt x="778" y="401"/>
                    </a:lnTo>
                    <a:lnTo>
                      <a:pt x="772" y="408"/>
                    </a:lnTo>
                    <a:lnTo>
                      <a:pt x="764" y="412"/>
                    </a:lnTo>
                    <a:lnTo>
                      <a:pt x="754" y="415"/>
                    </a:lnTo>
                    <a:lnTo>
                      <a:pt x="743" y="417"/>
                    </a:lnTo>
                    <a:lnTo>
                      <a:pt x="731" y="417"/>
                    </a:lnTo>
                    <a:lnTo>
                      <a:pt x="719" y="415"/>
                    </a:lnTo>
                    <a:lnTo>
                      <a:pt x="706" y="413"/>
                    </a:lnTo>
                    <a:lnTo>
                      <a:pt x="694" y="408"/>
                    </a:lnTo>
                    <a:lnTo>
                      <a:pt x="681" y="402"/>
                    </a:lnTo>
                    <a:lnTo>
                      <a:pt x="671" y="396"/>
                    </a:lnTo>
                    <a:lnTo>
                      <a:pt x="660" y="388"/>
                    </a:lnTo>
                    <a:lnTo>
                      <a:pt x="651" y="379"/>
                    </a:lnTo>
                    <a:lnTo>
                      <a:pt x="645" y="369"/>
                    </a:lnTo>
                    <a:lnTo>
                      <a:pt x="641" y="357"/>
                    </a:lnTo>
                    <a:lnTo>
                      <a:pt x="638" y="348"/>
                    </a:lnTo>
                    <a:lnTo>
                      <a:pt x="637" y="339"/>
                    </a:lnTo>
                    <a:lnTo>
                      <a:pt x="637" y="330"/>
                    </a:lnTo>
                    <a:lnTo>
                      <a:pt x="637" y="323"/>
                    </a:lnTo>
                    <a:lnTo>
                      <a:pt x="637" y="317"/>
                    </a:lnTo>
                    <a:lnTo>
                      <a:pt x="638" y="310"/>
                    </a:lnTo>
                    <a:lnTo>
                      <a:pt x="641" y="305"/>
                    </a:lnTo>
                    <a:lnTo>
                      <a:pt x="643" y="300"/>
                    </a:lnTo>
                    <a:lnTo>
                      <a:pt x="650" y="292"/>
                    </a:lnTo>
                    <a:lnTo>
                      <a:pt x="658" y="285"/>
                    </a:lnTo>
                    <a:lnTo>
                      <a:pt x="667" y="279"/>
                    </a:lnTo>
                    <a:lnTo>
                      <a:pt x="676" y="274"/>
                    </a:lnTo>
                    <a:lnTo>
                      <a:pt x="685" y="270"/>
                    </a:lnTo>
                    <a:lnTo>
                      <a:pt x="694" y="265"/>
                    </a:lnTo>
                    <a:lnTo>
                      <a:pt x="703" y="261"/>
                    </a:lnTo>
                    <a:lnTo>
                      <a:pt x="709" y="255"/>
                    </a:lnTo>
                    <a:lnTo>
                      <a:pt x="713" y="251"/>
                    </a:lnTo>
                    <a:lnTo>
                      <a:pt x="716" y="248"/>
                    </a:lnTo>
                    <a:lnTo>
                      <a:pt x="717" y="243"/>
                    </a:lnTo>
                    <a:lnTo>
                      <a:pt x="719" y="239"/>
                    </a:lnTo>
                    <a:lnTo>
                      <a:pt x="720" y="234"/>
                    </a:lnTo>
                    <a:lnTo>
                      <a:pt x="720" y="228"/>
                    </a:lnTo>
                    <a:lnTo>
                      <a:pt x="719" y="221"/>
                    </a:lnTo>
                    <a:lnTo>
                      <a:pt x="717" y="215"/>
                    </a:lnTo>
                    <a:lnTo>
                      <a:pt x="706" y="212"/>
                    </a:lnTo>
                    <a:lnTo>
                      <a:pt x="695" y="208"/>
                    </a:lnTo>
                    <a:lnTo>
                      <a:pt x="687" y="206"/>
                    </a:lnTo>
                    <a:lnTo>
                      <a:pt x="682" y="202"/>
                    </a:lnTo>
                    <a:lnTo>
                      <a:pt x="680" y="196"/>
                    </a:lnTo>
                    <a:lnTo>
                      <a:pt x="678" y="193"/>
                    </a:lnTo>
                    <a:lnTo>
                      <a:pt x="678" y="187"/>
                    </a:lnTo>
                    <a:lnTo>
                      <a:pt x="678" y="182"/>
                    </a:lnTo>
                    <a:lnTo>
                      <a:pt x="681" y="171"/>
                    </a:lnTo>
                    <a:lnTo>
                      <a:pt x="685" y="156"/>
                    </a:lnTo>
                    <a:lnTo>
                      <a:pt x="685" y="149"/>
                    </a:lnTo>
                    <a:lnTo>
                      <a:pt x="685" y="141"/>
                    </a:lnTo>
                    <a:lnTo>
                      <a:pt x="684" y="132"/>
                    </a:lnTo>
                    <a:lnTo>
                      <a:pt x="681" y="123"/>
                    </a:lnTo>
                    <a:lnTo>
                      <a:pt x="680" y="120"/>
                    </a:lnTo>
                    <a:lnTo>
                      <a:pt x="677" y="119"/>
                    </a:lnTo>
                    <a:lnTo>
                      <a:pt x="673" y="119"/>
                    </a:lnTo>
                    <a:lnTo>
                      <a:pt x="669" y="119"/>
                    </a:lnTo>
                    <a:lnTo>
                      <a:pt x="660" y="121"/>
                    </a:lnTo>
                    <a:lnTo>
                      <a:pt x="649" y="125"/>
                    </a:lnTo>
                    <a:lnTo>
                      <a:pt x="637" y="129"/>
                    </a:lnTo>
                    <a:lnTo>
                      <a:pt x="625" y="132"/>
                    </a:lnTo>
                    <a:lnTo>
                      <a:pt x="619" y="132"/>
                    </a:lnTo>
                    <a:lnTo>
                      <a:pt x="614" y="130"/>
                    </a:lnTo>
                    <a:lnTo>
                      <a:pt x="608" y="129"/>
                    </a:lnTo>
                    <a:lnTo>
                      <a:pt x="603" y="127"/>
                    </a:lnTo>
                    <a:lnTo>
                      <a:pt x="594" y="117"/>
                    </a:lnTo>
                    <a:lnTo>
                      <a:pt x="589" y="111"/>
                    </a:lnTo>
                    <a:lnTo>
                      <a:pt x="588" y="108"/>
                    </a:lnTo>
                    <a:lnTo>
                      <a:pt x="586" y="106"/>
                    </a:lnTo>
                    <a:lnTo>
                      <a:pt x="586" y="103"/>
                    </a:lnTo>
                    <a:lnTo>
                      <a:pt x="588" y="102"/>
                    </a:lnTo>
                    <a:lnTo>
                      <a:pt x="595" y="94"/>
                    </a:lnTo>
                    <a:lnTo>
                      <a:pt x="608" y="86"/>
                    </a:lnTo>
                    <a:lnTo>
                      <a:pt x="614" y="82"/>
                    </a:lnTo>
                    <a:lnTo>
                      <a:pt x="617" y="77"/>
                    </a:lnTo>
                    <a:lnTo>
                      <a:pt x="623" y="72"/>
                    </a:lnTo>
                    <a:lnTo>
                      <a:pt x="625" y="67"/>
                    </a:lnTo>
                    <a:lnTo>
                      <a:pt x="628" y="62"/>
                    </a:lnTo>
                    <a:lnTo>
                      <a:pt x="630" y="57"/>
                    </a:lnTo>
                    <a:lnTo>
                      <a:pt x="630" y="51"/>
                    </a:lnTo>
                    <a:lnTo>
                      <a:pt x="630" y="47"/>
                    </a:lnTo>
                    <a:lnTo>
                      <a:pt x="629" y="45"/>
                    </a:lnTo>
                    <a:lnTo>
                      <a:pt x="628" y="42"/>
                    </a:lnTo>
                    <a:lnTo>
                      <a:pt x="624" y="41"/>
                    </a:lnTo>
                    <a:lnTo>
                      <a:pt x="619" y="42"/>
                    </a:lnTo>
                    <a:lnTo>
                      <a:pt x="612" y="45"/>
                    </a:lnTo>
                    <a:lnTo>
                      <a:pt x="606" y="50"/>
                    </a:lnTo>
                    <a:lnTo>
                      <a:pt x="595" y="57"/>
                    </a:lnTo>
                    <a:lnTo>
                      <a:pt x="585" y="66"/>
                    </a:lnTo>
                    <a:lnTo>
                      <a:pt x="575" y="79"/>
                    </a:lnTo>
                    <a:lnTo>
                      <a:pt x="564" y="94"/>
                    </a:lnTo>
                    <a:lnTo>
                      <a:pt x="553" y="112"/>
                    </a:lnTo>
                    <a:lnTo>
                      <a:pt x="544" y="133"/>
                    </a:lnTo>
                    <a:lnTo>
                      <a:pt x="535" y="154"/>
                    </a:lnTo>
                    <a:lnTo>
                      <a:pt x="528" y="174"/>
                    </a:lnTo>
                    <a:lnTo>
                      <a:pt x="523" y="193"/>
                    </a:lnTo>
                    <a:lnTo>
                      <a:pt x="522" y="208"/>
                    </a:lnTo>
                    <a:lnTo>
                      <a:pt x="520" y="221"/>
                    </a:lnTo>
                    <a:lnTo>
                      <a:pt x="519" y="234"/>
                    </a:lnTo>
                    <a:lnTo>
                      <a:pt x="518" y="246"/>
                    </a:lnTo>
                    <a:lnTo>
                      <a:pt x="515" y="259"/>
                    </a:lnTo>
                    <a:lnTo>
                      <a:pt x="509" y="281"/>
                    </a:lnTo>
                    <a:lnTo>
                      <a:pt x="500" y="303"/>
                    </a:lnTo>
                    <a:lnTo>
                      <a:pt x="489" y="322"/>
                    </a:lnTo>
                    <a:lnTo>
                      <a:pt x="478" y="342"/>
                    </a:lnTo>
                    <a:lnTo>
                      <a:pt x="465" y="360"/>
                    </a:lnTo>
                    <a:lnTo>
                      <a:pt x="449" y="377"/>
                    </a:lnTo>
                    <a:lnTo>
                      <a:pt x="418" y="410"/>
                    </a:lnTo>
                    <a:lnTo>
                      <a:pt x="386" y="443"/>
                    </a:lnTo>
                    <a:lnTo>
                      <a:pt x="352" y="475"/>
                    </a:lnTo>
                    <a:lnTo>
                      <a:pt x="321" y="510"/>
                    </a:lnTo>
                    <a:lnTo>
                      <a:pt x="309" y="520"/>
                    </a:lnTo>
                    <a:lnTo>
                      <a:pt x="295" y="531"/>
                    </a:lnTo>
                    <a:lnTo>
                      <a:pt x="282" y="541"/>
                    </a:lnTo>
                    <a:lnTo>
                      <a:pt x="272" y="551"/>
                    </a:lnTo>
                    <a:lnTo>
                      <a:pt x="268" y="555"/>
                    </a:lnTo>
                    <a:lnTo>
                      <a:pt x="265" y="560"/>
                    </a:lnTo>
                    <a:lnTo>
                      <a:pt x="265" y="564"/>
                    </a:lnTo>
                    <a:lnTo>
                      <a:pt x="268" y="570"/>
                    </a:lnTo>
                    <a:lnTo>
                      <a:pt x="273" y="573"/>
                    </a:lnTo>
                    <a:lnTo>
                      <a:pt x="282" y="577"/>
                    </a:lnTo>
                    <a:lnTo>
                      <a:pt x="292" y="581"/>
                    </a:lnTo>
                    <a:lnTo>
                      <a:pt x="308" y="585"/>
                    </a:lnTo>
                    <a:lnTo>
                      <a:pt x="321" y="589"/>
                    </a:lnTo>
                    <a:lnTo>
                      <a:pt x="334" y="594"/>
                    </a:lnTo>
                    <a:lnTo>
                      <a:pt x="348" y="602"/>
                    </a:lnTo>
                    <a:lnTo>
                      <a:pt x="361" y="611"/>
                    </a:lnTo>
                    <a:lnTo>
                      <a:pt x="373" y="620"/>
                    </a:lnTo>
                    <a:lnTo>
                      <a:pt x="382" y="632"/>
                    </a:lnTo>
                    <a:lnTo>
                      <a:pt x="386" y="638"/>
                    </a:lnTo>
                    <a:lnTo>
                      <a:pt x="388" y="643"/>
                    </a:lnTo>
                    <a:lnTo>
                      <a:pt x="391" y="650"/>
                    </a:lnTo>
                    <a:lnTo>
                      <a:pt x="391" y="656"/>
                    </a:lnTo>
                    <a:lnTo>
                      <a:pt x="367" y="656"/>
                    </a:lnTo>
                    <a:lnTo>
                      <a:pt x="343" y="658"/>
                    </a:lnTo>
                    <a:lnTo>
                      <a:pt x="320" y="660"/>
                    </a:lnTo>
                    <a:lnTo>
                      <a:pt x="295" y="664"/>
                    </a:lnTo>
                    <a:lnTo>
                      <a:pt x="272" y="665"/>
                    </a:lnTo>
                    <a:lnTo>
                      <a:pt x="246" y="668"/>
                    </a:lnTo>
                    <a:lnTo>
                      <a:pt x="242" y="669"/>
                    </a:lnTo>
                    <a:lnTo>
                      <a:pt x="237" y="672"/>
                    </a:lnTo>
                    <a:lnTo>
                      <a:pt x="234" y="673"/>
                    </a:lnTo>
                    <a:lnTo>
                      <a:pt x="233" y="677"/>
                    </a:lnTo>
                    <a:lnTo>
                      <a:pt x="233" y="680"/>
                    </a:lnTo>
                    <a:lnTo>
                      <a:pt x="235" y="685"/>
                    </a:lnTo>
                    <a:lnTo>
                      <a:pt x="239" y="689"/>
                    </a:lnTo>
                    <a:lnTo>
                      <a:pt x="246" y="695"/>
                    </a:lnTo>
                    <a:lnTo>
                      <a:pt x="255" y="704"/>
                    </a:lnTo>
                    <a:lnTo>
                      <a:pt x="261" y="713"/>
                    </a:lnTo>
                    <a:lnTo>
                      <a:pt x="266" y="724"/>
                    </a:lnTo>
                    <a:lnTo>
                      <a:pt x="269" y="733"/>
                    </a:lnTo>
                    <a:lnTo>
                      <a:pt x="269" y="737"/>
                    </a:lnTo>
                    <a:lnTo>
                      <a:pt x="268" y="739"/>
                    </a:lnTo>
                    <a:lnTo>
                      <a:pt x="266" y="742"/>
                    </a:lnTo>
                    <a:lnTo>
                      <a:pt x="264" y="743"/>
                    </a:lnTo>
                    <a:lnTo>
                      <a:pt x="260" y="743"/>
                    </a:lnTo>
                    <a:lnTo>
                      <a:pt x="253" y="742"/>
                    </a:lnTo>
                    <a:lnTo>
                      <a:pt x="247" y="739"/>
                    </a:lnTo>
                    <a:lnTo>
                      <a:pt x="239" y="735"/>
                    </a:lnTo>
                    <a:lnTo>
                      <a:pt x="231" y="730"/>
                    </a:lnTo>
                    <a:lnTo>
                      <a:pt x="224" y="724"/>
                    </a:lnTo>
                    <a:lnTo>
                      <a:pt x="217" y="716"/>
                    </a:lnTo>
                    <a:lnTo>
                      <a:pt x="211" y="709"/>
                    </a:lnTo>
                    <a:lnTo>
                      <a:pt x="206" y="703"/>
                    </a:lnTo>
                    <a:lnTo>
                      <a:pt x="199" y="696"/>
                    </a:lnTo>
                    <a:lnTo>
                      <a:pt x="193" y="690"/>
                    </a:lnTo>
                    <a:lnTo>
                      <a:pt x="185" y="686"/>
                    </a:lnTo>
                    <a:lnTo>
                      <a:pt x="177" y="684"/>
                    </a:lnTo>
                    <a:lnTo>
                      <a:pt x="169" y="681"/>
                    </a:lnTo>
                    <a:lnTo>
                      <a:pt x="163" y="680"/>
                    </a:lnTo>
                    <a:lnTo>
                      <a:pt x="155" y="680"/>
                    </a:lnTo>
                    <a:lnTo>
                      <a:pt x="142" y="680"/>
                    </a:lnTo>
                    <a:lnTo>
                      <a:pt x="130" y="680"/>
                    </a:lnTo>
                    <a:lnTo>
                      <a:pt x="125" y="678"/>
                    </a:lnTo>
                    <a:lnTo>
                      <a:pt x="120" y="677"/>
                    </a:lnTo>
                    <a:lnTo>
                      <a:pt x="115" y="674"/>
                    </a:lnTo>
                    <a:lnTo>
                      <a:pt x="110" y="672"/>
                    </a:lnTo>
                    <a:lnTo>
                      <a:pt x="106" y="667"/>
                    </a:lnTo>
                    <a:lnTo>
                      <a:pt x="102" y="660"/>
                    </a:lnTo>
                    <a:lnTo>
                      <a:pt x="98" y="652"/>
                    </a:lnTo>
                    <a:lnTo>
                      <a:pt x="95" y="642"/>
                    </a:lnTo>
                    <a:lnTo>
                      <a:pt x="94" y="638"/>
                    </a:lnTo>
                    <a:lnTo>
                      <a:pt x="90" y="636"/>
                    </a:lnTo>
                    <a:lnTo>
                      <a:pt x="88" y="633"/>
                    </a:lnTo>
                    <a:lnTo>
                      <a:pt x="82" y="632"/>
                    </a:lnTo>
                    <a:lnTo>
                      <a:pt x="71" y="632"/>
                    </a:lnTo>
                    <a:lnTo>
                      <a:pt x="58" y="633"/>
                    </a:lnTo>
                    <a:lnTo>
                      <a:pt x="45" y="637"/>
                    </a:lnTo>
                    <a:lnTo>
                      <a:pt x="33" y="641"/>
                    </a:lnTo>
                    <a:lnTo>
                      <a:pt x="22" y="645"/>
                    </a:lnTo>
                    <a:lnTo>
                      <a:pt x="14" y="649"/>
                    </a:lnTo>
                    <a:lnTo>
                      <a:pt x="11" y="650"/>
                    </a:lnTo>
                    <a:lnTo>
                      <a:pt x="10" y="651"/>
                    </a:lnTo>
                    <a:lnTo>
                      <a:pt x="10" y="654"/>
                    </a:lnTo>
                    <a:lnTo>
                      <a:pt x="10" y="656"/>
                    </a:lnTo>
                    <a:lnTo>
                      <a:pt x="11" y="663"/>
                    </a:lnTo>
                    <a:lnTo>
                      <a:pt x="16" y="671"/>
                    </a:lnTo>
                    <a:lnTo>
                      <a:pt x="23" y="678"/>
                    </a:lnTo>
                    <a:lnTo>
                      <a:pt x="32" y="687"/>
                    </a:lnTo>
                    <a:lnTo>
                      <a:pt x="42" y="695"/>
                    </a:lnTo>
                    <a:lnTo>
                      <a:pt x="53" y="704"/>
                    </a:lnTo>
                    <a:lnTo>
                      <a:pt x="99" y="739"/>
                    </a:lnTo>
                    <a:lnTo>
                      <a:pt x="128" y="759"/>
                    </a:lnTo>
                    <a:lnTo>
                      <a:pt x="133" y="761"/>
                    </a:lnTo>
                    <a:lnTo>
                      <a:pt x="138" y="764"/>
                    </a:lnTo>
                    <a:lnTo>
                      <a:pt x="143" y="765"/>
                    </a:lnTo>
                    <a:lnTo>
                      <a:pt x="149" y="765"/>
                    </a:lnTo>
                    <a:lnTo>
                      <a:pt x="161" y="765"/>
                    </a:lnTo>
                    <a:lnTo>
                      <a:pt x="174" y="764"/>
                    </a:lnTo>
                    <a:lnTo>
                      <a:pt x="186" y="763"/>
                    </a:lnTo>
                    <a:lnTo>
                      <a:pt x="199" y="761"/>
                    </a:lnTo>
                    <a:lnTo>
                      <a:pt x="211" y="761"/>
                    </a:lnTo>
                    <a:lnTo>
                      <a:pt x="222" y="763"/>
                    </a:lnTo>
                    <a:lnTo>
                      <a:pt x="235" y="768"/>
                    </a:lnTo>
                    <a:lnTo>
                      <a:pt x="247" y="774"/>
                    </a:lnTo>
                    <a:lnTo>
                      <a:pt x="260" y="782"/>
                    </a:lnTo>
                    <a:lnTo>
                      <a:pt x="273" y="787"/>
                    </a:lnTo>
                    <a:lnTo>
                      <a:pt x="273" y="790"/>
                    </a:lnTo>
                    <a:lnTo>
                      <a:pt x="270" y="791"/>
                    </a:lnTo>
                    <a:lnTo>
                      <a:pt x="265" y="792"/>
                    </a:lnTo>
                    <a:lnTo>
                      <a:pt x="260" y="794"/>
                    </a:lnTo>
                    <a:lnTo>
                      <a:pt x="247" y="795"/>
                    </a:lnTo>
                    <a:lnTo>
                      <a:pt x="230" y="796"/>
                    </a:lnTo>
                    <a:lnTo>
                      <a:pt x="198" y="795"/>
                    </a:lnTo>
                    <a:lnTo>
                      <a:pt x="177" y="795"/>
                    </a:lnTo>
                    <a:lnTo>
                      <a:pt x="158" y="795"/>
                    </a:lnTo>
                    <a:lnTo>
                      <a:pt x="137" y="796"/>
                    </a:lnTo>
                    <a:lnTo>
                      <a:pt x="126" y="796"/>
                    </a:lnTo>
                    <a:lnTo>
                      <a:pt x="116" y="795"/>
                    </a:lnTo>
                    <a:lnTo>
                      <a:pt x="107" y="792"/>
                    </a:lnTo>
                    <a:lnTo>
                      <a:pt x="98" y="788"/>
                    </a:lnTo>
                    <a:lnTo>
                      <a:pt x="85" y="782"/>
                    </a:lnTo>
                    <a:lnTo>
                      <a:pt x="72" y="774"/>
                    </a:lnTo>
                    <a:lnTo>
                      <a:pt x="60" y="769"/>
                    </a:lnTo>
                    <a:lnTo>
                      <a:pt x="47" y="764"/>
                    </a:lnTo>
                    <a:lnTo>
                      <a:pt x="36" y="760"/>
                    </a:lnTo>
                    <a:lnTo>
                      <a:pt x="23" y="756"/>
                    </a:lnTo>
                    <a:lnTo>
                      <a:pt x="11" y="755"/>
                    </a:lnTo>
                    <a:lnTo>
                      <a:pt x="0" y="752"/>
                    </a:lnTo>
                    <a:lnTo>
                      <a:pt x="0" y="752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3" name="Freeform 158">
                <a:extLst>
                  <a:ext uri="{FF2B5EF4-FFF2-40B4-BE49-F238E27FC236}">
                    <a16:creationId xmlns:a16="http://schemas.microsoft.com/office/drawing/2014/main" id="{B1B9B3C0-5A22-BE45-B2F1-FD169934E0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84746" y="3863816"/>
                <a:ext cx="96550" cy="148117"/>
              </a:xfrm>
              <a:custGeom>
                <a:avLst/>
                <a:gdLst/>
                <a:ahLst/>
                <a:cxnLst>
                  <a:cxn ang="0">
                    <a:pos x="30" y="277"/>
                  </a:cxn>
                  <a:cxn ang="0">
                    <a:pos x="28" y="258"/>
                  </a:cxn>
                  <a:cxn ang="0">
                    <a:pos x="19" y="232"/>
                  </a:cxn>
                  <a:cxn ang="0">
                    <a:pos x="5" y="194"/>
                  </a:cxn>
                  <a:cxn ang="0">
                    <a:pos x="0" y="160"/>
                  </a:cxn>
                  <a:cxn ang="0">
                    <a:pos x="4" y="126"/>
                  </a:cxn>
                  <a:cxn ang="0">
                    <a:pos x="15" y="92"/>
                  </a:cxn>
                  <a:cxn ang="0">
                    <a:pos x="30" y="68"/>
                  </a:cxn>
                  <a:cxn ang="0">
                    <a:pos x="42" y="52"/>
                  </a:cxn>
                  <a:cxn ang="0">
                    <a:pos x="62" y="35"/>
                  </a:cxn>
                  <a:cxn ang="0">
                    <a:pos x="109" y="13"/>
                  </a:cxn>
                  <a:cxn ang="0">
                    <a:pos x="145" y="11"/>
                  </a:cxn>
                  <a:cxn ang="0">
                    <a:pos x="144" y="34"/>
                  </a:cxn>
                  <a:cxn ang="0">
                    <a:pos x="141" y="69"/>
                  </a:cxn>
                  <a:cxn ang="0">
                    <a:pos x="140" y="100"/>
                  </a:cxn>
                  <a:cxn ang="0">
                    <a:pos x="145" y="118"/>
                  </a:cxn>
                  <a:cxn ang="0">
                    <a:pos x="159" y="141"/>
                  </a:cxn>
                  <a:cxn ang="0">
                    <a:pos x="185" y="170"/>
                  </a:cxn>
                  <a:cxn ang="0">
                    <a:pos x="203" y="192"/>
                  </a:cxn>
                  <a:cxn ang="0">
                    <a:pos x="211" y="209"/>
                  </a:cxn>
                  <a:cxn ang="0">
                    <a:pos x="215" y="227"/>
                  </a:cxn>
                  <a:cxn ang="0">
                    <a:pos x="215" y="242"/>
                  </a:cxn>
                  <a:cxn ang="0">
                    <a:pos x="208" y="262"/>
                  </a:cxn>
                  <a:cxn ang="0">
                    <a:pos x="197" y="285"/>
                  </a:cxn>
                  <a:cxn ang="0">
                    <a:pos x="189" y="303"/>
                  </a:cxn>
                  <a:cxn ang="0">
                    <a:pos x="186" y="318"/>
                  </a:cxn>
                  <a:cxn ang="0">
                    <a:pos x="134" y="319"/>
                  </a:cxn>
                  <a:cxn ang="0">
                    <a:pos x="98" y="324"/>
                  </a:cxn>
                  <a:cxn ang="0">
                    <a:pos x="72" y="324"/>
                  </a:cxn>
                  <a:cxn ang="0">
                    <a:pos x="59" y="318"/>
                  </a:cxn>
                  <a:cxn ang="0">
                    <a:pos x="49" y="308"/>
                  </a:cxn>
                  <a:cxn ang="0">
                    <a:pos x="30" y="288"/>
                  </a:cxn>
                </a:cxnLst>
                <a:rect l="0" t="0" r="r" b="b"/>
                <a:pathLst>
                  <a:path w="215" h="325">
                    <a:moveTo>
                      <a:pt x="30" y="288"/>
                    </a:moveTo>
                    <a:lnTo>
                      <a:pt x="30" y="277"/>
                    </a:lnTo>
                    <a:lnTo>
                      <a:pt x="30" y="268"/>
                    </a:lnTo>
                    <a:lnTo>
                      <a:pt x="28" y="258"/>
                    </a:lnTo>
                    <a:lnTo>
                      <a:pt x="26" y="249"/>
                    </a:lnTo>
                    <a:lnTo>
                      <a:pt x="19" y="232"/>
                    </a:lnTo>
                    <a:lnTo>
                      <a:pt x="10" y="213"/>
                    </a:lnTo>
                    <a:lnTo>
                      <a:pt x="5" y="194"/>
                    </a:lnTo>
                    <a:lnTo>
                      <a:pt x="1" y="178"/>
                    </a:lnTo>
                    <a:lnTo>
                      <a:pt x="0" y="160"/>
                    </a:lnTo>
                    <a:lnTo>
                      <a:pt x="1" y="143"/>
                    </a:lnTo>
                    <a:lnTo>
                      <a:pt x="4" y="126"/>
                    </a:lnTo>
                    <a:lnTo>
                      <a:pt x="7" y="109"/>
                    </a:lnTo>
                    <a:lnTo>
                      <a:pt x="15" y="92"/>
                    </a:lnTo>
                    <a:lnTo>
                      <a:pt x="24" y="75"/>
                    </a:lnTo>
                    <a:lnTo>
                      <a:pt x="30" y="68"/>
                    </a:lnTo>
                    <a:lnTo>
                      <a:pt x="36" y="60"/>
                    </a:lnTo>
                    <a:lnTo>
                      <a:pt x="42" y="52"/>
                    </a:lnTo>
                    <a:lnTo>
                      <a:pt x="48" y="47"/>
                    </a:lnTo>
                    <a:lnTo>
                      <a:pt x="62" y="35"/>
                    </a:lnTo>
                    <a:lnTo>
                      <a:pt x="76" y="27"/>
                    </a:lnTo>
                    <a:lnTo>
                      <a:pt x="109" y="13"/>
                    </a:lnTo>
                    <a:lnTo>
                      <a:pt x="144" y="0"/>
                    </a:lnTo>
                    <a:lnTo>
                      <a:pt x="145" y="11"/>
                    </a:lnTo>
                    <a:lnTo>
                      <a:pt x="145" y="22"/>
                    </a:lnTo>
                    <a:lnTo>
                      <a:pt x="144" y="34"/>
                    </a:lnTo>
                    <a:lnTo>
                      <a:pt x="144" y="46"/>
                    </a:lnTo>
                    <a:lnTo>
                      <a:pt x="141" y="69"/>
                    </a:lnTo>
                    <a:lnTo>
                      <a:pt x="140" y="91"/>
                    </a:lnTo>
                    <a:lnTo>
                      <a:pt x="140" y="100"/>
                    </a:lnTo>
                    <a:lnTo>
                      <a:pt x="142" y="110"/>
                    </a:lnTo>
                    <a:lnTo>
                      <a:pt x="145" y="118"/>
                    </a:lnTo>
                    <a:lnTo>
                      <a:pt x="149" y="126"/>
                    </a:lnTo>
                    <a:lnTo>
                      <a:pt x="159" y="141"/>
                    </a:lnTo>
                    <a:lnTo>
                      <a:pt x="172" y="156"/>
                    </a:lnTo>
                    <a:lnTo>
                      <a:pt x="185" y="170"/>
                    </a:lnTo>
                    <a:lnTo>
                      <a:pt x="197" y="184"/>
                    </a:lnTo>
                    <a:lnTo>
                      <a:pt x="203" y="192"/>
                    </a:lnTo>
                    <a:lnTo>
                      <a:pt x="207" y="200"/>
                    </a:lnTo>
                    <a:lnTo>
                      <a:pt x="211" y="209"/>
                    </a:lnTo>
                    <a:lnTo>
                      <a:pt x="213" y="218"/>
                    </a:lnTo>
                    <a:lnTo>
                      <a:pt x="215" y="227"/>
                    </a:lnTo>
                    <a:lnTo>
                      <a:pt x="215" y="235"/>
                    </a:lnTo>
                    <a:lnTo>
                      <a:pt x="215" y="242"/>
                    </a:lnTo>
                    <a:lnTo>
                      <a:pt x="213" y="249"/>
                    </a:lnTo>
                    <a:lnTo>
                      <a:pt x="208" y="262"/>
                    </a:lnTo>
                    <a:lnTo>
                      <a:pt x="203" y="274"/>
                    </a:lnTo>
                    <a:lnTo>
                      <a:pt x="197" y="285"/>
                    </a:lnTo>
                    <a:lnTo>
                      <a:pt x="191" y="297"/>
                    </a:lnTo>
                    <a:lnTo>
                      <a:pt x="189" y="303"/>
                    </a:lnTo>
                    <a:lnTo>
                      <a:pt x="188" y="310"/>
                    </a:lnTo>
                    <a:lnTo>
                      <a:pt x="186" y="318"/>
                    </a:lnTo>
                    <a:lnTo>
                      <a:pt x="185" y="324"/>
                    </a:lnTo>
                    <a:lnTo>
                      <a:pt x="134" y="319"/>
                    </a:lnTo>
                    <a:lnTo>
                      <a:pt x="116" y="321"/>
                    </a:lnTo>
                    <a:lnTo>
                      <a:pt x="98" y="324"/>
                    </a:lnTo>
                    <a:lnTo>
                      <a:pt x="85" y="325"/>
                    </a:lnTo>
                    <a:lnTo>
                      <a:pt x="72" y="324"/>
                    </a:lnTo>
                    <a:lnTo>
                      <a:pt x="66" y="321"/>
                    </a:lnTo>
                    <a:lnTo>
                      <a:pt x="59" y="318"/>
                    </a:lnTo>
                    <a:lnTo>
                      <a:pt x="54" y="314"/>
                    </a:lnTo>
                    <a:lnTo>
                      <a:pt x="49" y="308"/>
                    </a:lnTo>
                    <a:lnTo>
                      <a:pt x="39" y="298"/>
                    </a:lnTo>
                    <a:lnTo>
                      <a:pt x="30" y="28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4" name="Freeform 159">
                <a:extLst>
                  <a:ext uri="{FF2B5EF4-FFF2-40B4-BE49-F238E27FC236}">
                    <a16:creationId xmlns:a16="http://schemas.microsoft.com/office/drawing/2014/main" id="{3C12D15F-5000-6A4D-BF66-62AF265835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84746" y="3863816"/>
                <a:ext cx="96550" cy="148117"/>
              </a:xfrm>
              <a:custGeom>
                <a:avLst/>
                <a:gdLst/>
                <a:ahLst/>
                <a:cxnLst>
                  <a:cxn ang="0">
                    <a:pos x="30" y="277"/>
                  </a:cxn>
                  <a:cxn ang="0">
                    <a:pos x="28" y="258"/>
                  </a:cxn>
                  <a:cxn ang="0">
                    <a:pos x="19" y="232"/>
                  </a:cxn>
                  <a:cxn ang="0">
                    <a:pos x="5" y="194"/>
                  </a:cxn>
                  <a:cxn ang="0">
                    <a:pos x="0" y="160"/>
                  </a:cxn>
                  <a:cxn ang="0">
                    <a:pos x="4" y="126"/>
                  </a:cxn>
                  <a:cxn ang="0">
                    <a:pos x="15" y="92"/>
                  </a:cxn>
                  <a:cxn ang="0">
                    <a:pos x="30" y="68"/>
                  </a:cxn>
                  <a:cxn ang="0">
                    <a:pos x="42" y="52"/>
                  </a:cxn>
                  <a:cxn ang="0">
                    <a:pos x="62" y="35"/>
                  </a:cxn>
                  <a:cxn ang="0">
                    <a:pos x="109" y="13"/>
                  </a:cxn>
                  <a:cxn ang="0">
                    <a:pos x="144" y="0"/>
                  </a:cxn>
                  <a:cxn ang="0">
                    <a:pos x="145" y="22"/>
                  </a:cxn>
                  <a:cxn ang="0">
                    <a:pos x="144" y="46"/>
                  </a:cxn>
                  <a:cxn ang="0">
                    <a:pos x="140" y="91"/>
                  </a:cxn>
                  <a:cxn ang="0">
                    <a:pos x="142" y="110"/>
                  </a:cxn>
                  <a:cxn ang="0">
                    <a:pos x="149" y="126"/>
                  </a:cxn>
                  <a:cxn ang="0">
                    <a:pos x="172" y="156"/>
                  </a:cxn>
                  <a:cxn ang="0">
                    <a:pos x="197" y="184"/>
                  </a:cxn>
                  <a:cxn ang="0">
                    <a:pos x="207" y="200"/>
                  </a:cxn>
                  <a:cxn ang="0">
                    <a:pos x="213" y="218"/>
                  </a:cxn>
                  <a:cxn ang="0">
                    <a:pos x="215" y="235"/>
                  </a:cxn>
                  <a:cxn ang="0">
                    <a:pos x="213" y="249"/>
                  </a:cxn>
                  <a:cxn ang="0">
                    <a:pos x="203" y="274"/>
                  </a:cxn>
                  <a:cxn ang="0">
                    <a:pos x="191" y="297"/>
                  </a:cxn>
                  <a:cxn ang="0">
                    <a:pos x="188" y="310"/>
                  </a:cxn>
                  <a:cxn ang="0">
                    <a:pos x="185" y="324"/>
                  </a:cxn>
                  <a:cxn ang="0">
                    <a:pos x="134" y="319"/>
                  </a:cxn>
                  <a:cxn ang="0">
                    <a:pos x="98" y="324"/>
                  </a:cxn>
                  <a:cxn ang="0">
                    <a:pos x="72" y="324"/>
                  </a:cxn>
                  <a:cxn ang="0">
                    <a:pos x="59" y="318"/>
                  </a:cxn>
                  <a:cxn ang="0">
                    <a:pos x="49" y="308"/>
                  </a:cxn>
                  <a:cxn ang="0">
                    <a:pos x="30" y="288"/>
                  </a:cxn>
                </a:cxnLst>
                <a:rect l="0" t="0" r="r" b="b"/>
                <a:pathLst>
                  <a:path w="215" h="325">
                    <a:moveTo>
                      <a:pt x="30" y="288"/>
                    </a:moveTo>
                    <a:lnTo>
                      <a:pt x="30" y="277"/>
                    </a:lnTo>
                    <a:lnTo>
                      <a:pt x="30" y="268"/>
                    </a:lnTo>
                    <a:lnTo>
                      <a:pt x="28" y="258"/>
                    </a:lnTo>
                    <a:lnTo>
                      <a:pt x="26" y="249"/>
                    </a:lnTo>
                    <a:lnTo>
                      <a:pt x="19" y="232"/>
                    </a:lnTo>
                    <a:lnTo>
                      <a:pt x="10" y="213"/>
                    </a:lnTo>
                    <a:lnTo>
                      <a:pt x="5" y="194"/>
                    </a:lnTo>
                    <a:lnTo>
                      <a:pt x="1" y="178"/>
                    </a:lnTo>
                    <a:lnTo>
                      <a:pt x="0" y="160"/>
                    </a:lnTo>
                    <a:lnTo>
                      <a:pt x="1" y="143"/>
                    </a:lnTo>
                    <a:lnTo>
                      <a:pt x="4" y="126"/>
                    </a:lnTo>
                    <a:lnTo>
                      <a:pt x="7" y="109"/>
                    </a:lnTo>
                    <a:lnTo>
                      <a:pt x="15" y="92"/>
                    </a:lnTo>
                    <a:lnTo>
                      <a:pt x="24" y="75"/>
                    </a:lnTo>
                    <a:lnTo>
                      <a:pt x="30" y="68"/>
                    </a:lnTo>
                    <a:lnTo>
                      <a:pt x="36" y="60"/>
                    </a:lnTo>
                    <a:lnTo>
                      <a:pt x="42" y="52"/>
                    </a:lnTo>
                    <a:lnTo>
                      <a:pt x="48" y="47"/>
                    </a:lnTo>
                    <a:lnTo>
                      <a:pt x="62" y="35"/>
                    </a:lnTo>
                    <a:lnTo>
                      <a:pt x="76" y="27"/>
                    </a:lnTo>
                    <a:lnTo>
                      <a:pt x="109" y="13"/>
                    </a:lnTo>
                    <a:lnTo>
                      <a:pt x="144" y="0"/>
                    </a:lnTo>
                    <a:lnTo>
                      <a:pt x="144" y="0"/>
                    </a:lnTo>
                    <a:lnTo>
                      <a:pt x="145" y="11"/>
                    </a:lnTo>
                    <a:lnTo>
                      <a:pt x="145" y="22"/>
                    </a:lnTo>
                    <a:lnTo>
                      <a:pt x="144" y="34"/>
                    </a:lnTo>
                    <a:lnTo>
                      <a:pt x="144" y="46"/>
                    </a:lnTo>
                    <a:lnTo>
                      <a:pt x="141" y="69"/>
                    </a:lnTo>
                    <a:lnTo>
                      <a:pt x="140" y="91"/>
                    </a:lnTo>
                    <a:lnTo>
                      <a:pt x="140" y="100"/>
                    </a:lnTo>
                    <a:lnTo>
                      <a:pt x="142" y="110"/>
                    </a:lnTo>
                    <a:lnTo>
                      <a:pt x="145" y="118"/>
                    </a:lnTo>
                    <a:lnTo>
                      <a:pt x="149" y="126"/>
                    </a:lnTo>
                    <a:lnTo>
                      <a:pt x="159" y="141"/>
                    </a:lnTo>
                    <a:lnTo>
                      <a:pt x="172" y="156"/>
                    </a:lnTo>
                    <a:lnTo>
                      <a:pt x="185" y="170"/>
                    </a:lnTo>
                    <a:lnTo>
                      <a:pt x="197" y="184"/>
                    </a:lnTo>
                    <a:lnTo>
                      <a:pt x="203" y="192"/>
                    </a:lnTo>
                    <a:lnTo>
                      <a:pt x="207" y="200"/>
                    </a:lnTo>
                    <a:lnTo>
                      <a:pt x="211" y="209"/>
                    </a:lnTo>
                    <a:lnTo>
                      <a:pt x="213" y="218"/>
                    </a:lnTo>
                    <a:lnTo>
                      <a:pt x="215" y="227"/>
                    </a:lnTo>
                    <a:lnTo>
                      <a:pt x="215" y="235"/>
                    </a:lnTo>
                    <a:lnTo>
                      <a:pt x="215" y="242"/>
                    </a:lnTo>
                    <a:lnTo>
                      <a:pt x="213" y="249"/>
                    </a:lnTo>
                    <a:lnTo>
                      <a:pt x="208" y="262"/>
                    </a:lnTo>
                    <a:lnTo>
                      <a:pt x="203" y="274"/>
                    </a:lnTo>
                    <a:lnTo>
                      <a:pt x="197" y="285"/>
                    </a:lnTo>
                    <a:lnTo>
                      <a:pt x="191" y="297"/>
                    </a:lnTo>
                    <a:lnTo>
                      <a:pt x="189" y="303"/>
                    </a:lnTo>
                    <a:lnTo>
                      <a:pt x="188" y="310"/>
                    </a:lnTo>
                    <a:lnTo>
                      <a:pt x="186" y="318"/>
                    </a:lnTo>
                    <a:lnTo>
                      <a:pt x="185" y="324"/>
                    </a:lnTo>
                    <a:lnTo>
                      <a:pt x="185" y="324"/>
                    </a:lnTo>
                    <a:lnTo>
                      <a:pt x="134" y="319"/>
                    </a:lnTo>
                    <a:lnTo>
                      <a:pt x="116" y="321"/>
                    </a:lnTo>
                    <a:lnTo>
                      <a:pt x="98" y="324"/>
                    </a:lnTo>
                    <a:lnTo>
                      <a:pt x="85" y="325"/>
                    </a:lnTo>
                    <a:lnTo>
                      <a:pt x="72" y="324"/>
                    </a:lnTo>
                    <a:lnTo>
                      <a:pt x="66" y="321"/>
                    </a:lnTo>
                    <a:lnTo>
                      <a:pt x="59" y="318"/>
                    </a:lnTo>
                    <a:lnTo>
                      <a:pt x="54" y="314"/>
                    </a:lnTo>
                    <a:lnTo>
                      <a:pt x="49" y="308"/>
                    </a:lnTo>
                    <a:lnTo>
                      <a:pt x="39" y="298"/>
                    </a:lnTo>
                    <a:lnTo>
                      <a:pt x="30" y="288"/>
                    </a:lnTo>
                    <a:lnTo>
                      <a:pt x="30" y="288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5" name="Freeform 160">
                <a:extLst>
                  <a:ext uri="{FF2B5EF4-FFF2-40B4-BE49-F238E27FC236}">
                    <a16:creationId xmlns:a16="http://schemas.microsoft.com/office/drawing/2014/main" id="{E02E0863-4F4C-E140-AD02-C2C52349A5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222229" y="3554939"/>
                <a:ext cx="457245" cy="438933"/>
              </a:xfrm>
              <a:custGeom>
                <a:avLst/>
                <a:gdLst/>
                <a:ahLst/>
                <a:cxnLst>
                  <a:cxn ang="0">
                    <a:pos x="321" y="93"/>
                  </a:cxn>
                  <a:cxn ang="0">
                    <a:pos x="341" y="100"/>
                  </a:cxn>
                  <a:cxn ang="0">
                    <a:pos x="368" y="92"/>
                  </a:cxn>
                  <a:cxn ang="0">
                    <a:pos x="412" y="79"/>
                  </a:cxn>
                  <a:cxn ang="0">
                    <a:pos x="495" y="69"/>
                  </a:cxn>
                  <a:cxn ang="0">
                    <a:pos x="540" y="47"/>
                  </a:cxn>
                  <a:cxn ang="0">
                    <a:pos x="578" y="27"/>
                  </a:cxn>
                  <a:cxn ang="0">
                    <a:pos x="617" y="19"/>
                  </a:cxn>
                  <a:cxn ang="0">
                    <a:pos x="692" y="34"/>
                  </a:cxn>
                  <a:cxn ang="0">
                    <a:pos x="760" y="75"/>
                  </a:cxn>
                  <a:cxn ang="0">
                    <a:pos x="819" y="127"/>
                  </a:cxn>
                  <a:cxn ang="0">
                    <a:pos x="885" y="201"/>
                  </a:cxn>
                  <a:cxn ang="0">
                    <a:pos x="896" y="229"/>
                  </a:cxn>
                  <a:cxn ang="0">
                    <a:pos x="927" y="346"/>
                  </a:cxn>
                  <a:cxn ang="0">
                    <a:pos x="964" y="443"/>
                  </a:cxn>
                  <a:cxn ang="0">
                    <a:pos x="995" y="501"/>
                  </a:cxn>
                  <a:cxn ang="0">
                    <a:pos x="999" y="574"/>
                  </a:cxn>
                  <a:cxn ang="0">
                    <a:pos x="973" y="640"/>
                  </a:cxn>
                  <a:cxn ang="0">
                    <a:pos x="869" y="712"/>
                  </a:cxn>
                  <a:cxn ang="0">
                    <a:pos x="829" y="745"/>
                  </a:cxn>
                  <a:cxn ang="0">
                    <a:pos x="800" y="794"/>
                  </a:cxn>
                  <a:cxn ang="0">
                    <a:pos x="794" y="863"/>
                  </a:cxn>
                  <a:cxn ang="0">
                    <a:pos x="819" y="934"/>
                  </a:cxn>
                  <a:cxn ang="0">
                    <a:pos x="823" y="973"/>
                  </a:cxn>
                  <a:cxn ang="0">
                    <a:pos x="764" y="943"/>
                  </a:cxn>
                  <a:cxn ang="0">
                    <a:pos x="683" y="939"/>
                  </a:cxn>
                  <a:cxn ang="0">
                    <a:pos x="659" y="916"/>
                  </a:cxn>
                  <a:cxn ang="0">
                    <a:pos x="635" y="865"/>
                  </a:cxn>
                  <a:cxn ang="0">
                    <a:pos x="617" y="837"/>
                  </a:cxn>
                  <a:cxn ang="0">
                    <a:pos x="556" y="773"/>
                  </a:cxn>
                  <a:cxn ang="0">
                    <a:pos x="528" y="683"/>
                  </a:cxn>
                  <a:cxn ang="0">
                    <a:pos x="512" y="640"/>
                  </a:cxn>
                  <a:cxn ang="0">
                    <a:pos x="488" y="637"/>
                  </a:cxn>
                  <a:cxn ang="0">
                    <a:pos x="444" y="681"/>
                  </a:cxn>
                  <a:cxn ang="0">
                    <a:pos x="414" y="708"/>
                  </a:cxn>
                  <a:cxn ang="0">
                    <a:pos x="394" y="707"/>
                  </a:cxn>
                  <a:cxn ang="0">
                    <a:pos x="376" y="684"/>
                  </a:cxn>
                  <a:cxn ang="0">
                    <a:pos x="355" y="620"/>
                  </a:cxn>
                  <a:cxn ang="0">
                    <a:pos x="352" y="532"/>
                  </a:cxn>
                  <a:cxn ang="0">
                    <a:pos x="335" y="512"/>
                  </a:cxn>
                  <a:cxn ang="0">
                    <a:pos x="295" y="500"/>
                  </a:cxn>
                  <a:cxn ang="0">
                    <a:pos x="252" y="478"/>
                  </a:cxn>
                  <a:cxn ang="0">
                    <a:pos x="228" y="439"/>
                  </a:cxn>
                  <a:cxn ang="0">
                    <a:pos x="210" y="395"/>
                  </a:cxn>
                  <a:cxn ang="0">
                    <a:pos x="166" y="359"/>
                  </a:cxn>
                  <a:cxn ang="0">
                    <a:pos x="144" y="332"/>
                  </a:cxn>
                  <a:cxn ang="0">
                    <a:pos x="146" y="275"/>
                  </a:cxn>
                  <a:cxn ang="0">
                    <a:pos x="148" y="245"/>
                  </a:cxn>
                  <a:cxn ang="0">
                    <a:pos x="138" y="225"/>
                  </a:cxn>
                  <a:cxn ang="0">
                    <a:pos x="119" y="219"/>
                  </a:cxn>
                  <a:cxn ang="0">
                    <a:pos x="89" y="228"/>
                  </a:cxn>
                  <a:cxn ang="0">
                    <a:pos x="52" y="240"/>
                  </a:cxn>
                  <a:cxn ang="0">
                    <a:pos x="26" y="229"/>
                  </a:cxn>
                  <a:cxn ang="0">
                    <a:pos x="10" y="203"/>
                  </a:cxn>
                  <a:cxn ang="0">
                    <a:pos x="1" y="142"/>
                  </a:cxn>
                  <a:cxn ang="0">
                    <a:pos x="35" y="97"/>
                  </a:cxn>
                  <a:cxn ang="0">
                    <a:pos x="80" y="37"/>
                  </a:cxn>
                  <a:cxn ang="0">
                    <a:pos x="154" y="9"/>
                  </a:cxn>
                  <a:cxn ang="0">
                    <a:pos x="223" y="0"/>
                  </a:cxn>
                </a:cxnLst>
                <a:rect l="0" t="0" r="r" b="b"/>
                <a:pathLst>
                  <a:path w="1001" h="973">
                    <a:moveTo>
                      <a:pt x="240" y="1"/>
                    </a:moveTo>
                    <a:lnTo>
                      <a:pt x="281" y="61"/>
                    </a:lnTo>
                    <a:lnTo>
                      <a:pt x="304" y="79"/>
                    </a:lnTo>
                    <a:lnTo>
                      <a:pt x="321" y="93"/>
                    </a:lnTo>
                    <a:lnTo>
                      <a:pt x="326" y="96"/>
                    </a:lnTo>
                    <a:lnTo>
                      <a:pt x="330" y="97"/>
                    </a:lnTo>
                    <a:lnTo>
                      <a:pt x="335" y="98"/>
                    </a:lnTo>
                    <a:lnTo>
                      <a:pt x="341" y="100"/>
                    </a:lnTo>
                    <a:lnTo>
                      <a:pt x="347" y="98"/>
                    </a:lnTo>
                    <a:lnTo>
                      <a:pt x="352" y="97"/>
                    </a:lnTo>
                    <a:lnTo>
                      <a:pt x="360" y="96"/>
                    </a:lnTo>
                    <a:lnTo>
                      <a:pt x="368" y="92"/>
                    </a:lnTo>
                    <a:lnTo>
                      <a:pt x="379" y="87"/>
                    </a:lnTo>
                    <a:lnTo>
                      <a:pt x="390" y="84"/>
                    </a:lnTo>
                    <a:lnTo>
                      <a:pt x="401" y="82"/>
                    </a:lnTo>
                    <a:lnTo>
                      <a:pt x="412" y="79"/>
                    </a:lnTo>
                    <a:lnTo>
                      <a:pt x="433" y="78"/>
                    </a:lnTo>
                    <a:lnTo>
                      <a:pt x="452" y="76"/>
                    </a:lnTo>
                    <a:lnTo>
                      <a:pt x="473" y="74"/>
                    </a:lnTo>
                    <a:lnTo>
                      <a:pt x="495" y="69"/>
                    </a:lnTo>
                    <a:lnTo>
                      <a:pt x="505" y="66"/>
                    </a:lnTo>
                    <a:lnTo>
                      <a:pt x="517" y="61"/>
                    </a:lnTo>
                    <a:lnTo>
                      <a:pt x="528" y="54"/>
                    </a:lnTo>
                    <a:lnTo>
                      <a:pt x="540" y="47"/>
                    </a:lnTo>
                    <a:lnTo>
                      <a:pt x="550" y="40"/>
                    </a:lnTo>
                    <a:lnTo>
                      <a:pt x="560" y="35"/>
                    </a:lnTo>
                    <a:lnTo>
                      <a:pt x="569" y="30"/>
                    </a:lnTo>
                    <a:lnTo>
                      <a:pt x="578" y="27"/>
                    </a:lnTo>
                    <a:lnTo>
                      <a:pt x="588" y="23"/>
                    </a:lnTo>
                    <a:lnTo>
                      <a:pt x="597" y="22"/>
                    </a:lnTo>
                    <a:lnTo>
                      <a:pt x="606" y="21"/>
                    </a:lnTo>
                    <a:lnTo>
                      <a:pt x="617" y="19"/>
                    </a:lnTo>
                    <a:lnTo>
                      <a:pt x="636" y="19"/>
                    </a:lnTo>
                    <a:lnTo>
                      <a:pt x="654" y="22"/>
                    </a:lnTo>
                    <a:lnTo>
                      <a:pt x="674" y="27"/>
                    </a:lnTo>
                    <a:lnTo>
                      <a:pt x="692" y="34"/>
                    </a:lnTo>
                    <a:lnTo>
                      <a:pt x="710" y="43"/>
                    </a:lnTo>
                    <a:lnTo>
                      <a:pt x="727" y="52"/>
                    </a:lnTo>
                    <a:lnTo>
                      <a:pt x="745" y="63"/>
                    </a:lnTo>
                    <a:lnTo>
                      <a:pt x="760" y="75"/>
                    </a:lnTo>
                    <a:lnTo>
                      <a:pt x="777" y="88"/>
                    </a:lnTo>
                    <a:lnTo>
                      <a:pt x="791" y="101"/>
                    </a:lnTo>
                    <a:lnTo>
                      <a:pt x="806" y="114"/>
                    </a:lnTo>
                    <a:lnTo>
                      <a:pt x="819" y="127"/>
                    </a:lnTo>
                    <a:lnTo>
                      <a:pt x="841" y="149"/>
                    </a:lnTo>
                    <a:lnTo>
                      <a:pt x="864" y="175"/>
                    </a:lnTo>
                    <a:lnTo>
                      <a:pt x="876" y="188"/>
                    </a:lnTo>
                    <a:lnTo>
                      <a:pt x="885" y="201"/>
                    </a:lnTo>
                    <a:lnTo>
                      <a:pt x="889" y="208"/>
                    </a:lnTo>
                    <a:lnTo>
                      <a:pt x="892" y="215"/>
                    </a:lnTo>
                    <a:lnTo>
                      <a:pt x="895" y="221"/>
                    </a:lnTo>
                    <a:lnTo>
                      <a:pt x="896" y="229"/>
                    </a:lnTo>
                    <a:lnTo>
                      <a:pt x="904" y="258"/>
                    </a:lnTo>
                    <a:lnTo>
                      <a:pt x="913" y="289"/>
                    </a:lnTo>
                    <a:lnTo>
                      <a:pt x="921" y="319"/>
                    </a:lnTo>
                    <a:lnTo>
                      <a:pt x="927" y="346"/>
                    </a:lnTo>
                    <a:lnTo>
                      <a:pt x="944" y="399"/>
                    </a:lnTo>
                    <a:lnTo>
                      <a:pt x="949" y="414"/>
                    </a:lnTo>
                    <a:lnTo>
                      <a:pt x="956" y="429"/>
                    </a:lnTo>
                    <a:lnTo>
                      <a:pt x="964" y="443"/>
                    </a:lnTo>
                    <a:lnTo>
                      <a:pt x="973" y="457"/>
                    </a:lnTo>
                    <a:lnTo>
                      <a:pt x="982" y="471"/>
                    </a:lnTo>
                    <a:lnTo>
                      <a:pt x="990" y="486"/>
                    </a:lnTo>
                    <a:lnTo>
                      <a:pt x="995" y="501"/>
                    </a:lnTo>
                    <a:lnTo>
                      <a:pt x="999" y="518"/>
                    </a:lnTo>
                    <a:lnTo>
                      <a:pt x="1001" y="538"/>
                    </a:lnTo>
                    <a:lnTo>
                      <a:pt x="1000" y="557"/>
                    </a:lnTo>
                    <a:lnTo>
                      <a:pt x="999" y="574"/>
                    </a:lnTo>
                    <a:lnTo>
                      <a:pt x="994" y="591"/>
                    </a:lnTo>
                    <a:lnTo>
                      <a:pt x="988" y="606"/>
                    </a:lnTo>
                    <a:lnTo>
                      <a:pt x="982" y="623"/>
                    </a:lnTo>
                    <a:lnTo>
                      <a:pt x="973" y="640"/>
                    </a:lnTo>
                    <a:lnTo>
                      <a:pt x="964" y="657"/>
                    </a:lnTo>
                    <a:lnTo>
                      <a:pt x="937" y="685"/>
                    </a:lnTo>
                    <a:lnTo>
                      <a:pt x="902" y="698"/>
                    </a:lnTo>
                    <a:lnTo>
                      <a:pt x="869" y="712"/>
                    </a:lnTo>
                    <a:lnTo>
                      <a:pt x="855" y="720"/>
                    </a:lnTo>
                    <a:lnTo>
                      <a:pt x="841" y="732"/>
                    </a:lnTo>
                    <a:lnTo>
                      <a:pt x="835" y="737"/>
                    </a:lnTo>
                    <a:lnTo>
                      <a:pt x="829" y="745"/>
                    </a:lnTo>
                    <a:lnTo>
                      <a:pt x="823" y="753"/>
                    </a:lnTo>
                    <a:lnTo>
                      <a:pt x="817" y="760"/>
                    </a:lnTo>
                    <a:lnTo>
                      <a:pt x="808" y="777"/>
                    </a:lnTo>
                    <a:lnTo>
                      <a:pt x="800" y="794"/>
                    </a:lnTo>
                    <a:lnTo>
                      <a:pt x="797" y="811"/>
                    </a:lnTo>
                    <a:lnTo>
                      <a:pt x="794" y="828"/>
                    </a:lnTo>
                    <a:lnTo>
                      <a:pt x="793" y="845"/>
                    </a:lnTo>
                    <a:lnTo>
                      <a:pt x="794" y="863"/>
                    </a:lnTo>
                    <a:lnTo>
                      <a:pt x="798" y="879"/>
                    </a:lnTo>
                    <a:lnTo>
                      <a:pt x="803" y="898"/>
                    </a:lnTo>
                    <a:lnTo>
                      <a:pt x="812" y="917"/>
                    </a:lnTo>
                    <a:lnTo>
                      <a:pt x="819" y="934"/>
                    </a:lnTo>
                    <a:lnTo>
                      <a:pt x="821" y="943"/>
                    </a:lnTo>
                    <a:lnTo>
                      <a:pt x="823" y="953"/>
                    </a:lnTo>
                    <a:lnTo>
                      <a:pt x="823" y="962"/>
                    </a:lnTo>
                    <a:lnTo>
                      <a:pt x="823" y="973"/>
                    </a:lnTo>
                    <a:lnTo>
                      <a:pt x="803" y="960"/>
                    </a:lnTo>
                    <a:lnTo>
                      <a:pt x="788" y="952"/>
                    </a:lnTo>
                    <a:lnTo>
                      <a:pt x="775" y="946"/>
                    </a:lnTo>
                    <a:lnTo>
                      <a:pt x="764" y="943"/>
                    </a:lnTo>
                    <a:lnTo>
                      <a:pt x="738" y="942"/>
                    </a:lnTo>
                    <a:lnTo>
                      <a:pt x="699" y="942"/>
                    </a:lnTo>
                    <a:lnTo>
                      <a:pt x="690" y="942"/>
                    </a:lnTo>
                    <a:lnTo>
                      <a:pt x="683" y="939"/>
                    </a:lnTo>
                    <a:lnTo>
                      <a:pt x="676" y="935"/>
                    </a:lnTo>
                    <a:lnTo>
                      <a:pt x="670" y="930"/>
                    </a:lnTo>
                    <a:lnTo>
                      <a:pt x="664" y="924"/>
                    </a:lnTo>
                    <a:lnTo>
                      <a:pt x="659" y="916"/>
                    </a:lnTo>
                    <a:lnTo>
                      <a:pt x="654" y="908"/>
                    </a:lnTo>
                    <a:lnTo>
                      <a:pt x="650" y="900"/>
                    </a:lnTo>
                    <a:lnTo>
                      <a:pt x="642" y="882"/>
                    </a:lnTo>
                    <a:lnTo>
                      <a:pt x="635" y="865"/>
                    </a:lnTo>
                    <a:lnTo>
                      <a:pt x="631" y="856"/>
                    </a:lnTo>
                    <a:lnTo>
                      <a:pt x="627" y="848"/>
                    </a:lnTo>
                    <a:lnTo>
                      <a:pt x="622" y="842"/>
                    </a:lnTo>
                    <a:lnTo>
                      <a:pt x="617" y="837"/>
                    </a:lnTo>
                    <a:lnTo>
                      <a:pt x="594" y="816"/>
                    </a:lnTo>
                    <a:lnTo>
                      <a:pt x="574" y="795"/>
                    </a:lnTo>
                    <a:lnTo>
                      <a:pt x="565" y="785"/>
                    </a:lnTo>
                    <a:lnTo>
                      <a:pt x="556" y="773"/>
                    </a:lnTo>
                    <a:lnTo>
                      <a:pt x="548" y="760"/>
                    </a:lnTo>
                    <a:lnTo>
                      <a:pt x="541" y="746"/>
                    </a:lnTo>
                    <a:lnTo>
                      <a:pt x="535" y="719"/>
                    </a:lnTo>
                    <a:lnTo>
                      <a:pt x="528" y="683"/>
                    </a:lnTo>
                    <a:lnTo>
                      <a:pt x="525" y="666"/>
                    </a:lnTo>
                    <a:lnTo>
                      <a:pt x="518" y="650"/>
                    </a:lnTo>
                    <a:lnTo>
                      <a:pt x="515" y="644"/>
                    </a:lnTo>
                    <a:lnTo>
                      <a:pt x="512" y="640"/>
                    </a:lnTo>
                    <a:lnTo>
                      <a:pt x="506" y="636"/>
                    </a:lnTo>
                    <a:lnTo>
                      <a:pt x="501" y="633"/>
                    </a:lnTo>
                    <a:lnTo>
                      <a:pt x="495" y="633"/>
                    </a:lnTo>
                    <a:lnTo>
                      <a:pt x="488" y="637"/>
                    </a:lnTo>
                    <a:lnTo>
                      <a:pt x="480" y="641"/>
                    </a:lnTo>
                    <a:lnTo>
                      <a:pt x="474" y="648"/>
                    </a:lnTo>
                    <a:lnTo>
                      <a:pt x="458" y="664"/>
                    </a:lnTo>
                    <a:lnTo>
                      <a:pt x="444" y="681"/>
                    </a:lnTo>
                    <a:lnTo>
                      <a:pt x="436" y="690"/>
                    </a:lnTo>
                    <a:lnTo>
                      <a:pt x="429" y="698"/>
                    </a:lnTo>
                    <a:lnTo>
                      <a:pt x="421" y="703"/>
                    </a:lnTo>
                    <a:lnTo>
                      <a:pt x="414" y="708"/>
                    </a:lnTo>
                    <a:lnTo>
                      <a:pt x="407" y="711"/>
                    </a:lnTo>
                    <a:lnTo>
                      <a:pt x="400" y="711"/>
                    </a:lnTo>
                    <a:lnTo>
                      <a:pt x="396" y="710"/>
                    </a:lnTo>
                    <a:lnTo>
                      <a:pt x="394" y="707"/>
                    </a:lnTo>
                    <a:lnTo>
                      <a:pt x="390" y="705"/>
                    </a:lnTo>
                    <a:lnTo>
                      <a:pt x="387" y="701"/>
                    </a:lnTo>
                    <a:lnTo>
                      <a:pt x="381" y="693"/>
                    </a:lnTo>
                    <a:lnTo>
                      <a:pt x="376" y="684"/>
                    </a:lnTo>
                    <a:lnTo>
                      <a:pt x="372" y="675"/>
                    </a:lnTo>
                    <a:lnTo>
                      <a:pt x="366" y="664"/>
                    </a:lnTo>
                    <a:lnTo>
                      <a:pt x="360" y="642"/>
                    </a:lnTo>
                    <a:lnTo>
                      <a:pt x="355" y="620"/>
                    </a:lnTo>
                    <a:lnTo>
                      <a:pt x="351" y="597"/>
                    </a:lnTo>
                    <a:lnTo>
                      <a:pt x="350" y="574"/>
                    </a:lnTo>
                    <a:lnTo>
                      <a:pt x="350" y="552"/>
                    </a:lnTo>
                    <a:lnTo>
                      <a:pt x="352" y="532"/>
                    </a:lnTo>
                    <a:lnTo>
                      <a:pt x="348" y="525"/>
                    </a:lnTo>
                    <a:lnTo>
                      <a:pt x="344" y="519"/>
                    </a:lnTo>
                    <a:lnTo>
                      <a:pt x="341" y="515"/>
                    </a:lnTo>
                    <a:lnTo>
                      <a:pt x="335" y="512"/>
                    </a:lnTo>
                    <a:lnTo>
                      <a:pt x="326" y="506"/>
                    </a:lnTo>
                    <a:lnTo>
                      <a:pt x="317" y="504"/>
                    </a:lnTo>
                    <a:lnTo>
                      <a:pt x="306" y="503"/>
                    </a:lnTo>
                    <a:lnTo>
                      <a:pt x="295" y="500"/>
                    </a:lnTo>
                    <a:lnTo>
                      <a:pt x="284" y="497"/>
                    </a:lnTo>
                    <a:lnTo>
                      <a:pt x="272" y="493"/>
                    </a:lnTo>
                    <a:lnTo>
                      <a:pt x="262" y="486"/>
                    </a:lnTo>
                    <a:lnTo>
                      <a:pt x="252" y="478"/>
                    </a:lnTo>
                    <a:lnTo>
                      <a:pt x="245" y="469"/>
                    </a:lnTo>
                    <a:lnTo>
                      <a:pt x="238" y="460"/>
                    </a:lnTo>
                    <a:lnTo>
                      <a:pt x="233" y="449"/>
                    </a:lnTo>
                    <a:lnTo>
                      <a:pt x="228" y="439"/>
                    </a:lnTo>
                    <a:lnTo>
                      <a:pt x="224" y="427"/>
                    </a:lnTo>
                    <a:lnTo>
                      <a:pt x="220" y="416"/>
                    </a:lnTo>
                    <a:lnTo>
                      <a:pt x="216" y="404"/>
                    </a:lnTo>
                    <a:lnTo>
                      <a:pt x="210" y="395"/>
                    </a:lnTo>
                    <a:lnTo>
                      <a:pt x="203" y="386"/>
                    </a:lnTo>
                    <a:lnTo>
                      <a:pt x="197" y="379"/>
                    </a:lnTo>
                    <a:lnTo>
                      <a:pt x="181" y="369"/>
                    </a:lnTo>
                    <a:lnTo>
                      <a:pt x="166" y="359"/>
                    </a:lnTo>
                    <a:lnTo>
                      <a:pt x="158" y="354"/>
                    </a:lnTo>
                    <a:lnTo>
                      <a:pt x="153" y="347"/>
                    </a:lnTo>
                    <a:lnTo>
                      <a:pt x="148" y="341"/>
                    </a:lnTo>
                    <a:lnTo>
                      <a:pt x="144" y="332"/>
                    </a:lnTo>
                    <a:lnTo>
                      <a:pt x="141" y="321"/>
                    </a:lnTo>
                    <a:lnTo>
                      <a:pt x="141" y="308"/>
                    </a:lnTo>
                    <a:lnTo>
                      <a:pt x="142" y="293"/>
                    </a:lnTo>
                    <a:lnTo>
                      <a:pt x="146" y="275"/>
                    </a:lnTo>
                    <a:lnTo>
                      <a:pt x="148" y="265"/>
                    </a:lnTo>
                    <a:lnTo>
                      <a:pt x="149" y="258"/>
                    </a:lnTo>
                    <a:lnTo>
                      <a:pt x="149" y="251"/>
                    </a:lnTo>
                    <a:lnTo>
                      <a:pt x="148" y="245"/>
                    </a:lnTo>
                    <a:lnTo>
                      <a:pt x="146" y="238"/>
                    </a:lnTo>
                    <a:lnTo>
                      <a:pt x="145" y="233"/>
                    </a:lnTo>
                    <a:lnTo>
                      <a:pt x="142" y="229"/>
                    </a:lnTo>
                    <a:lnTo>
                      <a:pt x="138" y="225"/>
                    </a:lnTo>
                    <a:lnTo>
                      <a:pt x="135" y="223"/>
                    </a:lnTo>
                    <a:lnTo>
                      <a:pt x="129" y="220"/>
                    </a:lnTo>
                    <a:lnTo>
                      <a:pt x="124" y="220"/>
                    </a:lnTo>
                    <a:lnTo>
                      <a:pt x="119" y="219"/>
                    </a:lnTo>
                    <a:lnTo>
                      <a:pt x="113" y="220"/>
                    </a:lnTo>
                    <a:lnTo>
                      <a:pt x="105" y="221"/>
                    </a:lnTo>
                    <a:lnTo>
                      <a:pt x="97" y="224"/>
                    </a:lnTo>
                    <a:lnTo>
                      <a:pt x="89" y="228"/>
                    </a:lnTo>
                    <a:lnTo>
                      <a:pt x="79" y="233"/>
                    </a:lnTo>
                    <a:lnTo>
                      <a:pt x="69" y="236"/>
                    </a:lnTo>
                    <a:lnTo>
                      <a:pt x="59" y="238"/>
                    </a:lnTo>
                    <a:lnTo>
                      <a:pt x="52" y="240"/>
                    </a:lnTo>
                    <a:lnTo>
                      <a:pt x="44" y="238"/>
                    </a:lnTo>
                    <a:lnTo>
                      <a:pt x="37" y="237"/>
                    </a:lnTo>
                    <a:lnTo>
                      <a:pt x="31" y="234"/>
                    </a:lnTo>
                    <a:lnTo>
                      <a:pt x="26" y="229"/>
                    </a:lnTo>
                    <a:lnTo>
                      <a:pt x="21" y="224"/>
                    </a:lnTo>
                    <a:lnTo>
                      <a:pt x="17" y="219"/>
                    </a:lnTo>
                    <a:lnTo>
                      <a:pt x="13" y="211"/>
                    </a:lnTo>
                    <a:lnTo>
                      <a:pt x="10" y="203"/>
                    </a:lnTo>
                    <a:lnTo>
                      <a:pt x="4" y="185"/>
                    </a:lnTo>
                    <a:lnTo>
                      <a:pt x="0" y="163"/>
                    </a:lnTo>
                    <a:lnTo>
                      <a:pt x="0" y="151"/>
                    </a:lnTo>
                    <a:lnTo>
                      <a:pt x="1" y="142"/>
                    </a:lnTo>
                    <a:lnTo>
                      <a:pt x="5" y="135"/>
                    </a:lnTo>
                    <a:lnTo>
                      <a:pt x="10" y="127"/>
                    </a:lnTo>
                    <a:lnTo>
                      <a:pt x="23" y="113"/>
                    </a:lnTo>
                    <a:lnTo>
                      <a:pt x="35" y="97"/>
                    </a:lnTo>
                    <a:lnTo>
                      <a:pt x="22" y="59"/>
                    </a:lnTo>
                    <a:lnTo>
                      <a:pt x="43" y="53"/>
                    </a:lnTo>
                    <a:lnTo>
                      <a:pt x="62" y="45"/>
                    </a:lnTo>
                    <a:lnTo>
                      <a:pt x="80" y="37"/>
                    </a:lnTo>
                    <a:lnTo>
                      <a:pt x="97" y="26"/>
                    </a:lnTo>
                    <a:lnTo>
                      <a:pt x="116" y="19"/>
                    </a:lnTo>
                    <a:lnTo>
                      <a:pt x="136" y="14"/>
                    </a:lnTo>
                    <a:lnTo>
                      <a:pt x="154" y="9"/>
                    </a:lnTo>
                    <a:lnTo>
                      <a:pt x="171" y="5"/>
                    </a:lnTo>
                    <a:lnTo>
                      <a:pt x="189" y="2"/>
                    </a:lnTo>
                    <a:lnTo>
                      <a:pt x="206" y="1"/>
                    </a:lnTo>
                    <a:lnTo>
                      <a:pt x="223" y="0"/>
                    </a:lnTo>
                    <a:lnTo>
                      <a:pt x="240" y="1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6" name="Freeform 161">
                <a:extLst>
                  <a:ext uri="{FF2B5EF4-FFF2-40B4-BE49-F238E27FC236}">
                    <a16:creationId xmlns:a16="http://schemas.microsoft.com/office/drawing/2014/main" id="{DB121C8D-B87E-CA44-9D37-8C6DD11B9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222229" y="3554939"/>
                <a:ext cx="457245" cy="438933"/>
              </a:xfrm>
              <a:custGeom>
                <a:avLst/>
                <a:gdLst/>
                <a:ahLst/>
                <a:cxnLst>
                  <a:cxn ang="0">
                    <a:pos x="321" y="93"/>
                  </a:cxn>
                  <a:cxn ang="0">
                    <a:pos x="341" y="100"/>
                  </a:cxn>
                  <a:cxn ang="0">
                    <a:pos x="368" y="92"/>
                  </a:cxn>
                  <a:cxn ang="0">
                    <a:pos x="412" y="79"/>
                  </a:cxn>
                  <a:cxn ang="0">
                    <a:pos x="495" y="69"/>
                  </a:cxn>
                  <a:cxn ang="0">
                    <a:pos x="540" y="47"/>
                  </a:cxn>
                  <a:cxn ang="0">
                    <a:pos x="578" y="27"/>
                  </a:cxn>
                  <a:cxn ang="0">
                    <a:pos x="617" y="19"/>
                  </a:cxn>
                  <a:cxn ang="0">
                    <a:pos x="692" y="34"/>
                  </a:cxn>
                  <a:cxn ang="0">
                    <a:pos x="760" y="75"/>
                  </a:cxn>
                  <a:cxn ang="0">
                    <a:pos x="819" y="127"/>
                  </a:cxn>
                  <a:cxn ang="0">
                    <a:pos x="885" y="201"/>
                  </a:cxn>
                  <a:cxn ang="0">
                    <a:pos x="896" y="229"/>
                  </a:cxn>
                  <a:cxn ang="0">
                    <a:pos x="927" y="346"/>
                  </a:cxn>
                  <a:cxn ang="0">
                    <a:pos x="956" y="429"/>
                  </a:cxn>
                  <a:cxn ang="0">
                    <a:pos x="990" y="486"/>
                  </a:cxn>
                  <a:cxn ang="0">
                    <a:pos x="1000" y="557"/>
                  </a:cxn>
                  <a:cxn ang="0">
                    <a:pos x="982" y="623"/>
                  </a:cxn>
                  <a:cxn ang="0">
                    <a:pos x="937" y="685"/>
                  </a:cxn>
                  <a:cxn ang="0">
                    <a:pos x="841" y="732"/>
                  </a:cxn>
                  <a:cxn ang="0">
                    <a:pos x="817" y="760"/>
                  </a:cxn>
                  <a:cxn ang="0">
                    <a:pos x="794" y="828"/>
                  </a:cxn>
                  <a:cxn ang="0">
                    <a:pos x="803" y="898"/>
                  </a:cxn>
                  <a:cxn ang="0">
                    <a:pos x="823" y="953"/>
                  </a:cxn>
                  <a:cxn ang="0">
                    <a:pos x="803" y="960"/>
                  </a:cxn>
                  <a:cxn ang="0">
                    <a:pos x="738" y="942"/>
                  </a:cxn>
                  <a:cxn ang="0">
                    <a:pos x="676" y="935"/>
                  </a:cxn>
                  <a:cxn ang="0">
                    <a:pos x="654" y="908"/>
                  </a:cxn>
                  <a:cxn ang="0">
                    <a:pos x="631" y="856"/>
                  </a:cxn>
                  <a:cxn ang="0">
                    <a:pos x="594" y="816"/>
                  </a:cxn>
                  <a:cxn ang="0">
                    <a:pos x="548" y="760"/>
                  </a:cxn>
                  <a:cxn ang="0">
                    <a:pos x="525" y="666"/>
                  </a:cxn>
                  <a:cxn ang="0">
                    <a:pos x="506" y="636"/>
                  </a:cxn>
                  <a:cxn ang="0">
                    <a:pos x="480" y="641"/>
                  </a:cxn>
                  <a:cxn ang="0">
                    <a:pos x="436" y="690"/>
                  </a:cxn>
                  <a:cxn ang="0">
                    <a:pos x="407" y="711"/>
                  </a:cxn>
                  <a:cxn ang="0">
                    <a:pos x="390" y="705"/>
                  </a:cxn>
                  <a:cxn ang="0">
                    <a:pos x="372" y="675"/>
                  </a:cxn>
                  <a:cxn ang="0">
                    <a:pos x="351" y="597"/>
                  </a:cxn>
                  <a:cxn ang="0">
                    <a:pos x="348" y="525"/>
                  </a:cxn>
                  <a:cxn ang="0">
                    <a:pos x="326" y="506"/>
                  </a:cxn>
                  <a:cxn ang="0">
                    <a:pos x="284" y="497"/>
                  </a:cxn>
                  <a:cxn ang="0">
                    <a:pos x="245" y="469"/>
                  </a:cxn>
                  <a:cxn ang="0">
                    <a:pos x="224" y="427"/>
                  </a:cxn>
                  <a:cxn ang="0">
                    <a:pos x="203" y="386"/>
                  </a:cxn>
                  <a:cxn ang="0">
                    <a:pos x="158" y="354"/>
                  </a:cxn>
                  <a:cxn ang="0">
                    <a:pos x="141" y="321"/>
                  </a:cxn>
                  <a:cxn ang="0">
                    <a:pos x="148" y="265"/>
                  </a:cxn>
                  <a:cxn ang="0">
                    <a:pos x="146" y="238"/>
                  </a:cxn>
                  <a:cxn ang="0">
                    <a:pos x="135" y="223"/>
                  </a:cxn>
                  <a:cxn ang="0">
                    <a:pos x="113" y="220"/>
                  </a:cxn>
                  <a:cxn ang="0">
                    <a:pos x="79" y="233"/>
                  </a:cxn>
                  <a:cxn ang="0">
                    <a:pos x="44" y="238"/>
                  </a:cxn>
                  <a:cxn ang="0">
                    <a:pos x="21" y="224"/>
                  </a:cxn>
                  <a:cxn ang="0">
                    <a:pos x="4" y="185"/>
                  </a:cxn>
                  <a:cxn ang="0">
                    <a:pos x="5" y="135"/>
                  </a:cxn>
                  <a:cxn ang="0">
                    <a:pos x="22" y="59"/>
                  </a:cxn>
                  <a:cxn ang="0">
                    <a:pos x="80" y="37"/>
                  </a:cxn>
                  <a:cxn ang="0">
                    <a:pos x="154" y="9"/>
                  </a:cxn>
                  <a:cxn ang="0">
                    <a:pos x="223" y="0"/>
                  </a:cxn>
                </a:cxnLst>
                <a:rect l="0" t="0" r="r" b="b"/>
                <a:pathLst>
                  <a:path w="1001" h="973">
                    <a:moveTo>
                      <a:pt x="240" y="1"/>
                    </a:moveTo>
                    <a:lnTo>
                      <a:pt x="281" y="61"/>
                    </a:lnTo>
                    <a:lnTo>
                      <a:pt x="304" y="79"/>
                    </a:lnTo>
                    <a:lnTo>
                      <a:pt x="321" y="93"/>
                    </a:lnTo>
                    <a:lnTo>
                      <a:pt x="326" y="96"/>
                    </a:lnTo>
                    <a:lnTo>
                      <a:pt x="330" y="97"/>
                    </a:lnTo>
                    <a:lnTo>
                      <a:pt x="335" y="98"/>
                    </a:lnTo>
                    <a:lnTo>
                      <a:pt x="341" y="100"/>
                    </a:lnTo>
                    <a:lnTo>
                      <a:pt x="347" y="98"/>
                    </a:lnTo>
                    <a:lnTo>
                      <a:pt x="352" y="97"/>
                    </a:lnTo>
                    <a:lnTo>
                      <a:pt x="360" y="96"/>
                    </a:lnTo>
                    <a:lnTo>
                      <a:pt x="368" y="92"/>
                    </a:lnTo>
                    <a:lnTo>
                      <a:pt x="379" y="87"/>
                    </a:lnTo>
                    <a:lnTo>
                      <a:pt x="390" y="84"/>
                    </a:lnTo>
                    <a:lnTo>
                      <a:pt x="401" y="82"/>
                    </a:lnTo>
                    <a:lnTo>
                      <a:pt x="412" y="79"/>
                    </a:lnTo>
                    <a:lnTo>
                      <a:pt x="433" y="78"/>
                    </a:lnTo>
                    <a:lnTo>
                      <a:pt x="452" y="76"/>
                    </a:lnTo>
                    <a:lnTo>
                      <a:pt x="473" y="74"/>
                    </a:lnTo>
                    <a:lnTo>
                      <a:pt x="495" y="69"/>
                    </a:lnTo>
                    <a:lnTo>
                      <a:pt x="505" y="66"/>
                    </a:lnTo>
                    <a:lnTo>
                      <a:pt x="517" y="61"/>
                    </a:lnTo>
                    <a:lnTo>
                      <a:pt x="528" y="54"/>
                    </a:lnTo>
                    <a:lnTo>
                      <a:pt x="540" y="47"/>
                    </a:lnTo>
                    <a:lnTo>
                      <a:pt x="550" y="40"/>
                    </a:lnTo>
                    <a:lnTo>
                      <a:pt x="560" y="35"/>
                    </a:lnTo>
                    <a:lnTo>
                      <a:pt x="569" y="30"/>
                    </a:lnTo>
                    <a:lnTo>
                      <a:pt x="578" y="27"/>
                    </a:lnTo>
                    <a:lnTo>
                      <a:pt x="588" y="23"/>
                    </a:lnTo>
                    <a:lnTo>
                      <a:pt x="597" y="22"/>
                    </a:lnTo>
                    <a:lnTo>
                      <a:pt x="606" y="21"/>
                    </a:lnTo>
                    <a:lnTo>
                      <a:pt x="617" y="19"/>
                    </a:lnTo>
                    <a:lnTo>
                      <a:pt x="636" y="19"/>
                    </a:lnTo>
                    <a:lnTo>
                      <a:pt x="654" y="22"/>
                    </a:lnTo>
                    <a:lnTo>
                      <a:pt x="674" y="27"/>
                    </a:lnTo>
                    <a:lnTo>
                      <a:pt x="692" y="34"/>
                    </a:lnTo>
                    <a:lnTo>
                      <a:pt x="710" y="43"/>
                    </a:lnTo>
                    <a:lnTo>
                      <a:pt x="727" y="52"/>
                    </a:lnTo>
                    <a:lnTo>
                      <a:pt x="745" y="63"/>
                    </a:lnTo>
                    <a:lnTo>
                      <a:pt x="760" y="75"/>
                    </a:lnTo>
                    <a:lnTo>
                      <a:pt x="777" y="88"/>
                    </a:lnTo>
                    <a:lnTo>
                      <a:pt x="791" y="101"/>
                    </a:lnTo>
                    <a:lnTo>
                      <a:pt x="806" y="114"/>
                    </a:lnTo>
                    <a:lnTo>
                      <a:pt x="819" y="127"/>
                    </a:lnTo>
                    <a:lnTo>
                      <a:pt x="841" y="149"/>
                    </a:lnTo>
                    <a:lnTo>
                      <a:pt x="864" y="175"/>
                    </a:lnTo>
                    <a:lnTo>
                      <a:pt x="876" y="188"/>
                    </a:lnTo>
                    <a:lnTo>
                      <a:pt x="885" y="201"/>
                    </a:lnTo>
                    <a:lnTo>
                      <a:pt x="889" y="208"/>
                    </a:lnTo>
                    <a:lnTo>
                      <a:pt x="892" y="215"/>
                    </a:lnTo>
                    <a:lnTo>
                      <a:pt x="895" y="221"/>
                    </a:lnTo>
                    <a:lnTo>
                      <a:pt x="896" y="229"/>
                    </a:lnTo>
                    <a:lnTo>
                      <a:pt x="904" y="258"/>
                    </a:lnTo>
                    <a:lnTo>
                      <a:pt x="913" y="289"/>
                    </a:lnTo>
                    <a:lnTo>
                      <a:pt x="921" y="319"/>
                    </a:lnTo>
                    <a:lnTo>
                      <a:pt x="927" y="346"/>
                    </a:lnTo>
                    <a:lnTo>
                      <a:pt x="944" y="399"/>
                    </a:lnTo>
                    <a:lnTo>
                      <a:pt x="944" y="399"/>
                    </a:lnTo>
                    <a:lnTo>
                      <a:pt x="949" y="414"/>
                    </a:lnTo>
                    <a:lnTo>
                      <a:pt x="956" y="429"/>
                    </a:lnTo>
                    <a:lnTo>
                      <a:pt x="964" y="443"/>
                    </a:lnTo>
                    <a:lnTo>
                      <a:pt x="973" y="457"/>
                    </a:lnTo>
                    <a:lnTo>
                      <a:pt x="982" y="471"/>
                    </a:lnTo>
                    <a:lnTo>
                      <a:pt x="990" y="486"/>
                    </a:lnTo>
                    <a:lnTo>
                      <a:pt x="995" y="501"/>
                    </a:lnTo>
                    <a:lnTo>
                      <a:pt x="999" y="518"/>
                    </a:lnTo>
                    <a:lnTo>
                      <a:pt x="1001" y="538"/>
                    </a:lnTo>
                    <a:lnTo>
                      <a:pt x="1000" y="557"/>
                    </a:lnTo>
                    <a:lnTo>
                      <a:pt x="999" y="574"/>
                    </a:lnTo>
                    <a:lnTo>
                      <a:pt x="994" y="591"/>
                    </a:lnTo>
                    <a:lnTo>
                      <a:pt x="988" y="606"/>
                    </a:lnTo>
                    <a:lnTo>
                      <a:pt x="982" y="623"/>
                    </a:lnTo>
                    <a:lnTo>
                      <a:pt x="973" y="640"/>
                    </a:lnTo>
                    <a:lnTo>
                      <a:pt x="964" y="657"/>
                    </a:lnTo>
                    <a:lnTo>
                      <a:pt x="937" y="685"/>
                    </a:lnTo>
                    <a:lnTo>
                      <a:pt x="937" y="685"/>
                    </a:lnTo>
                    <a:lnTo>
                      <a:pt x="902" y="698"/>
                    </a:lnTo>
                    <a:lnTo>
                      <a:pt x="869" y="712"/>
                    </a:lnTo>
                    <a:lnTo>
                      <a:pt x="855" y="720"/>
                    </a:lnTo>
                    <a:lnTo>
                      <a:pt x="841" y="732"/>
                    </a:lnTo>
                    <a:lnTo>
                      <a:pt x="835" y="737"/>
                    </a:lnTo>
                    <a:lnTo>
                      <a:pt x="829" y="745"/>
                    </a:lnTo>
                    <a:lnTo>
                      <a:pt x="823" y="753"/>
                    </a:lnTo>
                    <a:lnTo>
                      <a:pt x="817" y="760"/>
                    </a:lnTo>
                    <a:lnTo>
                      <a:pt x="808" y="777"/>
                    </a:lnTo>
                    <a:lnTo>
                      <a:pt x="800" y="794"/>
                    </a:lnTo>
                    <a:lnTo>
                      <a:pt x="797" y="811"/>
                    </a:lnTo>
                    <a:lnTo>
                      <a:pt x="794" y="828"/>
                    </a:lnTo>
                    <a:lnTo>
                      <a:pt x="793" y="845"/>
                    </a:lnTo>
                    <a:lnTo>
                      <a:pt x="794" y="863"/>
                    </a:lnTo>
                    <a:lnTo>
                      <a:pt x="798" y="879"/>
                    </a:lnTo>
                    <a:lnTo>
                      <a:pt x="803" y="898"/>
                    </a:lnTo>
                    <a:lnTo>
                      <a:pt x="812" y="917"/>
                    </a:lnTo>
                    <a:lnTo>
                      <a:pt x="819" y="934"/>
                    </a:lnTo>
                    <a:lnTo>
                      <a:pt x="821" y="943"/>
                    </a:lnTo>
                    <a:lnTo>
                      <a:pt x="823" y="953"/>
                    </a:lnTo>
                    <a:lnTo>
                      <a:pt x="823" y="962"/>
                    </a:lnTo>
                    <a:lnTo>
                      <a:pt x="823" y="973"/>
                    </a:lnTo>
                    <a:lnTo>
                      <a:pt x="823" y="973"/>
                    </a:lnTo>
                    <a:lnTo>
                      <a:pt x="803" y="960"/>
                    </a:lnTo>
                    <a:lnTo>
                      <a:pt x="788" y="952"/>
                    </a:lnTo>
                    <a:lnTo>
                      <a:pt x="775" y="946"/>
                    </a:lnTo>
                    <a:lnTo>
                      <a:pt x="764" y="943"/>
                    </a:lnTo>
                    <a:lnTo>
                      <a:pt x="738" y="942"/>
                    </a:lnTo>
                    <a:lnTo>
                      <a:pt x="699" y="942"/>
                    </a:lnTo>
                    <a:lnTo>
                      <a:pt x="690" y="942"/>
                    </a:lnTo>
                    <a:lnTo>
                      <a:pt x="683" y="939"/>
                    </a:lnTo>
                    <a:lnTo>
                      <a:pt x="676" y="935"/>
                    </a:lnTo>
                    <a:lnTo>
                      <a:pt x="670" y="930"/>
                    </a:lnTo>
                    <a:lnTo>
                      <a:pt x="664" y="924"/>
                    </a:lnTo>
                    <a:lnTo>
                      <a:pt x="659" y="916"/>
                    </a:lnTo>
                    <a:lnTo>
                      <a:pt x="654" y="908"/>
                    </a:lnTo>
                    <a:lnTo>
                      <a:pt x="650" y="900"/>
                    </a:lnTo>
                    <a:lnTo>
                      <a:pt x="642" y="882"/>
                    </a:lnTo>
                    <a:lnTo>
                      <a:pt x="635" y="865"/>
                    </a:lnTo>
                    <a:lnTo>
                      <a:pt x="631" y="856"/>
                    </a:lnTo>
                    <a:lnTo>
                      <a:pt x="627" y="848"/>
                    </a:lnTo>
                    <a:lnTo>
                      <a:pt x="622" y="842"/>
                    </a:lnTo>
                    <a:lnTo>
                      <a:pt x="617" y="837"/>
                    </a:lnTo>
                    <a:lnTo>
                      <a:pt x="594" y="816"/>
                    </a:lnTo>
                    <a:lnTo>
                      <a:pt x="574" y="795"/>
                    </a:lnTo>
                    <a:lnTo>
                      <a:pt x="565" y="785"/>
                    </a:lnTo>
                    <a:lnTo>
                      <a:pt x="556" y="773"/>
                    </a:lnTo>
                    <a:lnTo>
                      <a:pt x="548" y="760"/>
                    </a:lnTo>
                    <a:lnTo>
                      <a:pt x="541" y="746"/>
                    </a:lnTo>
                    <a:lnTo>
                      <a:pt x="535" y="719"/>
                    </a:lnTo>
                    <a:lnTo>
                      <a:pt x="528" y="683"/>
                    </a:lnTo>
                    <a:lnTo>
                      <a:pt x="525" y="666"/>
                    </a:lnTo>
                    <a:lnTo>
                      <a:pt x="518" y="650"/>
                    </a:lnTo>
                    <a:lnTo>
                      <a:pt x="515" y="644"/>
                    </a:lnTo>
                    <a:lnTo>
                      <a:pt x="512" y="640"/>
                    </a:lnTo>
                    <a:lnTo>
                      <a:pt x="506" y="636"/>
                    </a:lnTo>
                    <a:lnTo>
                      <a:pt x="501" y="633"/>
                    </a:lnTo>
                    <a:lnTo>
                      <a:pt x="495" y="633"/>
                    </a:lnTo>
                    <a:lnTo>
                      <a:pt x="488" y="637"/>
                    </a:lnTo>
                    <a:lnTo>
                      <a:pt x="480" y="641"/>
                    </a:lnTo>
                    <a:lnTo>
                      <a:pt x="474" y="648"/>
                    </a:lnTo>
                    <a:lnTo>
                      <a:pt x="458" y="664"/>
                    </a:lnTo>
                    <a:lnTo>
                      <a:pt x="444" y="681"/>
                    </a:lnTo>
                    <a:lnTo>
                      <a:pt x="436" y="690"/>
                    </a:lnTo>
                    <a:lnTo>
                      <a:pt x="429" y="698"/>
                    </a:lnTo>
                    <a:lnTo>
                      <a:pt x="421" y="703"/>
                    </a:lnTo>
                    <a:lnTo>
                      <a:pt x="414" y="708"/>
                    </a:lnTo>
                    <a:lnTo>
                      <a:pt x="407" y="711"/>
                    </a:lnTo>
                    <a:lnTo>
                      <a:pt x="400" y="711"/>
                    </a:lnTo>
                    <a:lnTo>
                      <a:pt x="396" y="710"/>
                    </a:lnTo>
                    <a:lnTo>
                      <a:pt x="394" y="707"/>
                    </a:lnTo>
                    <a:lnTo>
                      <a:pt x="390" y="705"/>
                    </a:lnTo>
                    <a:lnTo>
                      <a:pt x="387" y="701"/>
                    </a:lnTo>
                    <a:lnTo>
                      <a:pt x="381" y="693"/>
                    </a:lnTo>
                    <a:lnTo>
                      <a:pt x="376" y="684"/>
                    </a:lnTo>
                    <a:lnTo>
                      <a:pt x="372" y="675"/>
                    </a:lnTo>
                    <a:lnTo>
                      <a:pt x="366" y="664"/>
                    </a:lnTo>
                    <a:lnTo>
                      <a:pt x="360" y="642"/>
                    </a:lnTo>
                    <a:lnTo>
                      <a:pt x="355" y="620"/>
                    </a:lnTo>
                    <a:lnTo>
                      <a:pt x="351" y="597"/>
                    </a:lnTo>
                    <a:lnTo>
                      <a:pt x="350" y="574"/>
                    </a:lnTo>
                    <a:lnTo>
                      <a:pt x="350" y="552"/>
                    </a:lnTo>
                    <a:lnTo>
                      <a:pt x="352" y="532"/>
                    </a:lnTo>
                    <a:lnTo>
                      <a:pt x="348" y="525"/>
                    </a:lnTo>
                    <a:lnTo>
                      <a:pt x="344" y="519"/>
                    </a:lnTo>
                    <a:lnTo>
                      <a:pt x="341" y="515"/>
                    </a:lnTo>
                    <a:lnTo>
                      <a:pt x="335" y="512"/>
                    </a:lnTo>
                    <a:lnTo>
                      <a:pt x="326" y="506"/>
                    </a:lnTo>
                    <a:lnTo>
                      <a:pt x="317" y="504"/>
                    </a:lnTo>
                    <a:lnTo>
                      <a:pt x="306" y="503"/>
                    </a:lnTo>
                    <a:lnTo>
                      <a:pt x="295" y="500"/>
                    </a:lnTo>
                    <a:lnTo>
                      <a:pt x="284" y="497"/>
                    </a:lnTo>
                    <a:lnTo>
                      <a:pt x="272" y="493"/>
                    </a:lnTo>
                    <a:lnTo>
                      <a:pt x="262" y="486"/>
                    </a:lnTo>
                    <a:lnTo>
                      <a:pt x="252" y="478"/>
                    </a:lnTo>
                    <a:lnTo>
                      <a:pt x="245" y="469"/>
                    </a:lnTo>
                    <a:lnTo>
                      <a:pt x="238" y="460"/>
                    </a:lnTo>
                    <a:lnTo>
                      <a:pt x="233" y="449"/>
                    </a:lnTo>
                    <a:lnTo>
                      <a:pt x="228" y="439"/>
                    </a:lnTo>
                    <a:lnTo>
                      <a:pt x="224" y="427"/>
                    </a:lnTo>
                    <a:lnTo>
                      <a:pt x="220" y="416"/>
                    </a:lnTo>
                    <a:lnTo>
                      <a:pt x="216" y="404"/>
                    </a:lnTo>
                    <a:lnTo>
                      <a:pt x="210" y="395"/>
                    </a:lnTo>
                    <a:lnTo>
                      <a:pt x="203" y="386"/>
                    </a:lnTo>
                    <a:lnTo>
                      <a:pt x="197" y="379"/>
                    </a:lnTo>
                    <a:lnTo>
                      <a:pt x="181" y="369"/>
                    </a:lnTo>
                    <a:lnTo>
                      <a:pt x="166" y="359"/>
                    </a:lnTo>
                    <a:lnTo>
                      <a:pt x="158" y="354"/>
                    </a:lnTo>
                    <a:lnTo>
                      <a:pt x="153" y="347"/>
                    </a:lnTo>
                    <a:lnTo>
                      <a:pt x="148" y="341"/>
                    </a:lnTo>
                    <a:lnTo>
                      <a:pt x="144" y="332"/>
                    </a:lnTo>
                    <a:lnTo>
                      <a:pt x="141" y="321"/>
                    </a:lnTo>
                    <a:lnTo>
                      <a:pt x="141" y="308"/>
                    </a:lnTo>
                    <a:lnTo>
                      <a:pt x="142" y="293"/>
                    </a:lnTo>
                    <a:lnTo>
                      <a:pt x="146" y="275"/>
                    </a:lnTo>
                    <a:lnTo>
                      <a:pt x="148" y="265"/>
                    </a:lnTo>
                    <a:lnTo>
                      <a:pt x="149" y="258"/>
                    </a:lnTo>
                    <a:lnTo>
                      <a:pt x="149" y="251"/>
                    </a:lnTo>
                    <a:lnTo>
                      <a:pt x="148" y="245"/>
                    </a:lnTo>
                    <a:lnTo>
                      <a:pt x="146" y="238"/>
                    </a:lnTo>
                    <a:lnTo>
                      <a:pt x="145" y="233"/>
                    </a:lnTo>
                    <a:lnTo>
                      <a:pt x="142" y="229"/>
                    </a:lnTo>
                    <a:lnTo>
                      <a:pt x="138" y="225"/>
                    </a:lnTo>
                    <a:lnTo>
                      <a:pt x="135" y="223"/>
                    </a:lnTo>
                    <a:lnTo>
                      <a:pt x="129" y="220"/>
                    </a:lnTo>
                    <a:lnTo>
                      <a:pt x="124" y="220"/>
                    </a:lnTo>
                    <a:lnTo>
                      <a:pt x="119" y="219"/>
                    </a:lnTo>
                    <a:lnTo>
                      <a:pt x="113" y="220"/>
                    </a:lnTo>
                    <a:lnTo>
                      <a:pt x="105" y="221"/>
                    </a:lnTo>
                    <a:lnTo>
                      <a:pt x="97" y="224"/>
                    </a:lnTo>
                    <a:lnTo>
                      <a:pt x="89" y="228"/>
                    </a:lnTo>
                    <a:lnTo>
                      <a:pt x="79" y="233"/>
                    </a:lnTo>
                    <a:lnTo>
                      <a:pt x="69" y="236"/>
                    </a:lnTo>
                    <a:lnTo>
                      <a:pt x="59" y="238"/>
                    </a:lnTo>
                    <a:lnTo>
                      <a:pt x="52" y="240"/>
                    </a:lnTo>
                    <a:lnTo>
                      <a:pt x="44" y="238"/>
                    </a:lnTo>
                    <a:lnTo>
                      <a:pt x="37" y="237"/>
                    </a:lnTo>
                    <a:lnTo>
                      <a:pt x="31" y="234"/>
                    </a:lnTo>
                    <a:lnTo>
                      <a:pt x="26" y="229"/>
                    </a:lnTo>
                    <a:lnTo>
                      <a:pt x="21" y="224"/>
                    </a:lnTo>
                    <a:lnTo>
                      <a:pt x="17" y="219"/>
                    </a:lnTo>
                    <a:lnTo>
                      <a:pt x="13" y="211"/>
                    </a:lnTo>
                    <a:lnTo>
                      <a:pt x="10" y="203"/>
                    </a:lnTo>
                    <a:lnTo>
                      <a:pt x="4" y="185"/>
                    </a:lnTo>
                    <a:lnTo>
                      <a:pt x="0" y="163"/>
                    </a:lnTo>
                    <a:lnTo>
                      <a:pt x="0" y="151"/>
                    </a:lnTo>
                    <a:lnTo>
                      <a:pt x="1" y="142"/>
                    </a:lnTo>
                    <a:lnTo>
                      <a:pt x="5" y="135"/>
                    </a:lnTo>
                    <a:lnTo>
                      <a:pt x="10" y="127"/>
                    </a:lnTo>
                    <a:lnTo>
                      <a:pt x="23" y="113"/>
                    </a:lnTo>
                    <a:lnTo>
                      <a:pt x="35" y="97"/>
                    </a:lnTo>
                    <a:lnTo>
                      <a:pt x="22" y="59"/>
                    </a:lnTo>
                    <a:lnTo>
                      <a:pt x="22" y="59"/>
                    </a:lnTo>
                    <a:lnTo>
                      <a:pt x="43" y="53"/>
                    </a:lnTo>
                    <a:lnTo>
                      <a:pt x="62" y="45"/>
                    </a:lnTo>
                    <a:lnTo>
                      <a:pt x="80" y="37"/>
                    </a:lnTo>
                    <a:lnTo>
                      <a:pt x="97" y="26"/>
                    </a:lnTo>
                    <a:lnTo>
                      <a:pt x="116" y="19"/>
                    </a:lnTo>
                    <a:lnTo>
                      <a:pt x="136" y="14"/>
                    </a:lnTo>
                    <a:lnTo>
                      <a:pt x="154" y="9"/>
                    </a:lnTo>
                    <a:lnTo>
                      <a:pt x="171" y="5"/>
                    </a:lnTo>
                    <a:lnTo>
                      <a:pt x="189" y="2"/>
                    </a:lnTo>
                    <a:lnTo>
                      <a:pt x="206" y="1"/>
                    </a:lnTo>
                    <a:lnTo>
                      <a:pt x="223" y="0"/>
                    </a:lnTo>
                    <a:lnTo>
                      <a:pt x="240" y="1"/>
                    </a:lnTo>
                    <a:lnTo>
                      <a:pt x="240" y="1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7" name="Freeform 183">
                <a:extLst>
                  <a:ext uri="{FF2B5EF4-FFF2-40B4-BE49-F238E27FC236}">
                    <a16:creationId xmlns:a16="http://schemas.microsoft.com/office/drawing/2014/main" id="{579AD7E3-E9BE-6E42-B99A-783E09DB7F8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548313" y="4615239"/>
                <a:ext cx="1741536" cy="2234399"/>
              </a:xfrm>
              <a:custGeom>
                <a:avLst/>
                <a:gdLst/>
                <a:ahLst/>
                <a:cxnLst>
                  <a:cxn ang="0">
                    <a:pos x="2589" y="4631"/>
                  </a:cxn>
                  <a:cxn ang="0">
                    <a:pos x="2558" y="4944"/>
                  </a:cxn>
                  <a:cxn ang="0">
                    <a:pos x="2297" y="4745"/>
                  </a:cxn>
                  <a:cxn ang="0">
                    <a:pos x="1892" y="4523"/>
                  </a:cxn>
                  <a:cxn ang="0">
                    <a:pos x="1618" y="4360"/>
                  </a:cxn>
                  <a:cxn ang="0">
                    <a:pos x="1853" y="4203"/>
                  </a:cxn>
                  <a:cxn ang="0">
                    <a:pos x="2125" y="4339"/>
                  </a:cxn>
                  <a:cxn ang="0">
                    <a:pos x="2620" y="4266"/>
                  </a:cxn>
                  <a:cxn ang="0">
                    <a:pos x="696" y="3236"/>
                  </a:cxn>
                  <a:cxn ang="0">
                    <a:pos x="763" y="2856"/>
                  </a:cxn>
                  <a:cxn ang="0">
                    <a:pos x="696" y="2741"/>
                  </a:cxn>
                  <a:cxn ang="0">
                    <a:pos x="578" y="2642"/>
                  </a:cxn>
                  <a:cxn ang="0">
                    <a:pos x="209" y="2753"/>
                  </a:cxn>
                  <a:cxn ang="0">
                    <a:pos x="276" y="2920"/>
                  </a:cxn>
                  <a:cxn ang="0">
                    <a:pos x="254" y="3209"/>
                  </a:cxn>
                  <a:cxn ang="0">
                    <a:pos x="253" y="3320"/>
                  </a:cxn>
                  <a:cxn ang="0">
                    <a:pos x="190" y="3563"/>
                  </a:cxn>
                  <a:cxn ang="0">
                    <a:pos x="381" y="3692"/>
                  </a:cxn>
                  <a:cxn ang="0">
                    <a:pos x="462" y="3482"/>
                  </a:cxn>
                  <a:cxn ang="0">
                    <a:pos x="1003" y="1969"/>
                  </a:cxn>
                  <a:cxn ang="0">
                    <a:pos x="1089" y="2009"/>
                  </a:cxn>
                  <a:cxn ang="0">
                    <a:pos x="1844" y="1561"/>
                  </a:cxn>
                  <a:cxn ang="0">
                    <a:pos x="477" y="379"/>
                  </a:cxn>
                  <a:cxn ang="0">
                    <a:pos x="655" y="307"/>
                  </a:cxn>
                  <a:cxn ang="0">
                    <a:pos x="914" y="298"/>
                  </a:cxn>
                  <a:cxn ang="0">
                    <a:pos x="1159" y="321"/>
                  </a:cxn>
                  <a:cxn ang="0">
                    <a:pos x="1286" y="194"/>
                  </a:cxn>
                  <a:cxn ang="0">
                    <a:pos x="1606" y="1"/>
                  </a:cxn>
                  <a:cxn ang="0">
                    <a:pos x="1985" y="232"/>
                  </a:cxn>
                  <a:cxn ang="0">
                    <a:pos x="2312" y="449"/>
                  </a:cxn>
                  <a:cxn ang="0">
                    <a:pos x="2350" y="781"/>
                  </a:cxn>
                  <a:cxn ang="0">
                    <a:pos x="2093" y="739"/>
                  </a:cxn>
                  <a:cxn ang="0">
                    <a:pos x="1918" y="796"/>
                  </a:cxn>
                  <a:cxn ang="0">
                    <a:pos x="1830" y="943"/>
                  </a:cxn>
                  <a:cxn ang="0">
                    <a:pos x="1787" y="1176"/>
                  </a:cxn>
                  <a:cxn ang="0">
                    <a:pos x="2213" y="1719"/>
                  </a:cxn>
                  <a:cxn ang="0">
                    <a:pos x="2433" y="2317"/>
                  </a:cxn>
                  <a:cxn ang="0">
                    <a:pos x="2836" y="2539"/>
                  </a:cxn>
                  <a:cxn ang="0">
                    <a:pos x="2962" y="2721"/>
                  </a:cxn>
                  <a:cxn ang="0">
                    <a:pos x="3826" y="3355"/>
                  </a:cxn>
                  <a:cxn ang="0">
                    <a:pos x="3690" y="3433"/>
                  </a:cxn>
                  <a:cxn ang="0">
                    <a:pos x="3409" y="3224"/>
                  </a:cxn>
                  <a:cxn ang="0">
                    <a:pos x="3220" y="3624"/>
                  </a:cxn>
                  <a:cxn ang="0">
                    <a:pos x="3283" y="3931"/>
                  </a:cxn>
                  <a:cxn ang="0">
                    <a:pos x="3089" y="4214"/>
                  </a:cxn>
                  <a:cxn ang="0">
                    <a:pos x="2799" y="4341"/>
                  </a:cxn>
                  <a:cxn ang="0">
                    <a:pos x="2865" y="4088"/>
                  </a:cxn>
                  <a:cxn ang="0">
                    <a:pos x="2990" y="3864"/>
                  </a:cxn>
                  <a:cxn ang="0">
                    <a:pos x="2880" y="3468"/>
                  </a:cxn>
                  <a:cxn ang="0">
                    <a:pos x="2667" y="3389"/>
                  </a:cxn>
                  <a:cxn ang="0">
                    <a:pos x="2525" y="3123"/>
                  </a:cxn>
                  <a:cxn ang="0">
                    <a:pos x="2375" y="3025"/>
                  </a:cxn>
                  <a:cxn ang="0">
                    <a:pos x="2097" y="2780"/>
                  </a:cxn>
                  <a:cxn ang="0">
                    <a:pos x="1683" y="2479"/>
                  </a:cxn>
                  <a:cxn ang="0">
                    <a:pos x="1358" y="2201"/>
                  </a:cxn>
                  <a:cxn ang="0">
                    <a:pos x="1201" y="1926"/>
                  </a:cxn>
                  <a:cxn ang="0">
                    <a:pos x="1065" y="1567"/>
                  </a:cxn>
                  <a:cxn ang="0">
                    <a:pos x="810" y="1214"/>
                  </a:cxn>
                  <a:cxn ang="0">
                    <a:pos x="456" y="1249"/>
                  </a:cxn>
                  <a:cxn ang="0">
                    <a:pos x="195" y="1220"/>
                  </a:cxn>
                  <a:cxn ang="0">
                    <a:pos x="66" y="901"/>
                  </a:cxn>
                  <a:cxn ang="0">
                    <a:pos x="133" y="632"/>
                  </a:cxn>
                  <a:cxn ang="0">
                    <a:pos x="155" y="360"/>
                  </a:cxn>
                </a:cxnLst>
                <a:rect l="0" t="0" r="r" b="b"/>
                <a:pathLst>
                  <a:path w="3827" h="4944">
                    <a:moveTo>
                      <a:pt x="1438" y="4770"/>
                    </a:moveTo>
                    <a:lnTo>
                      <a:pt x="1432" y="4763"/>
                    </a:lnTo>
                    <a:lnTo>
                      <a:pt x="1427" y="4757"/>
                    </a:lnTo>
                    <a:lnTo>
                      <a:pt x="1420" y="4751"/>
                    </a:lnTo>
                    <a:lnTo>
                      <a:pt x="1411" y="4746"/>
                    </a:lnTo>
                    <a:lnTo>
                      <a:pt x="1406" y="4744"/>
                    </a:lnTo>
                    <a:lnTo>
                      <a:pt x="1400" y="4742"/>
                    </a:lnTo>
                    <a:lnTo>
                      <a:pt x="1393" y="4741"/>
                    </a:lnTo>
                    <a:lnTo>
                      <a:pt x="1387" y="4744"/>
                    </a:lnTo>
                    <a:lnTo>
                      <a:pt x="1385" y="4745"/>
                    </a:lnTo>
                    <a:lnTo>
                      <a:pt x="1387" y="4749"/>
                    </a:lnTo>
                    <a:lnTo>
                      <a:pt x="1389" y="4753"/>
                    </a:lnTo>
                    <a:lnTo>
                      <a:pt x="1393" y="4757"/>
                    </a:lnTo>
                    <a:lnTo>
                      <a:pt x="1401" y="4764"/>
                    </a:lnTo>
                    <a:lnTo>
                      <a:pt x="1406" y="4768"/>
                    </a:lnTo>
                    <a:lnTo>
                      <a:pt x="1411" y="4777"/>
                    </a:lnTo>
                    <a:lnTo>
                      <a:pt x="1418" y="4785"/>
                    </a:lnTo>
                    <a:lnTo>
                      <a:pt x="1423" y="4788"/>
                    </a:lnTo>
                    <a:lnTo>
                      <a:pt x="1428" y="4790"/>
                    </a:lnTo>
                    <a:lnTo>
                      <a:pt x="1433" y="4793"/>
                    </a:lnTo>
                    <a:lnTo>
                      <a:pt x="1440" y="4792"/>
                    </a:lnTo>
                    <a:lnTo>
                      <a:pt x="1438" y="4770"/>
                    </a:lnTo>
                    <a:close/>
                    <a:moveTo>
                      <a:pt x="2690" y="4377"/>
                    </a:moveTo>
                    <a:lnTo>
                      <a:pt x="2584" y="4560"/>
                    </a:lnTo>
                    <a:lnTo>
                      <a:pt x="2576" y="4573"/>
                    </a:lnTo>
                    <a:lnTo>
                      <a:pt x="2571" y="4584"/>
                    </a:lnTo>
                    <a:lnTo>
                      <a:pt x="2568" y="4593"/>
                    </a:lnTo>
                    <a:lnTo>
                      <a:pt x="2567" y="4602"/>
                    </a:lnTo>
                    <a:lnTo>
                      <a:pt x="2568" y="4609"/>
                    </a:lnTo>
                    <a:lnTo>
                      <a:pt x="2569" y="4614"/>
                    </a:lnTo>
                    <a:lnTo>
                      <a:pt x="2573" y="4619"/>
                    </a:lnTo>
                    <a:lnTo>
                      <a:pt x="2577" y="4623"/>
                    </a:lnTo>
                    <a:lnTo>
                      <a:pt x="2589" y="4631"/>
                    </a:lnTo>
                    <a:lnTo>
                      <a:pt x="2602" y="4639"/>
                    </a:lnTo>
                    <a:lnTo>
                      <a:pt x="2608" y="4644"/>
                    </a:lnTo>
                    <a:lnTo>
                      <a:pt x="2616" y="4649"/>
                    </a:lnTo>
                    <a:lnTo>
                      <a:pt x="2621" y="4656"/>
                    </a:lnTo>
                    <a:lnTo>
                      <a:pt x="2628" y="4663"/>
                    </a:lnTo>
                    <a:lnTo>
                      <a:pt x="2630" y="4668"/>
                    </a:lnTo>
                    <a:lnTo>
                      <a:pt x="2632" y="4672"/>
                    </a:lnTo>
                    <a:lnTo>
                      <a:pt x="2632" y="4678"/>
                    </a:lnTo>
                    <a:lnTo>
                      <a:pt x="2632" y="4681"/>
                    </a:lnTo>
                    <a:lnTo>
                      <a:pt x="2629" y="4689"/>
                    </a:lnTo>
                    <a:lnTo>
                      <a:pt x="2624" y="4697"/>
                    </a:lnTo>
                    <a:lnTo>
                      <a:pt x="2611" y="4710"/>
                    </a:lnTo>
                    <a:lnTo>
                      <a:pt x="2599" y="4723"/>
                    </a:lnTo>
                    <a:lnTo>
                      <a:pt x="2617" y="4747"/>
                    </a:lnTo>
                    <a:lnTo>
                      <a:pt x="2638" y="4776"/>
                    </a:lnTo>
                    <a:lnTo>
                      <a:pt x="2642" y="4784"/>
                    </a:lnTo>
                    <a:lnTo>
                      <a:pt x="2645" y="4792"/>
                    </a:lnTo>
                    <a:lnTo>
                      <a:pt x="2646" y="4798"/>
                    </a:lnTo>
                    <a:lnTo>
                      <a:pt x="2646" y="4804"/>
                    </a:lnTo>
                    <a:lnTo>
                      <a:pt x="2643" y="4811"/>
                    </a:lnTo>
                    <a:lnTo>
                      <a:pt x="2641" y="4817"/>
                    </a:lnTo>
                    <a:lnTo>
                      <a:pt x="2634" y="4823"/>
                    </a:lnTo>
                    <a:lnTo>
                      <a:pt x="2626" y="4828"/>
                    </a:lnTo>
                    <a:lnTo>
                      <a:pt x="2616" y="4833"/>
                    </a:lnTo>
                    <a:lnTo>
                      <a:pt x="2608" y="4839"/>
                    </a:lnTo>
                    <a:lnTo>
                      <a:pt x="2600" y="4847"/>
                    </a:lnTo>
                    <a:lnTo>
                      <a:pt x="2594" y="4856"/>
                    </a:lnTo>
                    <a:lnTo>
                      <a:pt x="2588" y="4865"/>
                    </a:lnTo>
                    <a:lnTo>
                      <a:pt x="2582" y="4874"/>
                    </a:lnTo>
                    <a:lnTo>
                      <a:pt x="2578" y="4885"/>
                    </a:lnTo>
                    <a:lnTo>
                      <a:pt x="2575" y="4895"/>
                    </a:lnTo>
                    <a:lnTo>
                      <a:pt x="2563" y="4929"/>
                    </a:lnTo>
                    <a:lnTo>
                      <a:pt x="2558" y="4944"/>
                    </a:lnTo>
                    <a:lnTo>
                      <a:pt x="2555" y="4944"/>
                    </a:lnTo>
                    <a:lnTo>
                      <a:pt x="2553" y="4944"/>
                    </a:lnTo>
                    <a:lnTo>
                      <a:pt x="2550" y="4943"/>
                    </a:lnTo>
                    <a:lnTo>
                      <a:pt x="2547" y="4942"/>
                    </a:lnTo>
                    <a:lnTo>
                      <a:pt x="2542" y="4935"/>
                    </a:lnTo>
                    <a:lnTo>
                      <a:pt x="2536" y="4929"/>
                    </a:lnTo>
                    <a:lnTo>
                      <a:pt x="2524" y="4913"/>
                    </a:lnTo>
                    <a:lnTo>
                      <a:pt x="2514" y="4903"/>
                    </a:lnTo>
                    <a:lnTo>
                      <a:pt x="2508" y="4899"/>
                    </a:lnTo>
                    <a:lnTo>
                      <a:pt x="2501" y="4895"/>
                    </a:lnTo>
                    <a:lnTo>
                      <a:pt x="2493" y="4893"/>
                    </a:lnTo>
                    <a:lnTo>
                      <a:pt x="2484" y="4891"/>
                    </a:lnTo>
                    <a:lnTo>
                      <a:pt x="2466" y="4889"/>
                    </a:lnTo>
                    <a:lnTo>
                      <a:pt x="2446" y="4887"/>
                    </a:lnTo>
                    <a:lnTo>
                      <a:pt x="2427" y="4887"/>
                    </a:lnTo>
                    <a:lnTo>
                      <a:pt x="2406" y="4887"/>
                    </a:lnTo>
                    <a:lnTo>
                      <a:pt x="2397" y="4886"/>
                    </a:lnTo>
                    <a:lnTo>
                      <a:pt x="2388" y="4885"/>
                    </a:lnTo>
                    <a:lnTo>
                      <a:pt x="2380" y="4884"/>
                    </a:lnTo>
                    <a:lnTo>
                      <a:pt x="2371" y="4881"/>
                    </a:lnTo>
                    <a:lnTo>
                      <a:pt x="2358" y="4874"/>
                    </a:lnTo>
                    <a:lnTo>
                      <a:pt x="2347" y="4867"/>
                    </a:lnTo>
                    <a:lnTo>
                      <a:pt x="2337" y="4859"/>
                    </a:lnTo>
                    <a:lnTo>
                      <a:pt x="2331" y="4851"/>
                    </a:lnTo>
                    <a:lnTo>
                      <a:pt x="2326" y="4842"/>
                    </a:lnTo>
                    <a:lnTo>
                      <a:pt x="2322" y="4833"/>
                    </a:lnTo>
                    <a:lnTo>
                      <a:pt x="2318" y="4823"/>
                    </a:lnTo>
                    <a:lnTo>
                      <a:pt x="2317" y="4814"/>
                    </a:lnTo>
                    <a:lnTo>
                      <a:pt x="2314" y="4793"/>
                    </a:lnTo>
                    <a:lnTo>
                      <a:pt x="2310" y="4773"/>
                    </a:lnTo>
                    <a:lnTo>
                      <a:pt x="2306" y="4763"/>
                    </a:lnTo>
                    <a:lnTo>
                      <a:pt x="2302" y="4754"/>
                    </a:lnTo>
                    <a:lnTo>
                      <a:pt x="2297" y="4745"/>
                    </a:lnTo>
                    <a:lnTo>
                      <a:pt x="2290" y="4736"/>
                    </a:lnTo>
                    <a:lnTo>
                      <a:pt x="2284" y="4731"/>
                    </a:lnTo>
                    <a:lnTo>
                      <a:pt x="2278" y="4728"/>
                    </a:lnTo>
                    <a:lnTo>
                      <a:pt x="2270" y="4724"/>
                    </a:lnTo>
                    <a:lnTo>
                      <a:pt x="2262" y="4723"/>
                    </a:lnTo>
                    <a:lnTo>
                      <a:pt x="2243" y="4720"/>
                    </a:lnTo>
                    <a:lnTo>
                      <a:pt x="2223" y="4718"/>
                    </a:lnTo>
                    <a:lnTo>
                      <a:pt x="2203" y="4718"/>
                    </a:lnTo>
                    <a:lnTo>
                      <a:pt x="2182" y="4716"/>
                    </a:lnTo>
                    <a:lnTo>
                      <a:pt x="2163" y="4714"/>
                    </a:lnTo>
                    <a:lnTo>
                      <a:pt x="2147" y="4710"/>
                    </a:lnTo>
                    <a:lnTo>
                      <a:pt x="2135" y="4706"/>
                    </a:lnTo>
                    <a:lnTo>
                      <a:pt x="2125" y="4700"/>
                    </a:lnTo>
                    <a:lnTo>
                      <a:pt x="2116" y="4694"/>
                    </a:lnTo>
                    <a:lnTo>
                      <a:pt x="2106" y="4687"/>
                    </a:lnTo>
                    <a:lnTo>
                      <a:pt x="2089" y="4672"/>
                    </a:lnTo>
                    <a:lnTo>
                      <a:pt x="2071" y="4657"/>
                    </a:lnTo>
                    <a:lnTo>
                      <a:pt x="2054" y="4641"/>
                    </a:lnTo>
                    <a:lnTo>
                      <a:pt x="2037" y="4627"/>
                    </a:lnTo>
                    <a:lnTo>
                      <a:pt x="2028" y="4621"/>
                    </a:lnTo>
                    <a:lnTo>
                      <a:pt x="2017" y="4615"/>
                    </a:lnTo>
                    <a:lnTo>
                      <a:pt x="2008" y="4610"/>
                    </a:lnTo>
                    <a:lnTo>
                      <a:pt x="1998" y="4608"/>
                    </a:lnTo>
                    <a:lnTo>
                      <a:pt x="1977" y="4599"/>
                    </a:lnTo>
                    <a:lnTo>
                      <a:pt x="1954" y="4591"/>
                    </a:lnTo>
                    <a:lnTo>
                      <a:pt x="1944" y="4587"/>
                    </a:lnTo>
                    <a:lnTo>
                      <a:pt x="1933" y="4582"/>
                    </a:lnTo>
                    <a:lnTo>
                      <a:pt x="1923" y="4575"/>
                    </a:lnTo>
                    <a:lnTo>
                      <a:pt x="1915" y="4569"/>
                    </a:lnTo>
                    <a:lnTo>
                      <a:pt x="1909" y="4557"/>
                    </a:lnTo>
                    <a:lnTo>
                      <a:pt x="1903" y="4545"/>
                    </a:lnTo>
                    <a:lnTo>
                      <a:pt x="1898" y="4534"/>
                    </a:lnTo>
                    <a:lnTo>
                      <a:pt x="1892" y="4523"/>
                    </a:lnTo>
                    <a:lnTo>
                      <a:pt x="1887" y="4518"/>
                    </a:lnTo>
                    <a:lnTo>
                      <a:pt x="1881" y="4514"/>
                    </a:lnTo>
                    <a:lnTo>
                      <a:pt x="1875" y="4512"/>
                    </a:lnTo>
                    <a:lnTo>
                      <a:pt x="1868" y="4509"/>
                    </a:lnTo>
                    <a:lnTo>
                      <a:pt x="1856" y="4509"/>
                    </a:lnTo>
                    <a:lnTo>
                      <a:pt x="1841" y="4509"/>
                    </a:lnTo>
                    <a:lnTo>
                      <a:pt x="1827" y="4509"/>
                    </a:lnTo>
                    <a:lnTo>
                      <a:pt x="1814" y="4507"/>
                    </a:lnTo>
                    <a:lnTo>
                      <a:pt x="1808" y="4505"/>
                    </a:lnTo>
                    <a:lnTo>
                      <a:pt x="1802" y="4501"/>
                    </a:lnTo>
                    <a:lnTo>
                      <a:pt x="1799" y="4496"/>
                    </a:lnTo>
                    <a:lnTo>
                      <a:pt x="1795" y="4490"/>
                    </a:lnTo>
                    <a:lnTo>
                      <a:pt x="1789" y="4481"/>
                    </a:lnTo>
                    <a:lnTo>
                      <a:pt x="1784" y="4473"/>
                    </a:lnTo>
                    <a:lnTo>
                      <a:pt x="1779" y="4466"/>
                    </a:lnTo>
                    <a:lnTo>
                      <a:pt x="1773" y="4461"/>
                    </a:lnTo>
                    <a:lnTo>
                      <a:pt x="1765" y="4456"/>
                    </a:lnTo>
                    <a:lnTo>
                      <a:pt x="1757" y="4453"/>
                    </a:lnTo>
                    <a:lnTo>
                      <a:pt x="1747" y="4452"/>
                    </a:lnTo>
                    <a:lnTo>
                      <a:pt x="1735" y="4453"/>
                    </a:lnTo>
                    <a:lnTo>
                      <a:pt x="1716" y="4455"/>
                    </a:lnTo>
                    <a:lnTo>
                      <a:pt x="1703" y="4456"/>
                    </a:lnTo>
                    <a:lnTo>
                      <a:pt x="1692" y="4456"/>
                    </a:lnTo>
                    <a:lnTo>
                      <a:pt x="1685" y="4455"/>
                    </a:lnTo>
                    <a:lnTo>
                      <a:pt x="1678" y="4451"/>
                    </a:lnTo>
                    <a:lnTo>
                      <a:pt x="1673" y="4443"/>
                    </a:lnTo>
                    <a:lnTo>
                      <a:pt x="1666" y="4433"/>
                    </a:lnTo>
                    <a:lnTo>
                      <a:pt x="1657" y="4417"/>
                    </a:lnTo>
                    <a:lnTo>
                      <a:pt x="1639" y="4398"/>
                    </a:lnTo>
                    <a:lnTo>
                      <a:pt x="1620" y="4380"/>
                    </a:lnTo>
                    <a:lnTo>
                      <a:pt x="1618" y="4373"/>
                    </a:lnTo>
                    <a:lnTo>
                      <a:pt x="1617" y="4367"/>
                    </a:lnTo>
                    <a:lnTo>
                      <a:pt x="1618" y="4360"/>
                    </a:lnTo>
                    <a:lnTo>
                      <a:pt x="1621" y="4352"/>
                    </a:lnTo>
                    <a:lnTo>
                      <a:pt x="1628" y="4338"/>
                    </a:lnTo>
                    <a:lnTo>
                      <a:pt x="1631" y="4325"/>
                    </a:lnTo>
                    <a:lnTo>
                      <a:pt x="1629" y="4316"/>
                    </a:lnTo>
                    <a:lnTo>
                      <a:pt x="1629" y="4306"/>
                    </a:lnTo>
                    <a:lnTo>
                      <a:pt x="1630" y="4294"/>
                    </a:lnTo>
                    <a:lnTo>
                      <a:pt x="1634" y="4281"/>
                    </a:lnTo>
                    <a:lnTo>
                      <a:pt x="1638" y="4269"/>
                    </a:lnTo>
                    <a:lnTo>
                      <a:pt x="1644" y="4257"/>
                    </a:lnTo>
                    <a:lnTo>
                      <a:pt x="1652" y="4246"/>
                    </a:lnTo>
                    <a:lnTo>
                      <a:pt x="1660" y="4236"/>
                    </a:lnTo>
                    <a:lnTo>
                      <a:pt x="1727" y="4166"/>
                    </a:lnTo>
                    <a:lnTo>
                      <a:pt x="1729" y="4172"/>
                    </a:lnTo>
                    <a:lnTo>
                      <a:pt x="1731" y="4181"/>
                    </a:lnTo>
                    <a:lnTo>
                      <a:pt x="1736" y="4189"/>
                    </a:lnTo>
                    <a:lnTo>
                      <a:pt x="1743" y="4198"/>
                    </a:lnTo>
                    <a:lnTo>
                      <a:pt x="1749" y="4206"/>
                    </a:lnTo>
                    <a:lnTo>
                      <a:pt x="1757" y="4215"/>
                    </a:lnTo>
                    <a:lnTo>
                      <a:pt x="1766" y="4223"/>
                    </a:lnTo>
                    <a:lnTo>
                      <a:pt x="1777" y="4229"/>
                    </a:lnTo>
                    <a:lnTo>
                      <a:pt x="1786" y="4236"/>
                    </a:lnTo>
                    <a:lnTo>
                      <a:pt x="1796" y="4240"/>
                    </a:lnTo>
                    <a:lnTo>
                      <a:pt x="1806" y="4242"/>
                    </a:lnTo>
                    <a:lnTo>
                      <a:pt x="1815" y="4244"/>
                    </a:lnTo>
                    <a:lnTo>
                      <a:pt x="1824" y="4244"/>
                    </a:lnTo>
                    <a:lnTo>
                      <a:pt x="1832" y="4240"/>
                    </a:lnTo>
                    <a:lnTo>
                      <a:pt x="1836" y="4237"/>
                    </a:lnTo>
                    <a:lnTo>
                      <a:pt x="1840" y="4235"/>
                    </a:lnTo>
                    <a:lnTo>
                      <a:pt x="1844" y="4231"/>
                    </a:lnTo>
                    <a:lnTo>
                      <a:pt x="1846" y="4225"/>
                    </a:lnTo>
                    <a:lnTo>
                      <a:pt x="1849" y="4219"/>
                    </a:lnTo>
                    <a:lnTo>
                      <a:pt x="1852" y="4211"/>
                    </a:lnTo>
                    <a:lnTo>
                      <a:pt x="1853" y="4203"/>
                    </a:lnTo>
                    <a:lnTo>
                      <a:pt x="1854" y="4196"/>
                    </a:lnTo>
                    <a:lnTo>
                      <a:pt x="1856" y="4180"/>
                    </a:lnTo>
                    <a:lnTo>
                      <a:pt x="1857" y="4167"/>
                    </a:lnTo>
                    <a:lnTo>
                      <a:pt x="1859" y="4162"/>
                    </a:lnTo>
                    <a:lnTo>
                      <a:pt x="1862" y="4158"/>
                    </a:lnTo>
                    <a:lnTo>
                      <a:pt x="1867" y="4155"/>
                    </a:lnTo>
                    <a:lnTo>
                      <a:pt x="1872" y="4154"/>
                    </a:lnTo>
                    <a:lnTo>
                      <a:pt x="1879" y="4155"/>
                    </a:lnTo>
                    <a:lnTo>
                      <a:pt x="1888" y="4159"/>
                    </a:lnTo>
                    <a:lnTo>
                      <a:pt x="1900" y="4165"/>
                    </a:lnTo>
                    <a:lnTo>
                      <a:pt x="1914" y="4172"/>
                    </a:lnTo>
                    <a:lnTo>
                      <a:pt x="1935" y="4187"/>
                    </a:lnTo>
                    <a:lnTo>
                      <a:pt x="1959" y="4201"/>
                    </a:lnTo>
                    <a:lnTo>
                      <a:pt x="1971" y="4207"/>
                    </a:lnTo>
                    <a:lnTo>
                      <a:pt x="1984" y="4212"/>
                    </a:lnTo>
                    <a:lnTo>
                      <a:pt x="1995" y="4216"/>
                    </a:lnTo>
                    <a:lnTo>
                      <a:pt x="2008" y="4218"/>
                    </a:lnTo>
                    <a:lnTo>
                      <a:pt x="2015" y="4219"/>
                    </a:lnTo>
                    <a:lnTo>
                      <a:pt x="2021" y="4222"/>
                    </a:lnTo>
                    <a:lnTo>
                      <a:pt x="2027" y="4224"/>
                    </a:lnTo>
                    <a:lnTo>
                      <a:pt x="2032" y="4229"/>
                    </a:lnTo>
                    <a:lnTo>
                      <a:pt x="2041" y="4242"/>
                    </a:lnTo>
                    <a:lnTo>
                      <a:pt x="2049" y="4257"/>
                    </a:lnTo>
                    <a:lnTo>
                      <a:pt x="2055" y="4272"/>
                    </a:lnTo>
                    <a:lnTo>
                      <a:pt x="2062" y="4289"/>
                    </a:lnTo>
                    <a:lnTo>
                      <a:pt x="2068" y="4303"/>
                    </a:lnTo>
                    <a:lnTo>
                      <a:pt x="2076" y="4315"/>
                    </a:lnTo>
                    <a:lnTo>
                      <a:pt x="2081" y="4320"/>
                    </a:lnTo>
                    <a:lnTo>
                      <a:pt x="2086" y="4325"/>
                    </a:lnTo>
                    <a:lnTo>
                      <a:pt x="2091" y="4329"/>
                    </a:lnTo>
                    <a:lnTo>
                      <a:pt x="2098" y="4332"/>
                    </a:lnTo>
                    <a:lnTo>
                      <a:pt x="2111" y="4337"/>
                    </a:lnTo>
                    <a:lnTo>
                      <a:pt x="2125" y="4339"/>
                    </a:lnTo>
                    <a:lnTo>
                      <a:pt x="2139" y="4339"/>
                    </a:lnTo>
                    <a:lnTo>
                      <a:pt x="2155" y="4339"/>
                    </a:lnTo>
                    <a:lnTo>
                      <a:pt x="2170" y="4337"/>
                    </a:lnTo>
                    <a:lnTo>
                      <a:pt x="2187" y="4334"/>
                    </a:lnTo>
                    <a:lnTo>
                      <a:pt x="2220" y="4326"/>
                    </a:lnTo>
                    <a:lnTo>
                      <a:pt x="2252" y="4317"/>
                    </a:lnTo>
                    <a:lnTo>
                      <a:pt x="2268" y="4314"/>
                    </a:lnTo>
                    <a:lnTo>
                      <a:pt x="2282" y="4310"/>
                    </a:lnTo>
                    <a:lnTo>
                      <a:pt x="2295" y="4307"/>
                    </a:lnTo>
                    <a:lnTo>
                      <a:pt x="2306" y="4306"/>
                    </a:lnTo>
                    <a:lnTo>
                      <a:pt x="2319" y="4307"/>
                    </a:lnTo>
                    <a:lnTo>
                      <a:pt x="2331" y="4307"/>
                    </a:lnTo>
                    <a:lnTo>
                      <a:pt x="2343" y="4306"/>
                    </a:lnTo>
                    <a:lnTo>
                      <a:pt x="2353" y="4304"/>
                    </a:lnTo>
                    <a:lnTo>
                      <a:pt x="2374" y="4299"/>
                    </a:lnTo>
                    <a:lnTo>
                      <a:pt x="2392" y="4293"/>
                    </a:lnTo>
                    <a:lnTo>
                      <a:pt x="2429" y="4277"/>
                    </a:lnTo>
                    <a:lnTo>
                      <a:pt x="2472" y="4262"/>
                    </a:lnTo>
                    <a:lnTo>
                      <a:pt x="2479" y="4262"/>
                    </a:lnTo>
                    <a:lnTo>
                      <a:pt x="2485" y="4260"/>
                    </a:lnTo>
                    <a:lnTo>
                      <a:pt x="2490" y="4262"/>
                    </a:lnTo>
                    <a:lnTo>
                      <a:pt x="2497" y="4262"/>
                    </a:lnTo>
                    <a:lnTo>
                      <a:pt x="2508" y="4266"/>
                    </a:lnTo>
                    <a:lnTo>
                      <a:pt x="2520" y="4271"/>
                    </a:lnTo>
                    <a:lnTo>
                      <a:pt x="2532" y="4276"/>
                    </a:lnTo>
                    <a:lnTo>
                      <a:pt x="2543" y="4281"/>
                    </a:lnTo>
                    <a:lnTo>
                      <a:pt x="2555" y="4285"/>
                    </a:lnTo>
                    <a:lnTo>
                      <a:pt x="2568" y="4286"/>
                    </a:lnTo>
                    <a:lnTo>
                      <a:pt x="2578" y="4285"/>
                    </a:lnTo>
                    <a:lnTo>
                      <a:pt x="2588" y="4284"/>
                    </a:lnTo>
                    <a:lnTo>
                      <a:pt x="2597" y="4280"/>
                    </a:lnTo>
                    <a:lnTo>
                      <a:pt x="2606" y="4276"/>
                    </a:lnTo>
                    <a:lnTo>
                      <a:pt x="2620" y="4266"/>
                    </a:lnTo>
                    <a:lnTo>
                      <a:pt x="2635" y="4254"/>
                    </a:lnTo>
                    <a:lnTo>
                      <a:pt x="2650" y="4242"/>
                    </a:lnTo>
                    <a:lnTo>
                      <a:pt x="2664" y="4231"/>
                    </a:lnTo>
                    <a:lnTo>
                      <a:pt x="2672" y="4227"/>
                    </a:lnTo>
                    <a:lnTo>
                      <a:pt x="2681" y="4223"/>
                    </a:lnTo>
                    <a:lnTo>
                      <a:pt x="2690" y="4220"/>
                    </a:lnTo>
                    <a:lnTo>
                      <a:pt x="2699" y="4219"/>
                    </a:lnTo>
                    <a:lnTo>
                      <a:pt x="2722" y="4218"/>
                    </a:lnTo>
                    <a:lnTo>
                      <a:pt x="2748" y="4215"/>
                    </a:lnTo>
                    <a:lnTo>
                      <a:pt x="2762" y="4214"/>
                    </a:lnTo>
                    <a:lnTo>
                      <a:pt x="2775" y="4214"/>
                    </a:lnTo>
                    <a:lnTo>
                      <a:pt x="2787" y="4214"/>
                    </a:lnTo>
                    <a:lnTo>
                      <a:pt x="2797" y="4216"/>
                    </a:lnTo>
                    <a:lnTo>
                      <a:pt x="2797" y="4222"/>
                    </a:lnTo>
                    <a:lnTo>
                      <a:pt x="2796" y="4229"/>
                    </a:lnTo>
                    <a:lnTo>
                      <a:pt x="2793" y="4237"/>
                    </a:lnTo>
                    <a:lnTo>
                      <a:pt x="2790" y="4245"/>
                    </a:lnTo>
                    <a:lnTo>
                      <a:pt x="2779" y="4263"/>
                    </a:lnTo>
                    <a:lnTo>
                      <a:pt x="2765" y="4281"/>
                    </a:lnTo>
                    <a:lnTo>
                      <a:pt x="2736" y="4316"/>
                    </a:lnTo>
                    <a:lnTo>
                      <a:pt x="2717" y="4343"/>
                    </a:lnTo>
                    <a:lnTo>
                      <a:pt x="2690" y="4377"/>
                    </a:lnTo>
                    <a:close/>
                    <a:moveTo>
                      <a:pt x="648" y="3512"/>
                    </a:moveTo>
                    <a:lnTo>
                      <a:pt x="657" y="3490"/>
                    </a:lnTo>
                    <a:lnTo>
                      <a:pt x="662" y="3465"/>
                    </a:lnTo>
                    <a:lnTo>
                      <a:pt x="668" y="3439"/>
                    </a:lnTo>
                    <a:lnTo>
                      <a:pt x="671" y="3413"/>
                    </a:lnTo>
                    <a:lnTo>
                      <a:pt x="675" y="3387"/>
                    </a:lnTo>
                    <a:lnTo>
                      <a:pt x="678" y="3360"/>
                    </a:lnTo>
                    <a:lnTo>
                      <a:pt x="681" y="3335"/>
                    </a:lnTo>
                    <a:lnTo>
                      <a:pt x="684" y="3311"/>
                    </a:lnTo>
                    <a:lnTo>
                      <a:pt x="691" y="3273"/>
                    </a:lnTo>
                    <a:lnTo>
                      <a:pt x="696" y="3236"/>
                    </a:lnTo>
                    <a:lnTo>
                      <a:pt x="697" y="3216"/>
                    </a:lnTo>
                    <a:lnTo>
                      <a:pt x="697" y="3197"/>
                    </a:lnTo>
                    <a:lnTo>
                      <a:pt x="697" y="3179"/>
                    </a:lnTo>
                    <a:lnTo>
                      <a:pt x="695" y="3161"/>
                    </a:lnTo>
                    <a:lnTo>
                      <a:pt x="693" y="3146"/>
                    </a:lnTo>
                    <a:lnTo>
                      <a:pt x="693" y="3135"/>
                    </a:lnTo>
                    <a:lnTo>
                      <a:pt x="695" y="3122"/>
                    </a:lnTo>
                    <a:lnTo>
                      <a:pt x="693" y="3109"/>
                    </a:lnTo>
                    <a:lnTo>
                      <a:pt x="734" y="3035"/>
                    </a:lnTo>
                    <a:lnTo>
                      <a:pt x="741" y="3025"/>
                    </a:lnTo>
                    <a:lnTo>
                      <a:pt x="752" y="3016"/>
                    </a:lnTo>
                    <a:lnTo>
                      <a:pt x="761" y="3005"/>
                    </a:lnTo>
                    <a:lnTo>
                      <a:pt x="767" y="2996"/>
                    </a:lnTo>
                    <a:lnTo>
                      <a:pt x="769" y="2991"/>
                    </a:lnTo>
                    <a:lnTo>
                      <a:pt x="769" y="2987"/>
                    </a:lnTo>
                    <a:lnTo>
                      <a:pt x="767" y="2982"/>
                    </a:lnTo>
                    <a:lnTo>
                      <a:pt x="766" y="2977"/>
                    </a:lnTo>
                    <a:lnTo>
                      <a:pt x="762" y="2968"/>
                    </a:lnTo>
                    <a:lnTo>
                      <a:pt x="756" y="2956"/>
                    </a:lnTo>
                    <a:lnTo>
                      <a:pt x="748" y="2946"/>
                    </a:lnTo>
                    <a:lnTo>
                      <a:pt x="743" y="2934"/>
                    </a:lnTo>
                    <a:lnTo>
                      <a:pt x="740" y="2927"/>
                    </a:lnTo>
                    <a:lnTo>
                      <a:pt x="739" y="2922"/>
                    </a:lnTo>
                    <a:lnTo>
                      <a:pt x="738" y="2916"/>
                    </a:lnTo>
                    <a:lnTo>
                      <a:pt x="738" y="2909"/>
                    </a:lnTo>
                    <a:lnTo>
                      <a:pt x="739" y="2900"/>
                    </a:lnTo>
                    <a:lnTo>
                      <a:pt x="741" y="2894"/>
                    </a:lnTo>
                    <a:lnTo>
                      <a:pt x="747" y="2886"/>
                    </a:lnTo>
                    <a:lnTo>
                      <a:pt x="750" y="2881"/>
                    </a:lnTo>
                    <a:lnTo>
                      <a:pt x="756" y="2874"/>
                    </a:lnTo>
                    <a:lnTo>
                      <a:pt x="760" y="2869"/>
                    </a:lnTo>
                    <a:lnTo>
                      <a:pt x="762" y="2863"/>
                    </a:lnTo>
                    <a:lnTo>
                      <a:pt x="763" y="2856"/>
                    </a:lnTo>
                    <a:lnTo>
                      <a:pt x="762" y="2854"/>
                    </a:lnTo>
                    <a:lnTo>
                      <a:pt x="760" y="2850"/>
                    </a:lnTo>
                    <a:lnTo>
                      <a:pt x="756" y="2847"/>
                    </a:lnTo>
                    <a:lnTo>
                      <a:pt x="750" y="2845"/>
                    </a:lnTo>
                    <a:lnTo>
                      <a:pt x="739" y="2839"/>
                    </a:lnTo>
                    <a:lnTo>
                      <a:pt x="725" y="2834"/>
                    </a:lnTo>
                    <a:lnTo>
                      <a:pt x="710" y="2829"/>
                    </a:lnTo>
                    <a:lnTo>
                      <a:pt x="699" y="2824"/>
                    </a:lnTo>
                    <a:lnTo>
                      <a:pt x="693" y="2821"/>
                    </a:lnTo>
                    <a:lnTo>
                      <a:pt x="691" y="2819"/>
                    </a:lnTo>
                    <a:lnTo>
                      <a:pt x="688" y="2816"/>
                    </a:lnTo>
                    <a:lnTo>
                      <a:pt x="687" y="2812"/>
                    </a:lnTo>
                    <a:lnTo>
                      <a:pt x="688" y="2808"/>
                    </a:lnTo>
                    <a:lnTo>
                      <a:pt x="691" y="2806"/>
                    </a:lnTo>
                    <a:lnTo>
                      <a:pt x="693" y="2802"/>
                    </a:lnTo>
                    <a:lnTo>
                      <a:pt x="697" y="2799"/>
                    </a:lnTo>
                    <a:lnTo>
                      <a:pt x="708" y="2793"/>
                    </a:lnTo>
                    <a:lnTo>
                      <a:pt x="719" y="2788"/>
                    </a:lnTo>
                    <a:lnTo>
                      <a:pt x="731" y="2781"/>
                    </a:lnTo>
                    <a:lnTo>
                      <a:pt x="740" y="2773"/>
                    </a:lnTo>
                    <a:lnTo>
                      <a:pt x="744" y="2769"/>
                    </a:lnTo>
                    <a:lnTo>
                      <a:pt x="747" y="2764"/>
                    </a:lnTo>
                    <a:lnTo>
                      <a:pt x="749" y="2759"/>
                    </a:lnTo>
                    <a:lnTo>
                      <a:pt x="749" y="2753"/>
                    </a:lnTo>
                    <a:lnTo>
                      <a:pt x="749" y="2751"/>
                    </a:lnTo>
                    <a:lnTo>
                      <a:pt x="738" y="2751"/>
                    </a:lnTo>
                    <a:lnTo>
                      <a:pt x="726" y="2753"/>
                    </a:lnTo>
                    <a:lnTo>
                      <a:pt x="714" y="2751"/>
                    </a:lnTo>
                    <a:lnTo>
                      <a:pt x="704" y="2749"/>
                    </a:lnTo>
                    <a:lnTo>
                      <a:pt x="700" y="2747"/>
                    </a:lnTo>
                    <a:lnTo>
                      <a:pt x="699" y="2746"/>
                    </a:lnTo>
                    <a:lnTo>
                      <a:pt x="697" y="2743"/>
                    </a:lnTo>
                    <a:lnTo>
                      <a:pt x="696" y="2741"/>
                    </a:lnTo>
                    <a:lnTo>
                      <a:pt x="697" y="2733"/>
                    </a:lnTo>
                    <a:lnTo>
                      <a:pt x="700" y="2724"/>
                    </a:lnTo>
                    <a:lnTo>
                      <a:pt x="703" y="2714"/>
                    </a:lnTo>
                    <a:lnTo>
                      <a:pt x="705" y="2705"/>
                    </a:lnTo>
                    <a:lnTo>
                      <a:pt x="708" y="2696"/>
                    </a:lnTo>
                    <a:lnTo>
                      <a:pt x="708" y="2689"/>
                    </a:lnTo>
                    <a:lnTo>
                      <a:pt x="706" y="2683"/>
                    </a:lnTo>
                    <a:lnTo>
                      <a:pt x="704" y="2679"/>
                    </a:lnTo>
                    <a:lnTo>
                      <a:pt x="701" y="2676"/>
                    </a:lnTo>
                    <a:lnTo>
                      <a:pt x="699" y="2676"/>
                    </a:lnTo>
                    <a:lnTo>
                      <a:pt x="692" y="2677"/>
                    </a:lnTo>
                    <a:lnTo>
                      <a:pt x="686" y="2681"/>
                    </a:lnTo>
                    <a:lnTo>
                      <a:pt x="677" y="2685"/>
                    </a:lnTo>
                    <a:lnTo>
                      <a:pt x="669" y="2688"/>
                    </a:lnTo>
                    <a:lnTo>
                      <a:pt x="664" y="2689"/>
                    </a:lnTo>
                    <a:lnTo>
                      <a:pt x="660" y="2688"/>
                    </a:lnTo>
                    <a:lnTo>
                      <a:pt x="655" y="2685"/>
                    </a:lnTo>
                    <a:lnTo>
                      <a:pt x="651" y="2681"/>
                    </a:lnTo>
                    <a:lnTo>
                      <a:pt x="644" y="2671"/>
                    </a:lnTo>
                    <a:lnTo>
                      <a:pt x="638" y="2658"/>
                    </a:lnTo>
                    <a:lnTo>
                      <a:pt x="633" y="2645"/>
                    </a:lnTo>
                    <a:lnTo>
                      <a:pt x="627" y="2633"/>
                    </a:lnTo>
                    <a:lnTo>
                      <a:pt x="625" y="2627"/>
                    </a:lnTo>
                    <a:lnTo>
                      <a:pt x="621" y="2623"/>
                    </a:lnTo>
                    <a:lnTo>
                      <a:pt x="617" y="2619"/>
                    </a:lnTo>
                    <a:lnTo>
                      <a:pt x="613" y="2618"/>
                    </a:lnTo>
                    <a:lnTo>
                      <a:pt x="609" y="2617"/>
                    </a:lnTo>
                    <a:lnTo>
                      <a:pt x="605" y="2617"/>
                    </a:lnTo>
                    <a:lnTo>
                      <a:pt x="602" y="2618"/>
                    </a:lnTo>
                    <a:lnTo>
                      <a:pt x="598" y="2619"/>
                    </a:lnTo>
                    <a:lnTo>
                      <a:pt x="590" y="2626"/>
                    </a:lnTo>
                    <a:lnTo>
                      <a:pt x="583" y="2633"/>
                    </a:lnTo>
                    <a:lnTo>
                      <a:pt x="578" y="2642"/>
                    </a:lnTo>
                    <a:lnTo>
                      <a:pt x="573" y="2652"/>
                    </a:lnTo>
                    <a:lnTo>
                      <a:pt x="568" y="2664"/>
                    </a:lnTo>
                    <a:lnTo>
                      <a:pt x="561" y="2674"/>
                    </a:lnTo>
                    <a:lnTo>
                      <a:pt x="555" y="2679"/>
                    </a:lnTo>
                    <a:lnTo>
                      <a:pt x="548" y="2681"/>
                    </a:lnTo>
                    <a:lnTo>
                      <a:pt x="530" y="2684"/>
                    </a:lnTo>
                    <a:lnTo>
                      <a:pt x="507" y="2692"/>
                    </a:lnTo>
                    <a:lnTo>
                      <a:pt x="493" y="2699"/>
                    </a:lnTo>
                    <a:lnTo>
                      <a:pt x="478" y="2711"/>
                    </a:lnTo>
                    <a:lnTo>
                      <a:pt x="464" y="2723"/>
                    </a:lnTo>
                    <a:lnTo>
                      <a:pt x="450" y="2732"/>
                    </a:lnTo>
                    <a:lnTo>
                      <a:pt x="425" y="2742"/>
                    </a:lnTo>
                    <a:lnTo>
                      <a:pt x="401" y="2750"/>
                    </a:lnTo>
                    <a:lnTo>
                      <a:pt x="389" y="2753"/>
                    </a:lnTo>
                    <a:lnTo>
                      <a:pt x="376" y="2755"/>
                    </a:lnTo>
                    <a:lnTo>
                      <a:pt x="364" y="2756"/>
                    </a:lnTo>
                    <a:lnTo>
                      <a:pt x="353" y="2758"/>
                    </a:lnTo>
                    <a:lnTo>
                      <a:pt x="341" y="2758"/>
                    </a:lnTo>
                    <a:lnTo>
                      <a:pt x="329" y="2756"/>
                    </a:lnTo>
                    <a:lnTo>
                      <a:pt x="318" y="2754"/>
                    </a:lnTo>
                    <a:lnTo>
                      <a:pt x="306" y="2750"/>
                    </a:lnTo>
                    <a:lnTo>
                      <a:pt x="294" y="2746"/>
                    </a:lnTo>
                    <a:lnTo>
                      <a:pt x="283" y="2740"/>
                    </a:lnTo>
                    <a:lnTo>
                      <a:pt x="271" y="2733"/>
                    </a:lnTo>
                    <a:lnTo>
                      <a:pt x="261" y="2724"/>
                    </a:lnTo>
                    <a:lnTo>
                      <a:pt x="240" y="2706"/>
                    </a:lnTo>
                    <a:lnTo>
                      <a:pt x="231" y="2701"/>
                    </a:lnTo>
                    <a:lnTo>
                      <a:pt x="228" y="2702"/>
                    </a:lnTo>
                    <a:lnTo>
                      <a:pt x="226" y="2709"/>
                    </a:lnTo>
                    <a:lnTo>
                      <a:pt x="223" y="2719"/>
                    </a:lnTo>
                    <a:lnTo>
                      <a:pt x="219" y="2732"/>
                    </a:lnTo>
                    <a:lnTo>
                      <a:pt x="214" y="2743"/>
                    </a:lnTo>
                    <a:lnTo>
                      <a:pt x="209" y="2753"/>
                    </a:lnTo>
                    <a:lnTo>
                      <a:pt x="202" y="2763"/>
                    </a:lnTo>
                    <a:lnTo>
                      <a:pt x="197" y="2773"/>
                    </a:lnTo>
                    <a:lnTo>
                      <a:pt x="196" y="2777"/>
                    </a:lnTo>
                    <a:lnTo>
                      <a:pt x="196" y="2780"/>
                    </a:lnTo>
                    <a:lnTo>
                      <a:pt x="197" y="2784"/>
                    </a:lnTo>
                    <a:lnTo>
                      <a:pt x="197" y="2786"/>
                    </a:lnTo>
                    <a:lnTo>
                      <a:pt x="201" y="2791"/>
                    </a:lnTo>
                    <a:lnTo>
                      <a:pt x="206" y="2797"/>
                    </a:lnTo>
                    <a:lnTo>
                      <a:pt x="212" y="2800"/>
                    </a:lnTo>
                    <a:lnTo>
                      <a:pt x="215" y="2803"/>
                    </a:lnTo>
                    <a:lnTo>
                      <a:pt x="218" y="2807"/>
                    </a:lnTo>
                    <a:lnTo>
                      <a:pt x="219" y="2810"/>
                    </a:lnTo>
                    <a:lnTo>
                      <a:pt x="217" y="2815"/>
                    </a:lnTo>
                    <a:lnTo>
                      <a:pt x="213" y="2821"/>
                    </a:lnTo>
                    <a:lnTo>
                      <a:pt x="209" y="2828"/>
                    </a:lnTo>
                    <a:lnTo>
                      <a:pt x="204" y="2834"/>
                    </a:lnTo>
                    <a:lnTo>
                      <a:pt x="195" y="2846"/>
                    </a:lnTo>
                    <a:lnTo>
                      <a:pt x="191" y="2854"/>
                    </a:lnTo>
                    <a:lnTo>
                      <a:pt x="200" y="2857"/>
                    </a:lnTo>
                    <a:lnTo>
                      <a:pt x="213" y="2864"/>
                    </a:lnTo>
                    <a:lnTo>
                      <a:pt x="225" y="2872"/>
                    </a:lnTo>
                    <a:lnTo>
                      <a:pt x="236" y="2878"/>
                    </a:lnTo>
                    <a:lnTo>
                      <a:pt x="244" y="2879"/>
                    </a:lnTo>
                    <a:lnTo>
                      <a:pt x="254" y="2881"/>
                    </a:lnTo>
                    <a:lnTo>
                      <a:pt x="258" y="2882"/>
                    </a:lnTo>
                    <a:lnTo>
                      <a:pt x="263" y="2883"/>
                    </a:lnTo>
                    <a:lnTo>
                      <a:pt x="266" y="2885"/>
                    </a:lnTo>
                    <a:lnTo>
                      <a:pt x="269" y="2887"/>
                    </a:lnTo>
                    <a:lnTo>
                      <a:pt x="270" y="2890"/>
                    </a:lnTo>
                    <a:lnTo>
                      <a:pt x="272" y="2894"/>
                    </a:lnTo>
                    <a:lnTo>
                      <a:pt x="274" y="2899"/>
                    </a:lnTo>
                    <a:lnTo>
                      <a:pt x="275" y="2905"/>
                    </a:lnTo>
                    <a:lnTo>
                      <a:pt x="276" y="2920"/>
                    </a:lnTo>
                    <a:lnTo>
                      <a:pt x="278" y="2929"/>
                    </a:lnTo>
                    <a:lnTo>
                      <a:pt x="272" y="2938"/>
                    </a:lnTo>
                    <a:lnTo>
                      <a:pt x="269" y="2951"/>
                    </a:lnTo>
                    <a:lnTo>
                      <a:pt x="266" y="2964"/>
                    </a:lnTo>
                    <a:lnTo>
                      <a:pt x="263" y="2975"/>
                    </a:lnTo>
                    <a:lnTo>
                      <a:pt x="263" y="2981"/>
                    </a:lnTo>
                    <a:lnTo>
                      <a:pt x="267" y="2984"/>
                    </a:lnTo>
                    <a:lnTo>
                      <a:pt x="272" y="2990"/>
                    </a:lnTo>
                    <a:lnTo>
                      <a:pt x="278" y="2995"/>
                    </a:lnTo>
                    <a:lnTo>
                      <a:pt x="284" y="3001"/>
                    </a:lnTo>
                    <a:lnTo>
                      <a:pt x="289" y="3008"/>
                    </a:lnTo>
                    <a:lnTo>
                      <a:pt x="292" y="3012"/>
                    </a:lnTo>
                    <a:lnTo>
                      <a:pt x="294" y="3016"/>
                    </a:lnTo>
                    <a:lnTo>
                      <a:pt x="294" y="3021"/>
                    </a:lnTo>
                    <a:lnTo>
                      <a:pt x="296" y="3026"/>
                    </a:lnTo>
                    <a:lnTo>
                      <a:pt x="294" y="3049"/>
                    </a:lnTo>
                    <a:lnTo>
                      <a:pt x="292" y="3079"/>
                    </a:lnTo>
                    <a:lnTo>
                      <a:pt x="289" y="3095"/>
                    </a:lnTo>
                    <a:lnTo>
                      <a:pt x="285" y="3107"/>
                    </a:lnTo>
                    <a:lnTo>
                      <a:pt x="282" y="3119"/>
                    </a:lnTo>
                    <a:lnTo>
                      <a:pt x="275" y="3128"/>
                    </a:lnTo>
                    <a:lnTo>
                      <a:pt x="270" y="3136"/>
                    </a:lnTo>
                    <a:lnTo>
                      <a:pt x="263" y="3142"/>
                    </a:lnTo>
                    <a:lnTo>
                      <a:pt x="259" y="3150"/>
                    </a:lnTo>
                    <a:lnTo>
                      <a:pt x="256" y="3158"/>
                    </a:lnTo>
                    <a:lnTo>
                      <a:pt x="253" y="3166"/>
                    </a:lnTo>
                    <a:lnTo>
                      <a:pt x="250" y="3174"/>
                    </a:lnTo>
                    <a:lnTo>
                      <a:pt x="249" y="3184"/>
                    </a:lnTo>
                    <a:lnTo>
                      <a:pt x="249" y="3194"/>
                    </a:lnTo>
                    <a:lnTo>
                      <a:pt x="249" y="3201"/>
                    </a:lnTo>
                    <a:lnTo>
                      <a:pt x="250" y="3205"/>
                    </a:lnTo>
                    <a:lnTo>
                      <a:pt x="252" y="3207"/>
                    </a:lnTo>
                    <a:lnTo>
                      <a:pt x="254" y="3209"/>
                    </a:lnTo>
                    <a:lnTo>
                      <a:pt x="257" y="3210"/>
                    </a:lnTo>
                    <a:lnTo>
                      <a:pt x="259" y="3209"/>
                    </a:lnTo>
                    <a:lnTo>
                      <a:pt x="262" y="3206"/>
                    </a:lnTo>
                    <a:lnTo>
                      <a:pt x="266" y="3203"/>
                    </a:lnTo>
                    <a:lnTo>
                      <a:pt x="279" y="3189"/>
                    </a:lnTo>
                    <a:lnTo>
                      <a:pt x="289" y="3177"/>
                    </a:lnTo>
                    <a:lnTo>
                      <a:pt x="292" y="3175"/>
                    </a:lnTo>
                    <a:lnTo>
                      <a:pt x="296" y="3175"/>
                    </a:lnTo>
                    <a:lnTo>
                      <a:pt x="298" y="3177"/>
                    </a:lnTo>
                    <a:lnTo>
                      <a:pt x="300" y="3181"/>
                    </a:lnTo>
                    <a:lnTo>
                      <a:pt x="302" y="3193"/>
                    </a:lnTo>
                    <a:lnTo>
                      <a:pt x="305" y="3210"/>
                    </a:lnTo>
                    <a:lnTo>
                      <a:pt x="305" y="3244"/>
                    </a:lnTo>
                    <a:lnTo>
                      <a:pt x="305" y="3264"/>
                    </a:lnTo>
                    <a:lnTo>
                      <a:pt x="305" y="3275"/>
                    </a:lnTo>
                    <a:lnTo>
                      <a:pt x="305" y="3286"/>
                    </a:lnTo>
                    <a:lnTo>
                      <a:pt x="304" y="3293"/>
                    </a:lnTo>
                    <a:lnTo>
                      <a:pt x="302" y="3298"/>
                    </a:lnTo>
                    <a:lnTo>
                      <a:pt x="301" y="3302"/>
                    </a:lnTo>
                    <a:lnTo>
                      <a:pt x="298" y="3306"/>
                    </a:lnTo>
                    <a:lnTo>
                      <a:pt x="296" y="3307"/>
                    </a:lnTo>
                    <a:lnTo>
                      <a:pt x="294" y="3307"/>
                    </a:lnTo>
                    <a:lnTo>
                      <a:pt x="292" y="3307"/>
                    </a:lnTo>
                    <a:lnTo>
                      <a:pt x="291" y="3304"/>
                    </a:lnTo>
                    <a:lnTo>
                      <a:pt x="287" y="3301"/>
                    </a:lnTo>
                    <a:lnTo>
                      <a:pt x="283" y="3295"/>
                    </a:lnTo>
                    <a:lnTo>
                      <a:pt x="280" y="3289"/>
                    </a:lnTo>
                    <a:lnTo>
                      <a:pt x="276" y="3284"/>
                    </a:lnTo>
                    <a:lnTo>
                      <a:pt x="272" y="3280"/>
                    </a:lnTo>
                    <a:lnTo>
                      <a:pt x="269" y="3278"/>
                    </a:lnTo>
                    <a:lnTo>
                      <a:pt x="265" y="3293"/>
                    </a:lnTo>
                    <a:lnTo>
                      <a:pt x="258" y="3306"/>
                    </a:lnTo>
                    <a:lnTo>
                      <a:pt x="253" y="3320"/>
                    </a:lnTo>
                    <a:lnTo>
                      <a:pt x="249" y="3335"/>
                    </a:lnTo>
                    <a:lnTo>
                      <a:pt x="236" y="3420"/>
                    </a:lnTo>
                    <a:lnTo>
                      <a:pt x="228" y="3435"/>
                    </a:lnTo>
                    <a:lnTo>
                      <a:pt x="221" y="3451"/>
                    </a:lnTo>
                    <a:lnTo>
                      <a:pt x="215" y="3466"/>
                    </a:lnTo>
                    <a:lnTo>
                      <a:pt x="212" y="3483"/>
                    </a:lnTo>
                    <a:lnTo>
                      <a:pt x="212" y="3491"/>
                    </a:lnTo>
                    <a:lnTo>
                      <a:pt x="212" y="3499"/>
                    </a:lnTo>
                    <a:lnTo>
                      <a:pt x="214" y="3506"/>
                    </a:lnTo>
                    <a:lnTo>
                      <a:pt x="217" y="3513"/>
                    </a:lnTo>
                    <a:lnTo>
                      <a:pt x="221" y="3519"/>
                    </a:lnTo>
                    <a:lnTo>
                      <a:pt x="226" y="3526"/>
                    </a:lnTo>
                    <a:lnTo>
                      <a:pt x="234" y="3532"/>
                    </a:lnTo>
                    <a:lnTo>
                      <a:pt x="243" y="3538"/>
                    </a:lnTo>
                    <a:lnTo>
                      <a:pt x="243" y="3540"/>
                    </a:lnTo>
                    <a:lnTo>
                      <a:pt x="241" y="3543"/>
                    </a:lnTo>
                    <a:lnTo>
                      <a:pt x="240" y="3545"/>
                    </a:lnTo>
                    <a:lnTo>
                      <a:pt x="237" y="3547"/>
                    </a:lnTo>
                    <a:lnTo>
                      <a:pt x="236" y="3549"/>
                    </a:lnTo>
                    <a:lnTo>
                      <a:pt x="235" y="3551"/>
                    </a:lnTo>
                    <a:lnTo>
                      <a:pt x="232" y="3551"/>
                    </a:lnTo>
                    <a:lnTo>
                      <a:pt x="231" y="3549"/>
                    </a:lnTo>
                    <a:lnTo>
                      <a:pt x="226" y="3548"/>
                    </a:lnTo>
                    <a:lnTo>
                      <a:pt x="219" y="3544"/>
                    </a:lnTo>
                    <a:lnTo>
                      <a:pt x="208" y="3535"/>
                    </a:lnTo>
                    <a:lnTo>
                      <a:pt x="200" y="3531"/>
                    </a:lnTo>
                    <a:lnTo>
                      <a:pt x="190" y="3531"/>
                    </a:lnTo>
                    <a:lnTo>
                      <a:pt x="184" y="3531"/>
                    </a:lnTo>
                    <a:lnTo>
                      <a:pt x="182" y="3532"/>
                    </a:lnTo>
                    <a:lnTo>
                      <a:pt x="182" y="3534"/>
                    </a:lnTo>
                    <a:lnTo>
                      <a:pt x="184" y="3540"/>
                    </a:lnTo>
                    <a:lnTo>
                      <a:pt x="190" y="3551"/>
                    </a:lnTo>
                    <a:lnTo>
                      <a:pt x="190" y="3563"/>
                    </a:lnTo>
                    <a:lnTo>
                      <a:pt x="188" y="3578"/>
                    </a:lnTo>
                    <a:lnTo>
                      <a:pt x="190" y="3584"/>
                    </a:lnTo>
                    <a:lnTo>
                      <a:pt x="191" y="3589"/>
                    </a:lnTo>
                    <a:lnTo>
                      <a:pt x="192" y="3591"/>
                    </a:lnTo>
                    <a:lnTo>
                      <a:pt x="195" y="3592"/>
                    </a:lnTo>
                    <a:lnTo>
                      <a:pt x="197" y="3593"/>
                    </a:lnTo>
                    <a:lnTo>
                      <a:pt x="201" y="3593"/>
                    </a:lnTo>
                    <a:lnTo>
                      <a:pt x="212" y="3591"/>
                    </a:lnTo>
                    <a:lnTo>
                      <a:pt x="223" y="3586"/>
                    </a:lnTo>
                    <a:lnTo>
                      <a:pt x="236" y="3579"/>
                    </a:lnTo>
                    <a:lnTo>
                      <a:pt x="249" y="3574"/>
                    </a:lnTo>
                    <a:lnTo>
                      <a:pt x="254" y="3571"/>
                    </a:lnTo>
                    <a:lnTo>
                      <a:pt x="259" y="3571"/>
                    </a:lnTo>
                    <a:lnTo>
                      <a:pt x="265" y="3571"/>
                    </a:lnTo>
                    <a:lnTo>
                      <a:pt x="270" y="3571"/>
                    </a:lnTo>
                    <a:lnTo>
                      <a:pt x="274" y="3575"/>
                    </a:lnTo>
                    <a:lnTo>
                      <a:pt x="276" y="3579"/>
                    </a:lnTo>
                    <a:lnTo>
                      <a:pt x="279" y="3586"/>
                    </a:lnTo>
                    <a:lnTo>
                      <a:pt x="280" y="3595"/>
                    </a:lnTo>
                    <a:lnTo>
                      <a:pt x="280" y="3611"/>
                    </a:lnTo>
                    <a:lnTo>
                      <a:pt x="280" y="3639"/>
                    </a:lnTo>
                    <a:lnTo>
                      <a:pt x="280" y="3665"/>
                    </a:lnTo>
                    <a:lnTo>
                      <a:pt x="282" y="3676"/>
                    </a:lnTo>
                    <a:lnTo>
                      <a:pt x="285" y="3679"/>
                    </a:lnTo>
                    <a:lnTo>
                      <a:pt x="294" y="3680"/>
                    </a:lnTo>
                    <a:lnTo>
                      <a:pt x="305" y="3681"/>
                    </a:lnTo>
                    <a:lnTo>
                      <a:pt x="318" y="3681"/>
                    </a:lnTo>
                    <a:lnTo>
                      <a:pt x="331" y="3683"/>
                    </a:lnTo>
                    <a:lnTo>
                      <a:pt x="344" y="3684"/>
                    </a:lnTo>
                    <a:lnTo>
                      <a:pt x="355" y="3685"/>
                    </a:lnTo>
                    <a:lnTo>
                      <a:pt x="363" y="3688"/>
                    </a:lnTo>
                    <a:lnTo>
                      <a:pt x="372" y="3690"/>
                    </a:lnTo>
                    <a:lnTo>
                      <a:pt x="381" y="3692"/>
                    </a:lnTo>
                    <a:lnTo>
                      <a:pt x="392" y="3692"/>
                    </a:lnTo>
                    <a:lnTo>
                      <a:pt x="402" y="3690"/>
                    </a:lnTo>
                    <a:lnTo>
                      <a:pt x="411" y="3688"/>
                    </a:lnTo>
                    <a:lnTo>
                      <a:pt x="420" y="3684"/>
                    </a:lnTo>
                    <a:lnTo>
                      <a:pt x="428" y="3679"/>
                    </a:lnTo>
                    <a:lnTo>
                      <a:pt x="436" y="3672"/>
                    </a:lnTo>
                    <a:lnTo>
                      <a:pt x="441" y="3665"/>
                    </a:lnTo>
                    <a:lnTo>
                      <a:pt x="445" y="3657"/>
                    </a:lnTo>
                    <a:lnTo>
                      <a:pt x="446" y="3650"/>
                    </a:lnTo>
                    <a:lnTo>
                      <a:pt x="446" y="3642"/>
                    </a:lnTo>
                    <a:lnTo>
                      <a:pt x="442" y="3627"/>
                    </a:lnTo>
                    <a:lnTo>
                      <a:pt x="436" y="3611"/>
                    </a:lnTo>
                    <a:lnTo>
                      <a:pt x="433" y="3602"/>
                    </a:lnTo>
                    <a:lnTo>
                      <a:pt x="433" y="3596"/>
                    </a:lnTo>
                    <a:lnTo>
                      <a:pt x="432" y="3591"/>
                    </a:lnTo>
                    <a:lnTo>
                      <a:pt x="433" y="3587"/>
                    </a:lnTo>
                    <a:lnTo>
                      <a:pt x="438" y="3578"/>
                    </a:lnTo>
                    <a:lnTo>
                      <a:pt x="449" y="3567"/>
                    </a:lnTo>
                    <a:lnTo>
                      <a:pt x="450" y="3563"/>
                    </a:lnTo>
                    <a:lnTo>
                      <a:pt x="451" y="3560"/>
                    </a:lnTo>
                    <a:lnTo>
                      <a:pt x="451" y="3553"/>
                    </a:lnTo>
                    <a:lnTo>
                      <a:pt x="450" y="3548"/>
                    </a:lnTo>
                    <a:lnTo>
                      <a:pt x="447" y="3534"/>
                    </a:lnTo>
                    <a:lnTo>
                      <a:pt x="443" y="3518"/>
                    </a:lnTo>
                    <a:lnTo>
                      <a:pt x="440" y="3504"/>
                    </a:lnTo>
                    <a:lnTo>
                      <a:pt x="437" y="3492"/>
                    </a:lnTo>
                    <a:lnTo>
                      <a:pt x="437" y="3487"/>
                    </a:lnTo>
                    <a:lnTo>
                      <a:pt x="438" y="3483"/>
                    </a:lnTo>
                    <a:lnTo>
                      <a:pt x="440" y="3479"/>
                    </a:lnTo>
                    <a:lnTo>
                      <a:pt x="442" y="3478"/>
                    </a:lnTo>
                    <a:lnTo>
                      <a:pt x="447" y="3478"/>
                    </a:lnTo>
                    <a:lnTo>
                      <a:pt x="454" y="3479"/>
                    </a:lnTo>
                    <a:lnTo>
                      <a:pt x="462" y="3482"/>
                    </a:lnTo>
                    <a:lnTo>
                      <a:pt x="471" y="3486"/>
                    </a:lnTo>
                    <a:lnTo>
                      <a:pt x="493" y="3496"/>
                    </a:lnTo>
                    <a:lnTo>
                      <a:pt x="517" y="3508"/>
                    </a:lnTo>
                    <a:lnTo>
                      <a:pt x="542" y="3521"/>
                    </a:lnTo>
                    <a:lnTo>
                      <a:pt x="563" y="3534"/>
                    </a:lnTo>
                    <a:lnTo>
                      <a:pt x="572" y="3540"/>
                    </a:lnTo>
                    <a:lnTo>
                      <a:pt x="578" y="3545"/>
                    </a:lnTo>
                    <a:lnTo>
                      <a:pt x="583" y="3551"/>
                    </a:lnTo>
                    <a:lnTo>
                      <a:pt x="587" y="3554"/>
                    </a:lnTo>
                    <a:lnTo>
                      <a:pt x="591" y="3566"/>
                    </a:lnTo>
                    <a:lnTo>
                      <a:pt x="598" y="3582"/>
                    </a:lnTo>
                    <a:lnTo>
                      <a:pt x="602" y="3589"/>
                    </a:lnTo>
                    <a:lnTo>
                      <a:pt x="604" y="3597"/>
                    </a:lnTo>
                    <a:lnTo>
                      <a:pt x="608" y="3601"/>
                    </a:lnTo>
                    <a:lnTo>
                      <a:pt x="609" y="3604"/>
                    </a:lnTo>
                    <a:lnTo>
                      <a:pt x="614" y="3604"/>
                    </a:lnTo>
                    <a:lnTo>
                      <a:pt x="620" y="3602"/>
                    </a:lnTo>
                    <a:lnTo>
                      <a:pt x="624" y="3600"/>
                    </a:lnTo>
                    <a:lnTo>
                      <a:pt x="626" y="3597"/>
                    </a:lnTo>
                    <a:lnTo>
                      <a:pt x="630" y="3589"/>
                    </a:lnTo>
                    <a:lnTo>
                      <a:pt x="633" y="3580"/>
                    </a:lnTo>
                    <a:lnTo>
                      <a:pt x="636" y="3560"/>
                    </a:lnTo>
                    <a:lnTo>
                      <a:pt x="642" y="3541"/>
                    </a:lnTo>
                    <a:lnTo>
                      <a:pt x="648" y="3512"/>
                    </a:lnTo>
                    <a:close/>
                    <a:moveTo>
                      <a:pt x="1072" y="2004"/>
                    </a:moveTo>
                    <a:lnTo>
                      <a:pt x="1068" y="1996"/>
                    </a:lnTo>
                    <a:lnTo>
                      <a:pt x="1064" y="1991"/>
                    </a:lnTo>
                    <a:lnTo>
                      <a:pt x="1058" y="1987"/>
                    </a:lnTo>
                    <a:lnTo>
                      <a:pt x="1050" y="1983"/>
                    </a:lnTo>
                    <a:lnTo>
                      <a:pt x="1034" y="1979"/>
                    </a:lnTo>
                    <a:lnTo>
                      <a:pt x="1020" y="1975"/>
                    </a:lnTo>
                    <a:lnTo>
                      <a:pt x="1011" y="1973"/>
                    </a:lnTo>
                    <a:lnTo>
                      <a:pt x="1003" y="1969"/>
                    </a:lnTo>
                    <a:lnTo>
                      <a:pt x="997" y="1964"/>
                    </a:lnTo>
                    <a:lnTo>
                      <a:pt x="991" y="1957"/>
                    </a:lnTo>
                    <a:lnTo>
                      <a:pt x="989" y="1952"/>
                    </a:lnTo>
                    <a:lnTo>
                      <a:pt x="988" y="1948"/>
                    </a:lnTo>
                    <a:lnTo>
                      <a:pt x="986" y="1946"/>
                    </a:lnTo>
                    <a:lnTo>
                      <a:pt x="986" y="1943"/>
                    </a:lnTo>
                    <a:lnTo>
                      <a:pt x="988" y="1940"/>
                    </a:lnTo>
                    <a:lnTo>
                      <a:pt x="990" y="1939"/>
                    </a:lnTo>
                    <a:lnTo>
                      <a:pt x="993" y="1939"/>
                    </a:lnTo>
                    <a:lnTo>
                      <a:pt x="995" y="1939"/>
                    </a:lnTo>
                    <a:lnTo>
                      <a:pt x="1010" y="1942"/>
                    </a:lnTo>
                    <a:lnTo>
                      <a:pt x="1023" y="1946"/>
                    </a:lnTo>
                    <a:lnTo>
                      <a:pt x="1028" y="1947"/>
                    </a:lnTo>
                    <a:lnTo>
                      <a:pt x="1033" y="1947"/>
                    </a:lnTo>
                    <a:lnTo>
                      <a:pt x="1039" y="1946"/>
                    </a:lnTo>
                    <a:lnTo>
                      <a:pt x="1046" y="1944"/>
                    </a:lnTo>
                    <a:lnTo>
                      <a:pt x="1058" y="1942"/>
                    </a:lnTo>
                    <a:lnTo>
                      <a:pt x="1069" y="1938"/>
                    </a:lnTo>
                    <a:lnTo>
                      <a:pt x="1073" y="1935"/>
                    </a:lnTo>
                    <a:lnTo>
                      <a:pt x="1080" y="1931"/>
                    </a:lnTo>
                    <a:lnTo>
                      <a:pt x="1082" y="1930"/>
                    </a:lnTo>
                    <a:lnTo>
                      <a:pt x="1085" y="1930"/>
                    </a:lnTo>
                    <a:lnTo>
                      <a:pt x="1087" y="1930"/>
                    </a:lnTo>
                    <a:lnTo>
                      <a:pt x="1087" y="1933"/>
                    </a:lnTo>
                    <a:lnTo>
                      <a:pt x="1089" y="1944"/>
                    </a:lnTo>
                    <a:lnTo>
                      <a:pt x="1090" y="1955"/>
                    </a:lnTo>
                    <a:lnTo>
                      <a:pt x="1091" y="1966"/>
                    </a:lnTo>
                    <a:lnTo>
                      <a:pt x="1092" y="1977"/>
                    </a:lnTo>
                    <a:lnTo>
                      <a:pt x="1094" y="1987"/>
                    </a:lnTo>
                    <a:lnTo>
                      <a:pt x="1094" y="1999"/>
                    </a:lnTo>
                    <a:lnTo>
                      <a:pt x="1092" y="2004"/>
                    </a:lnTo>
                    <a:lnTo>
                      <a:pt x="1090" y="2008"/>
                    </a:lnTo>
                    <a:lnTo>
                      <a:pt x="1089" y="2009"/>
                    </a:lnTo>
                    <a:lnTo>
                      <a:pt x="1086" y="2010"/>
                    </a:lnTo>
                    <a:lnTo>
                      <a:pt x="1083" y="2010"/>
                    </a:lnTo>
                    <a:lnTo>
                      <a:pt x="1081" y="2010"/>
                    </a:lnTo>
                    <a:lnTo>
                      <a:pt x="1072" y="2004"/>
                    </a:lnTo>
                    <a:close/>
                    <a:moveTo>
                      <a:pt x="1836" y="1501"/>
                    </a:moveTo>
                    <a:lnTo>
                      <a:pt x="1826" y="1493"/>
                    </a:lnTo>
                    <a:lnTo>
                      <a:pt x="1814" y="1488"/>
                    </a:lnTo>
                    <a:lnTo>
                      <a:pt x="1808" y="1487"/>
                    </a:lnTo>
                    <a:lnTo>
                      <a:pt x="1801" y="1487"/>
                    </a:lnTo>
                    <a:lnTo>
                      <a:pt x="1795" y="1487"/>
                    </a:lnTo>
                    <a:lnTo>
                      <a:pt x="1788" y="1488"/>
                    </a:lnTo>
                    <a:lnTo>
                      <a:pt x="1784" y="1490"/>
                    </a:lnTo>
                    <a:lnTo>
                      <a:pt x="1780" y="1493"/>
                    </a:lnTo>
                    <a:lnTo>
                      <a:pt x="1777" y="1497"/>
                    </a:lnTo>
                    <a:lnTo>
                      <a:pt x="1774" y="1501"/>
                    </a:lnTo>
                    <a:lnTo>
                      <a:pt x="1770" y="1510"/>
                    </a:lnTo>
                    <a:lnTo>
                      <a:pt x="1769" y="1519"/>
                    </a:lnTo>
                    <a:lnTo>
                      <a:pt x="1769" y="1526"/>
                    </a:lnTo>
                    <a:lnTo>
                      <a:pt x="1770" y="1531"/>
                    </a:lnTo>
                    <a:lnTo>
                      <a:pt x="1773" y="1537"/>
                    </a:lnTo>
                    <a:lnTo>
                      <a:pt x="1777" y="1544"/>
                    </a:lnTo>
                    <a:lnTo>
                      <a:pt x="1780" y="1549"/>
                    </a:lnTo>
                    <a:lnTo>
                      <a:pt x="1784" y="1554"/>
                    </a:lnTo>
                    <a:lnTo>
                      <a:pt x="1788" y="1558"/>
                    </a:lnTo>
                    <a:lnTo>
                      <a:pt x="1793" y="1562"/>
                    </a:lnTo>
                    <a:lnTo>
                      <a:pt x="1799" y="1565"/>
                    </a:lnTo>
                    <a:lnTo>
                      <a:pt x="1804" y="1567"/>
                    </a:lnTo>
                    <a:lnTo>
                      <a:pt x="1809" y="1569"/>
                    </a:lnTo>
                    <a:lnTo>
                      <a:pt x="1814" y="1569"/>
                    </a:lnTo>
                    <a:lnTo>
                      <a:pt x="1824" y="1569"/>
                    </a:lnTo>
                    <a:lnTo>
                      <a:pt x="1835" y="1566"/>
                    </a:lnTo>
                    <a:lnTo>
                      <a:pt x="1839" y="1565"/>
                    </a:lnTo>
                    <a:lnTo>
                      <a:pt x="1844" y="1561"/>
                    </a:lnTo>
                    <a:lnTo>
                      <a:pt x="1846" y="1558"/>
                    </a:lnTo>
                    <a:lnTo>
                      <a:pt x="1849" y="1554"/>
                    </a:lnTo>
                    <a:lnTo>
                      <a:pt x="1852" y="1549"/>
                    </a:lnTo>
                    <a:lnTo>
                      <a:pt x="1853" y="1544"/>
                    </a:lnTo>
                    <a:lnTo>
                      <a:pt x="1853" y="1537"/>
                    </a:lnTo>
                    <a:lnTo>
                      <a:pt x="1853" y="1531"/>
                    </a:lnTo>
                    <a:lnTo>
                      <a:pt x="1836" y="1501"/>
                    </a:lnTo>
                    <a:close/>
                    <a:moveTo>
                      <a:pt x="155" y="360"/>
                    </a:moveTo>
                    <a:lnTo>
                      <a:pt x="180" y="372"/>
                    </a:lnTo>
                    <a:lnTo>
                      <a:pt x="204" y="379"/>
                    </a:lnTo>
                    <a:lnTo>
                      <a:pt x="215" y="382"/>
                    </a:lnTo>
                    <a:lnTo>
                      <a:pt x="228" y="382"/>
                    </a:lnTo>
                    <a:lnTo>
                      <a:pt x="243" y="381"/>
                    </a:lnTo>
                    <a:lnTo>
                      <a:pt x="257" y="375"/>
                    </a:lnTo>
                    <a:lnTo>
                      <a:pt x="274" y="370"/>
                    </a:lnTo>
                    <a:lnTo>
                      <a:pt x="288" y="366"/>
                    </a:lnTo>
                    <a:lnTo>
                      <a:pt x="301" y="363"/>
                    </a:lnTo>
                    <a:lnTo>
                      <a:pt x="311" y="361"/>
                    </a:lnTo>
                    <a:lnTo>
                      <a:pt x="320" y="361"/>
                    </a:lnTo>
                    <a:lnTo>
                      <a:pt x="328" y="361"/>
                    </a:lnTo>
                    <a:lnTo>
                      <a:pt x="336" y="363"/>
                    </a:lnTo>
                    <a:lnTo>
                      <a:pt x="342" y="365"/>
                    </a:lnTo>
                    <a:lnTo>
                      <a:pt x="357" y="370"/>
                    </a:lnTo>
                    <a:lnTo>
                      <a:pt x="373" y="378"/>
                    </a:lnTo>
                    <a:lnTo>
                      <a:pt x="384" y="382"/>
                    </a:lnTo>
                    <a:lnTo>
                      <a:pt x="397" y="385"/>
                    </a:lnTo>
                    <a:lnTo>
                      <a:pt x="410" y="388"/>
                    </a:lnTo>
                    <a:lnTo>
                      <a:pt x="427" y="392"/>
                    </a:lnTo>
                    <a:lnTo>
                      <a:pt x="441" y="392"/>
                    </a:lnTo>
                    <a:lnTo>
                      <a:pt x="453" y="392"/>
                    </a:lnTo>
                    <a:lnTo>
                      <a:pt x="462" y="390"/>
                    </a:lnTo>
                    <a:lnTo>
                      <a:pt x="471" y="386"/>
                    </a:lnTo>
                    <a:lnTo>
                      <a:pt x="477" y="379"/>
                    </a:lnTo>
                    <a:lnTo>
                      <a:pt x="484" y="373"/>
                    </a:lnTo>
                    <a:lnTo>
                      <a:pt x="489" y="365"/>
                    </a:lnTo>
                    <a:lnTo>
                      <a:pt x="494" y="357"/>
                    </a:lnTo>
                    <a:lnTo>
                      <a:pt x="502" y="338"/>
                    </a:lnTo>
                    <a:lnTo>
                      <a:pt x="508" y="318"/>
                    </a:lnTo>
                    <a:lnTo>
                      <a:pt x="512" y="309"/>
                    </a:lnTo>
                    <a:lnTo>
                      <a:pt x="517" y="299"/>
                    </a:lnTo>
                    <a:lnTo>
                      <a:pt x="522" y="291"/>
                    </a:lnTo>
                    <a:lnTo>
                      <a:pt x="528" y="283"/>
                    </a:lnTo>
                    <a:lnTo>
                      <a:pt x="547" y="263"/>
                    </a:lnTo>
                    <a:lnTo>
                      <a:pt x="576" y="238"/>
                    </a:lnTo>
                    <a:lnTo>
                      <a:pt x="590" y="226"/>
                    </a:lnTo>
                    <a:lnTo>
                      <a:pt x="605" y="217"/>
                    </a:lnTo>
                    <a:lnTo>
                      <a:pt x="618" y="210"/>
                    </a:lnTo>
                    <a:lnTo>
                      <a:pt x="630" y="206"/>
                    </a:lnTo>
                    <a:lnTo>
                      <a:pt x="640" y="203"/>
                    </a:lnTo>
                    <a:lnTo>
                      <a:pt x="647" y="203"/>
                    </a:lnTo>
                    <a:lnTo>
                      <a:pt x="649" y="204"/>
                    </a:lnTo>
                    <a:lnTo>
                      <a:pt x="651" y="206"/>
                    </a:lnTo>
                    <a:lnTo>
                      <a:pt x="652" y="208"/>
                    </a:lnTo>
                    <a:lnTo>
                      <a:pt x="652" y="210"/>
                    </a:lnTo>
                    <a:lnTo>
                      <a:pt x="648" y="223"/>
                    </a:lnTo>
                    <a:lnTo>
                      <a:pt x="640" y="239"/>
                    </a:lnTo>
                    <a:lnTo>
                      <a:pt x="636" y="250"/>
                    </a:lnTo>
                    <a:lnTo>
                      <a:pt x="634" y="259"/>
                    </a:lnTo>
                    <a:lnTo>
                      <a:pt x="633" y="269"/>
                    </a:lnTo>
                    <a:lnTo>
                      <a:pt x="634" y="280"/>
                    </a:lnTo>
                    <a:lnTo>
                      <a:pt x="635" y="285"/>
                    </a:lnTo>
                    <a:lnTo>
                      <a:pt x="638" y="289"/>
                    </a:lnTo>
                    <a:lnTo>
                      <a:pt x="640" y="294"/>
                    </a:lnTo>
                    <a:lnTo>
                      <a:pt x="644" y="299"/>
                    </a:lnTo>
                    <a:lnTo>
                      <a:pt x="649" y="303"/>
                    </a:lnTo>
                    <a:lnTo>
                      <a:pt x="655" y="307"/>
                    </a:lnTo>
                    <a:lnTo>
                      <a:pt x="662" y="311"/>
                    </a:lnTo>
                    <a:lnTo>
                      <a:pt x="670" y="315"/>
                    </a:lnTo>
                    <a:lnTo>
                      <a:pt x="679" y="318"/>
                    </a:lnTo>
                    <a:lnTo>
                      <a:pt x="687" y="324"/>
                    </a:lnTo>
                    <a:lnTo>
                      <a:pt x="695" y="329"/>
                    </a:lnTo>
                    <a:lnTo>
                      <a:pt x="700" y="335"/>
                    </a:lnTo>
                    <a:lnTo>
                      <a:pt x="712" y="348"/>
                    </a:lnTo>
                    <a:lnTo>
                      <a:pt x="719" y="364"/>
                    </a:lnTo>
                    <a:lnTo>
                      <a:pt x="734" y="397"/>
                    </a:lnTo>
                    <a:lnTo>
                      <a:pt x="749" y="430"/>
                    </a:lnTo>
                    <a:lnTo>
                      <a:pt x="760" y="444"/>
                    </a:lnTo>
                    <a:lnTo>
                      <a:pt x="769" y="454"/>
                    </a:lnTo>
                    <a:lnTo>
                      <a:pt x="774" y="458"/>
                    </a:lnTo>
                    <a:lnTo>
                      <a:pt x="779" y="461"/>
                    </a:lnTo>
                    <a:lnTo>
                      <a:pt x="783" y="464"/>
                    </a:lnTo>
                    <a:lnTo>
                      <a:pt x="788" y="464"/>
                    </a:lnTo>
                    <a:lnTo>
                      <a:pt x="793" y="464"/>
                    </a:lnTo>
                    <a:lnTo>
                      <a:pt x="798" y="462"/>
                    </a:lnTo>
                    <a:lnTo>
                      <a:pt x="802" y="460"/>
                    </a:lnTo>
                    <a:lnTo>
                      <a:pt x="807" y="456"/>
                    </a:lnTo>
                    <a:lnTo>
                      <a:pt x="813" y="451"/>
                    </a:lnTo>
                    <a:lnTo>
                      <a:pt x="818" y="444"/>
                    </a:lnTo>
                    <a:lnTo>
                      <a:pt x="823" y="436"/>
                    </a:lnTo>
                    <a:lnTo>
                      <a:pt x="827" y="429"/>
                    </a:lnTo>
                    <a:lnTo>
                      <a:pt x="840" y="409"/>
                    </a:lnTo>
                    <a:lnTo>
                      <a:pt x="853" y="391"/>
                    </a:lnTo>
                    <a:lnTo>
                      <a:pt x="867" y="375"/>
                    </a:lnTo>
                    <a:lnTo>
                      <a:pt x="881" y="360"/>
                    </a:lnTo>
                    <a:lnTo>
                      <a:pt x="894" y="343"/>
                    </a:lnTo>
                    <a:lnTo>
                      <a:pt x="905" y="326"/>
                    </a:lnTo>
                    <a:lnTo>
                      <a:pt x="909" y="317"/>
                    </a:lnTo>
                    <a:lnTo>
                      <a:pt x="912" y="308"/>
                    </a:lnTo>
                    <a:lnTo>
                      <a:pt x="914" y="298"/>
                    </a:lnTo>
                    <a:lnTo>
                      <a:pt x="915" y="286"/>
                    </a:lnTo>
                    <a:lnTo>
                      <a:pt x="916" y="278"/>
                    </a:lnTo>
                    <a:lnTo>
                      <a:pt x="918" y="268"/>
                    </a:lnTo>
                    <a:lnTo>
                      <a:pt x="921" y="258"/>
                    </a:lnTo>
                    <a:lnTo>
                      <a:pt x="925" y="246"/>
                    </a:lnTo>
                    <a:lnTo>
                      <a:pt x="929" y="236"/>
                    </a:lnTo>
                    <a:lnTo>
                      <a:pt x="936" y="225"/>
                    </a:lnTo>
                    <a:lnTo>
                      <a:pt x="938" y="221"/>
                    </a:lnTo>
                    <a:lnTo>
                      <a:pt x="942" y="219"/>
                    </a:lnTo>
                    <a:lnTo>
                      <a:pt x="946" y="216"/>
                    </a:lnTo>
                    <a:lnTo>
                      <a:pt x="949" y="215"/>
                    </a:lnTo>
                    <a:lnTo>
                      <a:pt x="951" y="215"/>
                    </a:lnTo>
                    <a:lnTo>
                      <a:pt x="955" y="217"/>
                    </a:lnTo>
                    <a:lnTo>
                      <a:pt x="958" y="220"/>
                    </a:lnTo>
                    <a:lnTo>
                      <a:pt x="962" y="224"/>
                    </a:lnTo>
                    <a:lnTo>
                      <a:pt x="969" y="233"/>
                    </a:lnTo>
                    <a:lnTo>
                      <a:pt x="976" y="245"/>
                    </a:lnTo>
                    <a:lnTo>
                      <a:pt x="990" y="269"/>
                    </a:lnTo>
                    <a:lnTo>
                      <a:pt x="1002" y="283"/>
                    </a:lnTo>
                    <a:lnTo>
                      <a:pt x="1016" y="290"/>
                    </a:lnTo>
                    <a:lnTo>
                      <a:pt x="1032" y="296"/>
                    </a:lnTo>
                    <a:lnTo>
                      <a:pt x="1039" y="299"/>
                    </a:lnTo>
                    <a:lnTo>
                      <a:pt x="1047" y="302"/>
                    </a:lnTo>
                    <a:lnTo>
                      <a:pt x="1055" y="303"/>
                    </a:lnTo>
                    <a:lnTo>
                      <a:pt x="1063" y="304"/>
                    </a:lnTo>
                    <a:lnTo>
                      <a:pt x="1077" y="304"/>
                    </a:lnTo>
                    <a:lnTo>
                      <a:pt x="1089" y="306"/>
                    </a:lnTo>
                    <a:lnTo>
                      <a:pt x="1100" y="308"/>
                    </a:lnTo>
                    <a:lnTo>
                      <a:pt x="1113" y="313"/>
                    </a:lnTo>
                    <a:lnTo>
                      <a:pt x="1126" y="317"/>
                    </a:lnTo>
                    <a:lnTo>
                      <a:pt x="1138" y="320"/>
                    </a:lnTo>
                    <a:lnTo>
                      <a:pt x="1148" y="322"/>
                    </a:lnTo>
                    <a:lnTo>
                      <a:pt x="1159" y="321"/>
                    </a:lnTo>
                    <a:lnTo>
                      <a:pt x="1162" y="320"/>
                    </a:lnTo>
                    <a:lnTo>
                      <a:pt x="1166" y="317"/>
                    </a:lnTo>
                    <a:lnTo>
                      <a:pt x="1169" y="315"/>
                    </a:lnTo>
                    <a:lnTo>
                      <a:pt x="1173" y="311"/>
                    </a:lnTo>
                    <a:lnTo>
                      <a:pt x="1174" y="306"/>
                    </a:lnTo>
                    <a:lnTo>
                      <a:pt x="1177" y="300"/>
                    </a:lnTo>
                    <a:lnTo>
                      <a:pt x="1177" y="293"/>
                    </a:lnTo>
                    <a:lnTo>
                      <a:pt x="1178" y="285"/>
                    </a:lnTo>
                    <a:lnTo>
                      <a:pt x="1175" y="271"/>
                    </a:lnTo>
                    <a:lnTo>
                      <a:pt x="1174" y="252"/>
                    </a:lnTo>
                    <a:lnTo>
                      <a:pt x="1174" y="243"/>
                    </a:lnTo>
                    <a:lnTo>
                      <a:pt x="1174" y="236"/>
                    </a:lnTo>
                    <a:lnTo>
                      <a:pt x="1175" y="233"/>
                    </a:lnTo>
                    <a:lnTo>
                      <a:pt x="1178" y="229"/>
                    </a:lnTo>
                    <a:lnTo>
                      <a:pt x="1179" y="228"/>
                    </a:lnTo>
                    <a:lnTo>
                      <a:pt x="1182" y="226"/>
                    </a:lnTo>
                    <a:lnTo>
                      <a:pt x="1187" y="225"/>
                    </a:lnTo>
                    <a:lnTo>
                      <a:pt x="1192" y="225"/>
                    </a:lnTo>
                    <a:lnTo>
                      <a:pt x="1199" y="225"/>
                    </a:lnTo>
                    <a:lnTo>
                      <a:pt x="1205" y="226"/>
                    </a:lnTo>
                    <a:lnTo>
                      <a:pt x="1221" y="230"/>
                    </a:lnTo>
                    <a:lnTo>
                      <a:pt x="1236" y="234"/>
                    </a:lnTo>
                    <a:lnTo>
                      <a:pt x="1244" y="236"/>
                    </a:lnTo>
                    <a:lnTo>
                      <a:pt x="1252" y="236"/>
                    </a:lnTo>
                    <a:lnTo>
                      <a:pt x="1258" y="236"/>
                    </a:lnTo>
                    <a:lnTo>
                      <a:pt x="1265" y="234"/>
                    </a:lnTo>
                    <a:lnTo>
                      <a:pt x="1271" y="230"/>
                    </a:lnTo>
                    <a:lnTo>
                      <a:pt x="1276" y="226"/>
                    </a:lnTo>
                    <a:lnTo>
                      <a:pt x="1280" y="220"/>
                    </a:lnTo>
                    <a:lnTo>
                      <a:pt x="1283" y="212"/>
                    </a:lnTo>
                    <a:lnTo>
                      <a:pt x="1286" y="206"/>
                    </a:lnTo>
                    <a:lnTo>
                      <a:pt x="1286" y="199"/>
                    </a:lnTo>
                    <a:lnTo>
                      <a:pt x="1286" y="194"/>
                    </a:lnTo>
                    <a:lnTo>
                      <a:pt x="1284" y="189"/>
                    </a:lnTo>
                    <a:lnTo>
                      <a:pt x="1282" y="179"/>
                    </a:lnTo>
                    <a:lnTo>
                      <a:pt x="1278" y="167"/>
                    </a:lnTo>
                    <a:lnTo>
                      <a:pt x="1275" y="160"/>
                    </a:lnTo>
                    <a:lnTo>
                      <a:pt x="1275" y="154"/>
                    </a:lnTo>
                    <a:lnTo>
                      <a:pt x="1275" y="147"/>
                    </a:lnTo>
                    <a:lnTo>
                      <a:pt x="1276" y="141"/>
                    </a:lnTo>
                    <a:lnTo>
                      <a:pt x="1282" y="129"/>
                    </a:lnTo>
                    <a:lnTo>
                      <a:pt x="1288" y="118"/>
                    </a:lnTo>
                    <a:lnTo>
                      <a:pt x="1313" y="76"/>
                    </a:lnTo>
                    <a:lnTo>
                      <a:pt x="1324" y="74"/>
                    </a:lnTo>
                    <a:lnTo>
                      <a:pt x="1336" y="68"/>
                    </a:lnTo>
                    <a:lnTo>
                      <a:pt x="1346" y="62"/>
                    </a:lnTo>
                    <a:lnTo>
                      <a:pt x="1355" y="54"/>
                    </a:lnTo>
                    <a:lnTo>
                      <a:pt x="1376" y="39"/>
                    </a:lnTo>
                    <a:lnTo>
                      <a:pt x="1396" y="26"/>
                    </a:lnTo>
                    <a:lnTo>
                      <a:pt x="1400" y="26"/>
                    </a:lnTo>
                    <a:lnTo>
                      <a:pt x="1406" y="27"/>
                    </a:lnTo>
                    <a:lnTo>
                      <a:pt x="1415" y="31"/>
                    </a:lnTo>
                    <a:lnTo>
                      <a:pt x="1423" y="35"/>
                    </a:lnTo>
                    <a:lnTo>
                      <a:pt x="1441" y="44"/>
                    </a:lnTo>
                    <a:lnTo>
                      <a:pt x="1455" y="49"/>
                    </a:lnTo>
                    <a:lnTo>
                      <a:pt x="1466" y="50"/>
                    </a:lnTo>
                    <a:lnTo>
                      <a:pt x="1476" y="50"/>
                    </a:lnTo>
                    <a:lnTo>
                      <a:pt x="1485" y="49"/>
                    </a:lnTo>
                    <a:lnTo>
                      <a:pt x="1495" y="46"/>
                    </a:lnTo>
                    <a:lnTo>
                      <a:pt x="1515" y="39"/>
                    </a:lnTo>
                    <a:lnTo>
                      <a:pt x="1536" y="30"/>
                    </a:lnTo>
                    <a:lnTo>
                      <a:pt x="1555" y="19"/>
                    </a:lnTo>
                    <a:lnTo>
                      <a:pt x="1574" y="10"/>
                    </a:lnTo>
                    <a:lnTo>
                      <a:pt x="1585" y="6"/>
                    </a:lnTo>
                    <a:lnTo>
                      <a:pt x="1595" y="2"/>
                    </a:lnTo>
                    <a:lnTo>
                      <a:pt x="1606" y="1"/>
                    </a:lnTo>
                    <a:lnTo>
                      <a:pt x="1616" y="0"/>
                    </a:lnTo>
                    <a:lnTo>
                      <a:pt x="1630" y="0"/>
                    </a:lnTo>
                    <a:lnTo>
                      <a:pt x="1646" y="1"/>
                    </a:lnTo>
                    <a:lnTo>
                      <a:pt x="1661" y="4"/>
                    </a:lnTo>
                    <a:lnTo>
                      <a:pt x="1677" y="6"/>
                    </a:lnTo>
                    <a:lnTo>
                      <a:pt x="1692" y="9"/>
                    </a:lnTo>
                    <a:lnTo>
                      <a:pt x="1709" y="11"/>
                    </a:lnTo>
                    <a:lnTo>
                      <a:pt x="1725" y="13"/>
                    </a:lnTo>
                    <a:lnTo>
                      <a:pt x="1740" y="14"/>
                    </a:lnTo>
                    <a:lnTo>
                      <a:pt x="1782" y="11"/>
                    </a:lnTo>
                    <a:lnTo>
                      <a:pt x="1839" y="9"/>
                    </a:lnTo>
                    <a:lnTo>
                      <a:pt x="1852" y="9"/>
                    </a:lnTo>
                    <a:lnTo>
                      <a:pt x="1866" y="10"/>
                    </a:lnTo>
                    <a:lnTo>
                      <a:pt x="1878" y="13"/>
                    </a:lnTo>
                    <a:lnTo>
                      <a:pt x="1888" y="17"/>
                    </a:lnTo>
                    <a:lnTo>
                      <a:pt x="1897" y="21"/>
                    </a:lnTo>
                    <a:lnTo>
                      <a:pt x="1905" y="26"/>
                    </a:lnTo>
                    <a:lnTo>
                      <a:pt x="1907" y="30"/>
                    </a:lnTo>
                    <a:lnTo>
                      <a:pt x="1909" y="32"/>
                    </a:lnTo>
                    <a:lnTo>
                      <a:pt x="1910" y="36"/>
                    </a:lnTo>
                    <a:lnTo>
                      <a:pt x="1911" y="41"/>
                    </a:lnTo>
                    <a:lnTo>
                      <a:pt x="1910" y="93"/>
                    </a:lnTo>
                    <a:lnTo>
                      <a:pt x="1909" y="136"/>
                    </a:lnTo>
                    <a:lnTo>
                      <a:pt x="1910" y="145"/>
                    </a:lnTo>
                    <a:lnTo>
                      <a:pt x="1913" y="154"/>
                    </a:lnTo>
                    <a:lnTo>
                      <a:pt x="1915" y="164"/>
                    </a:lnTo>
                    <a:lnTo>
                      <a:pt x="1920" y="173"/>
                    </a:lnTo>
                    <a:lnTo>
                      <a:pt x="1927" y="184"/>
                    </a:lnTo>
                    <a:lnTo>
                      <a:pt x="1935" y="194"/>
                    </a:lnTo>
                    <a:lnTo>
                      <a:pt x="1944" y="204"/>
                    </a:lnTo>
                    <a:lnTo>
                      <a:pt x="1955" y="216"/>
                    </a:lnTo>
                    <a:lnTo>
                      <a:pt x="1971" y="225"/>
                    </a:lnTo>
                    <a:lnTo>
                      <a:pt x="1985" y="232"/>
                    </a:lnTo>
                    <a:lnTo>
                      <a:pt x="1999" y="238"/>
                    </a:lnTo>
                    <a:lnTo>
                      <a:pt x="2014" y="242"/>
                    </a:lnTo>
                    <a:lnTo>
                      <a:pt x="2028" y="246"/>
                    </a:lnTo>
                    <a:lnTo>
                      <a:pt x="2043" y="249"/>
                    </a:lnTo>
                    <a:lnTo>
                      <a:pt x="2059" y="250"/>
                    </a:lnTo>
                    <a:lnTo>
                      <a:pt x="2076" y="251"/>
                    </a:lnTo>
                    <a:lnTo>
                      <a:pt x="2090" y="254"/>
                    </a:lnTo>
                    <a:lnTo>
                      <a:pt x="2104" y="256"/>
                    </a:lnTo>
                    <a:lnTo>
                      <a:pt x="2117" y="260"/>
                    </a:lnTo>
                    <a:lnTo>
                      <a:pt x="2129" y="264"/>
                    </a:lnTo>
                    <a:lnTo>
                      <a:pt x="2151" y="276"/>
                    </a:lnTo>
                    <a:lnTo>
                      <a:pt x="2173" y="287"/>
                    </a:lnTo>
                    <a:lnTo>
                      <a:pt x="2194" y="299"/>
                    </a:lnTo>
                    <a:lnTo>
                      <a:pt x="2216" y="309"/>
                    </a:lnTo>
                    <a:lnTo>
                      <a:pt x="2227" y="315"/>
                    </a:lnTo>
                    <a:lnTo>
                      <a:pt x="2239" y="318"/>
                    </a:lnTo>
                    <a:lnTo>
                      <a:pt x="2252" y="321"/>
                    </a:lnTo>
                    <a:lnTo>
                      <a:pt x="2266" y="324"/>
                    </a:lnTo>
                    <a:lnTo>
                      <a:pt x="2278" y="325"/>
                    </a:lnTo>
                    <a:lnTo>
                      <a:pt x="2288" y="328"/>
                    </a:lnTo>
                    <a:lnTo>
                      <a:pt x="2299" y="330"/>
                    </a:lnTo>
                    <a:lnTo>
                      <a:pt x="2308" y="334"/>
                    </a:lnTo>
                    <a:lnTo>
                      <a:pt x="2317" y="338"/>
                    </a:lnTo>
                    <a:lnTo>
                      <a:pt x="2325" y="343"/>
                    </a:lnTo>
                    <a:lnTo>
                      <a:pt x="2332" y="348"/>
                    </a:lnTo>
                    <a:lnTo>
                      <a:pt x="2340" y="355"/>
                    </a:lnTo>
                    <a:lnTo>
                      <a:pt x="2353" y="368"/>
                    </a:lnTo>
                    <a:lnTo>
                      <a:pt x="2365" y="383"/>
                    </a:lnTo>
                    <a:lnTo>
                      <a:pt x="2376" y="400"/>
                    </a:lnTo>
                    <a:lnTo>
                      <a:pt x="2388" y="420"/>
                    </a:lnTo>
                    <a:lnTo>
                      <a:pt x="2328" y="444"/>
                    </a:lnTo>
                    <a:lnTo>
                      <a:pt x="2319" y="447"/>
                    </a:lnTo>
                    <a:lnTo>
                      <a:pt x="2312" y="449"/>
                    </a:lnTo>
                    <a:lnTo>
                      <a:pt x="2305" y="452"/>
                    </a:lnTo>
                    <a:lnTo>
                      <a:pt x="2300" y="457"/>
                    </a:lnTo>
                    <a:lnTo>
                      <a:pt x="2296" y="462"/>
                    </a:lnTo>
                    <a:lnTo>
                      <a:pt x="2293" y="467"/>
                    </a:lnTo>
                    <a:lnTo>
                      <a:pt x="2292" y="474"/>
                    </a:lnTo>
                    <a:lnTo>
                      <a:pt x="2291" y="480"/>
                    </a:lnTo>
                    <a:lnTo>
                      <a:pt x="2292" y="495"/>
                    </a:lnTo>
                    <a:lnTo>
                      <a:pt x="2293" y="509"/>
                    </a:lnTo>
                    <a:lnTo>
                      <a:pt x="2297" y="524"/>
                    </a:lnTo>
                    <a:lnTo>
                      <a:pt x="2300" y="537"/>
                    </a:lnTo>
                    <a:lnTo>
                      <a:pt x="2302" y="553"/>
                    </a:lnTo>
                    <a:lnTo>
                      <a:pt x="2304" y="570"/>
                    </a:lnTo>
                    <a:lnTo>
                      <a:pt x="2304" y="585"/>
                    </a:lnTo>
                    <a:lnTo>
                      <a:pt x="2304" y="601"/>
                    </a:lnTo>
                    <a:lnTo>
                      <a:pt x="2305" y="616"/>
                    </a:lnTo>
                    <a:lnTo>
                      <a:pt x="2306" y="632"/>
                    </a:lnTo>
                    <a:lnTo>
                      <a:pt x="2310" y="647"/>
                    </a:lnTo>
                    <a:lnTo>
                      <a:pt x="2317" y="662"/>
                    </a:lnTo>
                    <a:lnTo>
                      <a:pt x="2339" y="695"/>
                    </a:lnTo>
                    <a:lnTo>
                      <a:pt x="2365" y="736"/>
                    </a:lnTo>
                    <a:lnTo>
                      <a:pt x="2371" y="746"/>
                    </a:lnTo>
                    <a:lnTo>
                      <a:pt x="2375" y="756"/>
                    </a:lnTo>
                    <a:lnTo>
                      <a:pt x="2378" y="767"/>
                    </a:lnTo>
                    <a:lnTo>
                      <a:pt x="2379" y="777"/>
                    </a:lnTo>
                    <a:lnTo>
                      <a:pt x="2379" y="786"/>
                    </a:lnTo>
                    <a:lnTo>
                      <a:pt x="2376" y="796"/>
                    </a:lnTo>
                    <a:lnTo>
                      <a:pt x="2371" y="806"/>
                    </a:lnTo>
                    <a:lnTo>
                      <a:pt x="2363" y="813"/>
                    </a:lnTo>
                    <a:lnTo>
                      <a:pt x="2322" y="820"/>
                    </a:lnTo>
                    <a:lnTo>
                      <a:pt x="2332" y="802"/>
                    </a:lnTo>
                    <a:lnTo>
                      <a:pt x="2341" y="790"/>
                    </a:lnTo>
                    <a:lnTo>
                      <a:pt x="2348" y="784"/>
                    </a:lnTo>
                    <a:lnTo>
                      <a:pt x="2350" y="781"/>
                    </a:lnTo>
                    <a:lnTo>
                      <a:pt x="2344" y="773"/>
                    </a:lnTo>
                    <a:lnTo>
                      <a:pt x="2314" y="747"/>
                    </a:lnTo>
                    <a:lnTo>
                      <a:pt x="2304" y="737"/>
                    </a:lnTo>
                    <a:lnTo>
                      <a:pt x="2293" y="730"/>
                    </a:lnTo>
                    <a:lnTo>
                      <a:pt x="2284" y="727"/>
                    </a:lnTo>
                    <a:lnTo>
                      <a:pt x="2275" y="724"/>
                    </a:lnTo>
                    <a:lnTo>
                      <a:pt x="2266" y="724"/>
                    </a:lnTo>
                    <a:lnTo>
                      <a:pt x="2258" y="725"/>
                    </a:lnTo>
                    <a:lnTo>
                      <a:pt x="2251" y="728"/>
                    </a:lnTo>
                    <a:lnTo>
                      <a:pt x="2244" y="730"/>
                    </a:lnTo>
                    <a:lnTo>
                      <a:pt x="2236" y="733"/>
                    </a:lnTo>
                    <a:lnTo>
                      <a:pt x="2230" y="736"/>
                    </a:lnTo>
                    <a:lnTo>
                      <a:pt x="2223" y="737"/>
                    </a:lnTo>
                    <a:lnTo>
                      <a:pt x="2216" y="737"/>
                    </a:lnTo>
                    <a:lnTo>
                      <a:pt x="2209" y="736"/>
                    </a:lnTo>
                    <a:lnTo>
                      <a:pt x="2201" y="732"/>
                    </a:lnTo>
                    <a:lnTo>
                      <a:pt x="2195" y="725"/>
                    </a:lnTo>
                    <a:lnTo>
                      <a:pt x="2186" y="716"/>
                    </a:lnTo>
                    <a:lnTo>
                      <a:pt x="2182" y="710"/>
                    </a:lnTo>
                    <a:lnTo>
                      <a:pt x="2177" y="706"/>
                    </a:lnTo>
                    <a:lnTo>
                      <a:pt x="2173" y="702"/>
                    </a:lnTo>
                    <a:lnTo>
                      <a:pt x="2169" y="699"/>
                    </a:lnTo>
                    <a:lnTo>
                      <a:pt x="2164" y="698"/>
                    </a:lnTo>
                    <a:lnTo>
                      <a:pt x="2160" y="697"/>
                    </a:lnTo>
                    <a:lnTo>
                      <a:pt x="2156" y="697"/>
                    </a:lnTo>
                    <a:lnTo>
                      <a:pt x="2152" y="698"/>
                    </a:lnTo>
                    <a:lnTo>
                      <a:pt x="2143" y="701"/>
                    </a:lnTo>
                    <a:lnTo>
                      <a:pt x="2135" y="704"/>
                    </a:lnTo>
                    <a:lnTo>
                      <a:pt x="2126" y="711"/>
                    </a:lnTo>
                    <a:lnTo>
                      <a:pt x="2117" y="717"/>
                    </a:lnTo>
                    <a:lnTo>
                      <a:pt x="2102" y="728"/>
                    </a:lnTo>
                    <a:lnTo>
                      <a:pt x="2094" y="737"/>
                    </a:lnTo>
                    <a:lnTo>
                      <a:pt x="2093" y="739"/>
                    </a:lnTo>
                    <a:lnTo>
                      <a:pt x="2093" y="742"/>
                    </a:lnTo>
                    <a:lnTo>
                      <a:pt x="2094" y="745"/>
                    </a:lnTo>
                    <a:lnTo>
                      <a:pt x="2095" y="746"/>
                    </a:lnTo>
                    <a:lnTo>
                      <a:pt x="2112" y="754"/>
                    </a:lnTo>
                    <a:lnTo>
                      <a:pt x="2133" y="764"/>
                    </a:lnTo>
                    <a:lnTo>
                      <a:pt x="2134" y="767"/>
                    </a:lnTo>
                    <a:lnTo>
                      <a:pt x="2134" y="768"/>
                    </a:lnTo>
                    <a:lnTo>
                      <a:pt x="2133" y="771"/>
                    </a:lnTo>
                    <a:lnTo>
                      <a:pt x="2129" y="772"/>
                    </a:lnTo>
                    <a:lnTo>
                      <a:pt x="2119" y="774"/>
                    </a:lnTo>
                    <a:lnTo>
                      <a:pt x="2104" y="777"/>
                    </a:lnTo>
                    <a:lnTo>
                      <a:pt x="2074" y="781"/>
                    </a:lnTo>
                    <a:lnTo>
                      <a:pt x="2058" y="782"/>
                    </a:lnTo>
                    <a:lnTo>
                      <a:pt x="2042" y="784"/>
                    </a:lnTo>
                    <a:lnTo>
                      <a:pt x="2027" y="786"/>
                    </a:lnTo>
                    <a:lnTo>
                      <a:pt x="2012" y="791"/>
                    </a:lnTo>
                    <a:lnTo>
                      <a:pt x="1997" y="796"/>
                    </a:lnTo>
                    <a:lnTo>
                      <a:pt x="1968" y="811"/>
                    </a:lnTo>
                    <a:lnTo>
                      <a:pt x="1940" y="824"/>
                    </a:lnTo>
                    <a:lnTo>
                      <a:pt x="1931" y="828"/>
                    </a:lnTo>
                    <a:lnTo>
                      <a:pt x="1923" y="829"/>
                    </a:lnTo>
                    <a:lnTo>
                      <a:pt x="1918" y="830"/>
                    </a:lnTo>
                    <a:lnTo>
                      <a:pt x="1913" y="830"/>
                    </a:lnTo>
                    <a:lnTo>
                      <a:pt x="1909" y="829"/>
                    </a:lnTo>
                    <a:lnTo>
                      <a:pt x="1906" y="826"/>
                    </a:lnTo>
                    <a:lnTo>
                      <a:pt x="1905" y="824"/>
                    </a:lnTo>
                    <a:lnTo>
                      <a:pt x="1903" y="821"/>
                    </a:lnTo>
                    <a:lnTo>
                      <a:pt x="1903" y="813"/>
                    </a:lnTo>
                    <a:lnTo>
                      <a:pt x="1906" y="807"/>
                    </a:lnTo>
                    <a:lnTo>
                      <a:pt x="1909" y="803"/>
                    </a:lnTo>
                    <a:lnTo>
                      <a:pt x="1911" y="800"/>
                    </a:lnTo>
                    <a:lnTo>
                      <a:pt x="1914" y="798"/>
                    </a:lnTo>
                    <a:lnTo>
                      <a:pt x="1918" y="796"/>
                    </a:lnTo>
                    <a:lnTo>
                      <a:pt x="1926" y="794"/>
                    </a:lnTo>
                    <a:lnTo>
                      <a:pt x="1932" y="791"/>
                    </a:lnTo>
                    <a:lnTo>
                      <a:pt x="1937" y="789"/>
                    </a:lnTo>
                    <a:lnTo>
                      <a:pt x="1940" y="785"/>
                    </a:lnTo>
                    <a:lnTo>
                      <a:pt x="1941" y="782"/>
                    </a:lnTo>
                    <a:lnTo>
                      <a:pt x="1941" y="780"/>
                    </a:lnTo>
                    <a:lnTo>
                      <a:pt x="1940" y="777"/>
                    </a:lnTo>
                    <a:lnTo>
                      <a:pt x="1937" y="776"/>
                    </a:lnTo>
                    <a:lnTo>
                      <a:pt x="1935" y="773"/>
                    </a:lnTo>
                    <a:lnTo>
                      <a:pt x="1931" y="772"/>
                    </a:lnTo>
                    <a:lnTo>
                      <a:pt x="1926" y="772"/>
                    </a:lnTo>
                    <a:lnTo>
                      <a:pt x="1920" y="772"/>
                    </a:lnTo>
                    <a:lnTo>
                      <a:pt x="1915" y="772"/>
                    </a:lnTo>
                    <a:lnTo>
                      <a:pt x="1910" y="773"/>
                    </a:lnTo>
                    <a:lnTo>
                      <a:pt x="1903" y="776"/>
                    </a:lnTo>
                    <a:lnTo>
                      <a:pt x="1898" y="778"/>
                    </a:lnTo>
                    <a:lnTo>
                      <a:pt x="1874" y="795"/>
                    </a:lnTo>
                    <a:lnTo>
                      <a:pt x="1850" y="813"/>
                    </a:lnTo>
                    <a:lnTo>
                      <a:pt x="1839" y="821"/>
                    </a:lnTo>
                    <a:lnTo>
                      <a:pt x="1827" y="830"/>
                    </a:lnTo>
                    <a:lnTo>
                      <a:pt x="1815" y="837"/>
                    </a:lnTo>
                    <a:lnTo>
                      <a:pt x="1802" y="844"/>
                    </a:lnTo>
                    <a:lnTo>
                      <a:pt x="1796" y="848"/>
                    </a:lnTo>
                    <a:lnTo>
                      <a:pt x="1791" y="855"/>
                    </a:lnTo>
                    <a:lnTo>
                      <a:pt x="1788" y="861"/>
                    </a:lnTo>
                    <a:lnTo>
                      <a:pt x="1787" y="869"/>
                    </a:lnTo>
                    <a:lnTo>
                      <a:pt x="1788" y="877"/>
                    </a:lnTo>
                    <a:lnTo>
                      <a:pt x="1791" y="886"/>
                    </a:lnTo>
                    <a:lnTo>
                      <a:pt x="1795" y="895"/>
                    </a:lnTo>
                    <a:lnTo>
                      <a:pt x="1799" y="904"/>
                    </a:lnTo>
                    <a:lnTo>
                      <a:pt x="1810" y="921"/>
                    </a:lnTo>
                    <a:lnTo>
                      <a:pt x="1823" y="936"/>
                    </a:lnTo>
                    <a:lnTo>
                      <a:pt x="1830" y="943"/>
                    </a:lnTo>
                    <a:lnTo>
                      <a:pt x="1836" y="948"/>
                    </a:lnTo>
                    <a:lnTo>
                      <a:pt x="1843" y="952"/>
                    </a:lnTo>
                    <a:lnTo>
                      <a:pt x="1848" y="955"/>
                    </a:lnTo>
                    <a:lnTo>
                      <a:pt x="1858" y="960"/>
                    </a:lnTo>
                    <a:lnTo>
                      <a:pt x="1867" y="966"/>
                    </a:lnTo>
                    <a:lnTo>
                      <a:pt x="1875" y="973"/>
                    </a:lnTo>
                    <a:lnTo>
                      <a:pt x="1880" y="982"/>
                    </a:lnTo>
                    <a:lnTo>
                      <a:pt x="1884" y="991"/>
                    </a:lnTo>
                    <a:lnTo>
                      <a:pt x="1888" y="1001"/>
                    </a:lnTo>
                    <a:lnTo>
                      <a:pt x="1889" y="1010"/>
                    </a:lnTo>
                    <a:lnTo>
                      <a:pt x="1889" y="1021"/>
                    </a:lnTo>
                    <a:lnTo>
                      <a:pt x="1888" y="1032"/>
                    </a:lnTo>
                    <a:lnTo>
                      <a:pt x="1887" y="1043"/>
                    </a:lnTo>
                    <a:lnTo>
                      <a:pt x="1883" y="1053"/>
                    </a:lnTo>
                    <a:lnTo>
                      <a:pt x="1879" y="1063"/>
                    </a:lnTo>
                    <a:lnTo>
                      <a:pt x="1874" y="1072"/>
                    </a:lnTo>
                    <a:lnTo>
                      <a:pt x="1868" y="1081"/>
                    </a:lnTo>
                    <a:lnTo>
                      <a:pt x="1861" y="1089"/>
                    </a:lnTo>
                    <a:lnTo>
                      <a:pt x="1854" y="1096"/>
                    </a:lnTo>
                    <a:lnTo>
                      <a:pt x="1844" y="1102"/>
                    </a:lnTo>
                    <a:lnTo>
                      <a:pt x="1835" y="1106"/>
                    </a:lnTo>
                    <a:lnTo>
                      <a:pt x="1826" y="1110"/>
                    </a:lnTo>
                    <a:lnTo>
                      <a:pt x="1818" y="1113"/>
                    </a:lnTo>
                    <a:lnTo>
                      <a:pt x="1804" y="1116"/>
                    </a:lnTo>
                    <a:lnTo>
                      <a:pt x="1793" y="1119"/>
                    </a:lnTo>
                    <a:lnTo>
                      <a:pt x="1789" y="1122"/>
                    </a:lnTo>
                    <a:lnTo>
                      <a:pt x="1787" y="1124"/>
                    </a:lnTo>
                    <a:lnTo>
                      <a:pt x="1784" y="1128"/>
                    </a:lnTo>
                    <a:lnTo>
                      <a:pt x="1783" y="1135"/>
                    </a:lnTo>
                    <a:lnTo>
                      <a:pt x="1782" y="1141"/>
                    </a:lnTo>
                    <a:lnTo>
                      <a:pt x="1783" y="1150"/>
                    </a:lnTo>
                    <a:lnTo>
                      <a:pt x="1784" y="1162"/>
                    </a:lnTo>
                    <a:lnTo>
                      <a:pt x="1787" y="1176"/>
                    </a:lnTo>
                    <a:lnTo>
                      <a:pt x="1792" y="1214"/>
                    </a:lnTo>
                    <a:lnTo>
                      <a:pt x="1796" y="1251"/>
                    </a:lnTo>
                    <a:lnTo>
                      <a:pt x="1799" y="1290"/>
                    </a:lnTo>
                    <a:lnTo>
                      <a:pt x="1804" y="1328"/>
                    </a:lnTo>
                    <a:lnTo>
                      <a:pt x="1808" y="1350"/>
                    </a:lnTo>
                    <a:lnTo>
                      <a:pt x="1814" y="1370"/>
                    </a:lnTo>
                    <a:lnTo>
                      <a:pt x="1823" y="1391"/>
                    </a:lnTo>
                    <a:lnTo>
                      <a:pt x="1832" y="1410"/>
                    </a:lnTo>
                    <a:lnTo>
                      <a:pt x="1844" y="1430"/>
                    </a:lnTo>
                    <a:lnTo>
                      <a:pt x="1857" y="1449"/>
                    </a:lnTo>
                    <a:lnTo>
                      <a:pt x="1870" y="1466"/>
                    </a:lnTo>
                    <a:lnTo>
                      <a:pt x="1885" y="1484"/>
                    </a:lnTo>
                    <a:lnTo>
                      <a:pt x="1901" y="1501"/>
                    </a:lnTo>
                    <a:lnTo>
                      <a:pt x="1916" y="1517"/>
                    </a:lnTo>
                    <a:lnTo>
                      <a:pt x="1933" y="1532"/>
                    </a:lnTo>
                    <a:lnTo>
                      <a:pt x="1950" y="1548"/>
                    </a:lnTo>
                    <a:lnTo>
                      <a:pt x="1985" y="1576"/>
                    </a:lnTo>
                    <a:lnTo>
                      <a:pt x="2020" y="1604"/>
                    </a:lnTo>
                    <a:lnTo>
                      <a:pt x="2028" y="1616"/>
                    </a:lnTo>
                    <a:lnTo>
                      <a:pt x="2040" y="1631"/>
                    </a:lnTo>
                    <a:lnTo>
                      <a:pt x="2052" y="1645"/>
                    </a:lnTo>
                    <a:lnTo>
                      <a:pt x="2067" y="1659"/>
                    </a:lnTo>
                    <a:lnTo>
                      <a:pt x="2081" y="1672"/>
                    </a:lnTo>
                    <a:lnTo>
                      <a:pt x="2097" y="1685"/>
                    </a:lnTo>
                    <a:lnTo>
                      <a:pt x="2111" y="1697"/>
                    </a:lnTo>
                    <a:lnTo>
                      <a:pt x="2124" y="1705"/>
                    </a:lnTo>
                    <a:lnTo>
                      <a:pt x="2134" y="1708"/>
                    </a:lnTo>
                    <a:lnTo>
                      <a:pt x="2147" y="1711"/>
                    </a:lnTo>
                    <a:lnTo>
                      <a:pt x="2163" y="1712"/>
                    </a:lnTo>
                    <a:lnTo>
                      <a:pt x="2178" y="1714"/>
                    </a:lnTo>
                    <a:lnTo>
                      <a:pt x="2194" y="1715"/>
                    </a:lnTo>
                    <a:lnTo>
                      <a:pt x="2207" y="1718"/>
                    </a:lnTo>
                    <a:lnTo>
                      <a:pt x="2213" y="1719"/>
                    </a:lnTo>
                    <a:lnTo>
                      <a:pt x="2217" y="1721"/>
                    </a:lnTo>
                    <a:lnTo>
                      <a:pt x="2221" y="1724"/>
                    </a:lnTo>
                    <a:lnTo>
                      <a:pt x="2223" y="1728"/>
                    </a:lnTo>
                    <a:lnTo>
                      <a:pt x="2227" y="1737"/>
                    </a:lnTo>
                    <a:lnTo>
                      <a:pt x="2230" y="1747"/>
                    </a:lnTo>
                    <a:lnTo>
                      <a:pt x="2231" y="1759"/>
                    </a:lnTo>
                    <a:lnTo>
                      <a:pt x="2233" y="1769"/>
                    </a:lnTo>
                    <a:lnTo>
                      <a:pt x="2233" y="1791"/>
                    </a:lnTo>
                    <a:lnTo>
                      <a:pt x="2234" y="1812"/>
                    </a:lnTo>
                    <a:lnTo>
                      <a:pt x="2240" y="1839"/>
                    </a:lnTo>
                    <a:lnTo>
                      <a:pt x="2248" y="1869"/>
                    </a:lnTo>
                    <a:lnTo>
                      <a:pt x="2257" y="1898"/>
                    </a:lnTo>
                    <a:lnTo>
                      <a:pt x="2266" y="1925"/>
                    </a:lnTo>
                    <a:lnTo>
                      <a:pt x="2266" y="1951"/>
                    </a:lnTo>
                    <a:lnTo>
                      <a:pt x="2268" y="1980"/>
                    </a:lnTo>
                    <a:lnTo>
                      <a:pt x="2269" y="2012"/>
                    </a:lnTo>
                    <a:lnTo>
                      <a:pt x="2270" y="2044"/>
                    </a:lnTo>
                    <a:lnTo>
                      <a:pt x="2274" y="2075"/>
                    </a:lnTo>
                    <a:lnTo>
                      <a:pt x="2280" y="2105"/>
                    </a:lnTo>
                    <a:lnTo>
                      <a:pt x="2284" y="2119"/>
                    </a:lnTo>
                    <a:lnTo>
                      <a:pt x="2290" y="2131"/>
                    </a:lnTo>
                    <a:lnTo>
                      <a:pt x="2296" y="2144"/>
                    </a:lnTo>
                    <a:lnTo>
                      <a:pt x="2302" y="2154"/>
                    </a:lnTo>
                    <a:lnTo>
                      <a:pt x="2330" y="2196"/>
                    </a:lnTo>
                    <a:lnTo>
                      <a:pt x="2354" y="2234"/>
                    </a:lnTo>
                    <a:lnTo>
                      <a:pt x="2367" y="2255"/>
                    </a:lnTo>
                    <a:lnTo>
                      <a:pt x="2382" y="2275"/>
                    </a:lnTo>
                    <a:lnTo>
                      <a:pt x="2397" y="2294"/>
                    </a:lnTo>
                    <a:lnTo>
                      <a:pt x="2415" y="2313"/>
                    </a:lnTo>
                    <a:lnTo>
                      <a:pt x="2420" y="2313"/>
                    </a:lnTo>
                    <a:lnTo>
                      <a:pt x="2426" y="2315"/>
                    </a:lnTo>
                    <a:lnTo>
                      <a:pt x="2429" y="2316"/>
                    </a:lnTo>
                    <a:lnTo>
                      <a:pt x="2433" y="2317"/>
                    </a:lnTo>
                    <a:lnTo>
                      <a:pt x="2441" y="2322"/>
                    </a:lnTo>
                    <a:lnTo>
                      <a:pt x="2449" y="2329"/>
                    </a:lnTo>
                    <a:lnTo>
                      <a:pt x="2449" y="2337"/>
                    </a:lnTo>
                    <a:lnTo>
                      <a:pt x="2450" y="2343"/>
                    </a:lnTo>
                    <a:lnTo>
                      <a:pt x="2453" y="2350"/>
                    </a:lnTo>
                    <a:lnTo>
                      <a:pt x="2455" y="2356"/>
                    </a:lnTo>
                    <a:lnTo>
                      <a:pt x="2459" y="2361"/>
                    </a:lnTo>
                    <a:lnTo>
                      <a:pt x="2463" y="2367"/>
                    </a:lnTo>
                    <a:lnTo>
                      <a:pt x="2468" y="2372"/>
                    </a:lnTo>
                    <a:lnTo>
                      <a:pt x="2473" y="2376"/>
                    </a:lnTo>
                    <a:lnTo>
                      <a:pt x="2485" y="2382"/>
                    </a:lnTo>
                    <a:lnTo>
                      <a:pt x="2498" y="2387"/>
                    </a:lnTo>
                    <a:lnTo>
                      <a:pt x="2511" y="2391"/>
                    </a:lnTo>
                    <a:lnTo>
                      <a:pt x="2525" y="2391"/>
                    </a:lnTo>
                    <a:lnTo>
                      <a:pt x="2533" y="2392"/>
                    </a:lnTo>
                    <a:lnTo>
                      <a:pt x="2540" y="2394"/>
                    </a:lnTo>
                    <a:lnTo>
                      <a:pt x="2545" y="2396"/>
                    </a:lnTo>
                    <a:lnTo>
                      <a:pt x="2551" y="2400"/>
                    </a:lnTo>
                    <a:lnTo>
                      <a:pt x="2560" y="2409"/>
                    </a:lnTo>
                    <a:lnTo>
                      <a:pt x="2569" y="2421"/>
                    </a:lnTo>
                    <a:lnTo>
                      <a:pt x="2577" y="2434"/>
                    </a:lnTo>
                    <a:lnTo>
                      <a:pt x="2586" y="2446"/>
                    </a:lnTo>
                    <a:lnTo>
                      <a:pt x="2591" y="2452"/>
                    </a:lnTo>
                    <a:lnTo>
                      <a:pt x="2597" y="2457"/>
                    </a:lnTo>
                    <a:lnTo>
                      <a:pt x="2603" y="2462"/>
                    </a:lnTo>
                    <a:lnTo>
                      <a:pt x="2610" y="2466"/>
                    </a:lnTo>
                    <a:lnTo>
                      <a:pt x="2645" y="2484"/>
                    </a:lnTo>
                    <a:lnTo>
                      <a:pt x="2677" y="2500"/>
                    </a:lnTo>
                    <a:lnTo>
                      <a:pt x="2708" y="2510"/>
                    </a:lnTo>
                    <a:lnTo>
                      <a:pt x="2739" y="2519"/>
                    </a:lnTo>
                    <a:lnTo>
                      <a:pt x="2770" y="2527"/>
                    </a:lnTo>
                    <a:lnTo>
                      <a:pt x="2801" y="2534"/>
                    </a:lnTo>
                    <a:lnTo>
                      <a:pt x="2836" y="2539"/>
                    </a:lnTo>
                    <a:lnTo>
                      <a:pt x="2874" y="2545"/>
                    </a:lnTo>
                    <a:lnTo>
                      <a:pt x="2895" y="2548"/>
                    </a:lnTo>
                    <a:lnTo>
                      <a:pt x="2917" y="2549"/>
                    </a:lnTo>
                    <a:lnTo>
                      <a:pt x="2939" y="2548"/>
                    </a:lnTo>
                    <a:lnTo>
                      <a:pt x="2961" y="2545"/>
                    </a:lnTo>
                    <a:lnTo>
                      <a:pt x="2983" y="2544"/>
                    </a:lnTo>
                    <a:lnTo>
                      <a:pt x="3003" y="2543"/>
                    </a:lnTo>
                    <a:lnTo>
                      <a:pt x="3024" y="2543"/>
                    </a:lnTo>
                    <a:lnTo>
                      <a:pt x="3044" y="2545"/>
                    </a:lnTo>
                    <a:lnTo>
                      <a:pt x="3047" y="2554"/>
                    </a:lnTo>
                    <a:lnTo>
                      <a:pt x="3047" y="2562"/>
                    </a:lnTo>
                    <a:lnTo>
                      <a:pt x="3046" y="2572"/>
                    </a:lnTo>
                    <a:lnTo>
                      <a:pt x="3045" y="2582"/>
                    </a:lnTo>
                    <a:lnTo>
                      <a:pt x="3038" y="2601"/>
                    </a:lnTo>
                    <a:lnTo>
                      <a:pt x="3034" y="2618"/>
                    </a:lnTo>
                    <a:lnTo>
                      <a:pt x="3025" y="2627"/>
                    </a:lnTo>
                    <a:lnTo>
                      <a:pt x="3019" y="2636"/>
                    </a:lnTo>
                    <a:lnTo>
                      <a:pt x="3015" y="2644"/>
                    </a:lnTo>
                    <a:lnTo>
                      <a:pt x="3010" y="2653"/>
                    </a:lnTo>
                    <a:lnTo>
                      <a:pt x="3005" y="2661"/>
                    </a:lnTo>
                    <a:lnTo>
                      <a:pt x="2997" y="2667"/>
                    </a:lnTo>
                    <a:lnTo>
                      <a:pt x="2988" y="2675"/>
                    </a:lnTo>
                    <a:lnTo>
                      <a:pt x="2974" y="2681"/>
                    </a:lnTo>
                    <a:lnTo>
                      <a:pt x="2966" y="2684"/>
                    </a:lnTo>
                    <a:lnTo>
                      <a:pt x="2959" y="2688"/>
                    </a:lnTo>
                    <a:lnTo>
                      <a:pt x="2954" y="2690"/>
                    </a:lnTo>
                    <a:lnTo>
                      <a:pt x="2950" y="2694"/>
                    </a:lnTo>
                    <a:lnTo>
                      <a:pt x="2949" y="2697"/>
                    </a:lnTo>
                    <a:lnTo>
                      <a:pt x="2948" y="2701"/>
                    </a:lnTo>
                    <a:lnTo>
                      <a:pt x="2948" y="2703"/>
                    </a:lnTo>
                    <a:lnTo>
                      <a:pt x="2949" y="2707"/>
                    </a:lnTo>
                    <a:lnTo>
                      <a:pt x="2954" y="2714"/>
                    </a:lnTo>
                    <a:lnTo>
                      <a:pt x="2962" y="2721"/>
                    </a:lnTo>
                    <a:lnTo>
                      <a:pt x="2970" y="2728"/>
                    </a:lnTo>
                    <a:lnTo>
                      <a:pt x="2980" y="2737"/>
                    </a:lnTo>
                    <a:lnTo>
                      <a:pt x="3001" y="2753"/>
                    </a:lnTo>
                    <a:lnTo>
                      <a:pt x="3023" y="2768"/>
                    </a:lnTo>
                    <a:lnTo>
                      <a:pt x="3045" y="2781"/>
                    </a:lnTo>
                    <a:lnTo>
                      <a:pt x="3068" y="2795"/>
                    </a:lnTo>
                    <a:lnTo>
                      <a:pt x="3115" y="2820"/>
                    </a:lnTo>
                    <a:lnTo>
                      <a:pt x="3161" y="2845"/>
                    </a:lnTo>
                    <a:lnTo>
                      <a:pt x="3409" y="2981"/>
                    </a:lnTo>
                    <a:lnTo>
                      <a:pt x="3432" y="2995"/>
                    </a:lnTo>
                    <a:lnTo>
                      <a:pt x="3455" y="3010"/>
                    </a:lnTo>
                    <a:lnTo>
                      <a:pt x="3478" y="3027"/>
                    </a:lnTo>
                    <a:lnTo>
                      <a:pt x="3501" y="3044"/>
                    </a:lnTo>
                    <a:lnTo>
                      <a:pt x="3524" y="3061"/>
                    </a:lnTo>
                    <a:lnTo>
                      <a:pt x="3546" y="3076"/>
                    </a:lnTo>
                    <a:lnTo>
                      <a:pt x="3569" y="3091"/>
                    </a:lnTo>
                    <a:lnTo>
                      <a:pt x="3593" y="3102"/>
                    </a:lnTo>
                    <a:lnTo>
                      <a:pt x="3614" y="3113"/>
                    </a:lnTo>
                    <a:lnTo>
                      <a:pt x="3633" y="3123"/>
                    </a:lnTo>
                    <a:lnTo>
                      <a:pt x="3651" y="3135"/>
                    </a:lnTo>
                    <a:lnTo>
                      <a:pt x="3668" y="3145"/>
                    </a:lnTo>
                    <a:lnTo>
                      <a:pt x="3683" y="3158"/>
                    </a:lnTo>
                    <a:lnTo>
                      <a:pt x="3699" y="3171"/>
                    </a:lnTo>
                    <a:lnTo>
                      <a:pt x="3713" y="3184"/>
                    </a:lnTo>
                    <a:lnTo>
                      <a:pt x="3728" y="3198"/>
                    </a:lnTo>
                    <a:lnTo>
                      <a:pt x="3740" y="3212"/>
                    </a:lnTo>
                    <a:lnTo>
                      <a:pt x="3753" y="3228"/>
                    </a:lnTo>
                    <a:lnTo>
                      <a:pt x="3765" y="3244"/>
                    </a:lnTo>
                    <a:lnTo>
                      <a:pt x="3775" y="3260"/>
                    </a:lnTo>
                    <a:lnTo>
                      <a:pt x="3797" y="3295"/>
                    </a:lnTo>
                    <a:lnTo>
                      <a:pt x="3818" y="3334"/>
                    </a:lnTo>
                    <a:lnTo>
                      <a:pt x="3822" y="3345"/>
                    </a:lnTo>
                    <a:lnTo>
                      <a:pt x="3826" y="3355"/>
                    </a:lnTo>
                    <a:lnTo>
                      <a:pt x="3827" y="3365"/>
                    </a:lnTo>
                    <a:lnTo>
                      <a:pt x="3827" y="3374"/>
                    </a:lnTo>
                    <a:lnTo>
                      <a:pt x="3827" y="3383"/>
                    </a:lnTo>
                    <a:lnTo>
                      <a:pt x="3825" y="3391"/>
                    </a:lnTo>
                    <a:lnTo>
                      <a:pt x="3822" y="3399"/>
                    </a:lnTo>
                    <a:lnTo>
                      <a:pt x="3820" y="3408"/>
                    </a:lnTo>
                    <a:lnTo>
                      <a:pt x="3813" y="3424"/>
                    </a:lnTo>
                    <a:lnTo>
                      <a:pt x="3807" y="3440"/>
                    </a:lnTo>
                    <a:lnTo>
                      <a:pt x="3804" y="3449"/>
                    </a:lnTo>
                    <a:lnTo>
                      <a:pt x="3801" y="3457"/>
                    </a:lnTo>
                    <a:lnTo>
                      <a:pt x="3800" y="3468"/>
                    </a:lnTo>
                    <a:lnTo>
                      <a:pt x="3799" y="3478"/>
                    </a:lnTo>
                    <a:lnTo>
                      <a:pt x="3801" y="3501"/>
                    </a:lnTo>
                    <a:lnTo>
                      <a:pt x="3801" y="3518"/>
                    </a:lnTo>
                    <a:lnTo>
                      <a:pt x="3801" y="3522"/>
                    </a:lnTo>
                    <a:lnTo>
                      <a:pt x="3800" y="3525"/>
                    </a:lnTo>
                    <a:lnTo>
                      <a:pt x="3797" y="3526"/>
                    </a:lnTo>
                    <a:lnTo>
                      <a:pt x="3794" y="3527"/>
                    </a:lnTo>
                    <a:lnTo>
                      <a:pt x="3790" y="3529"/>
                    </a:lnTo>
                    <a:lnTo>
                      <a:pt x="3785" y="3529"/>
                    </a:lnTo>
                    <a:lnTo>
                      <a:pt x="3778" y="3527"/>
                    </a:lnTo>
                    <a:lnTo>
                      <a:pt x="3769" y="3526"/>
                    </a:lnTo>
                    <a:lnTo>
                      <a:pt x="3759" y="3522"/>
                    </a:lnTo>
                    <a:lnTo>
                      <a:pt x="3750" y="3518"/>
                    </a:lnTo>
                    <a:lnTo>
                      <a:pt x="3740" y="3513"/>
                    </a:lnTo>
                    <a:lnTo>
                      <a:pt x="3733" y="3508"/>
                    </a:lnTo>
                    <a:lnTo>
                      <a:pt x="3725" y="3503"/>
                    </a:lnTo>
                    <a:lnTo>
                      <a:pt x="3720" y="3496"/>
                    </a:lnTo>
                    <a:lnTo>
                      <a:pt x="3713" y="3488"/>
                    </a:lnTo>
                    <a:lnTo>
                      <a:pt x="3709" y="3482"/>
                    </a:lnTo>
                    <a:lnTo>
                      <a:pt x="3702" y="3466"/>
                    </a:lnTo>
                    <a:lnTo>
                      <a:pt x="3695" y="3449"/>
                    </a:lnTo>
                    <a:lnTo>
                      <a:pt x="3690" y="3433"/>
                    </a:lnTo>
                    <a:lnTo>
                      <a:pt x="3686" y="3415"/>
                    </a:lnTo>
                    <a:lnTo>
                      <a:pt x="3682" y="3398"/>
                    </a:lnTo>
                    <a:lnTo>
                      <a:pt x="3677" y="3381"/>
                    </a:lnTo>
                    <a:lnTo>
                      <a:pt x="3672" y="3365"/>
                    </a:lnTo>
                    <a:lnTo>
                      <a:pt x="3665" y="3351"/>
                    </a:lnTo>
                    <a:lnTo>
                      <a:pt x="3660" y="3346"/>
                    </a:lnTo>
                    <a:lnTo>
                      <a:pt x="3656" y="3339"/>
                    </a:lnTo>
                    <a:lnTo>
                      <a:pt x="3650" y="3334"/>
                    </a:lnTo>
                    <a:lnTo>
                      <a:pt x="3643" y="3329"/>
                    </a:lnTo>
                    <a:lnTo>
                      <a:pt x="3637" y="3325"/>
                    </a:lnTo>
                    <a:lnTo>
                      <a:pt x="3629" y="3323"/>
                    </a:lnTo>
                    <a:lnTo>
                      <a:pt x="3620" y="3320"/>
                    </a:lnTo>
                    <a:lnTo>
                      <a:pt x="3610" y="3319"/>
                    </a:lnTo>
                    <a:lnTo>
                      <a:pt x="3593" y="3317"/>
                    </a:lnTo>
                    <a:lnTo>
                      <a:pt x="3564" y="3316"/>
                    </a:lnTo>
                    <a:lnTo>
                      <a:pt x="3529" y="3312"/>
                    </a:lnTo>
                    <a:lnTo>
                      <a:pt x="3490" y="3308"/>
                    </a:lnTo>
                    <a:lnTo>
                      <a:pt x="3472" y="3304"/>
                    </a:lnTo>
                    <a:lnTo>
                      <a:pt x="3454" y="3301"/>
                    </a:lnTo>
                    <a:lnTo>
                      <a:pt x="3439" y="3295"/>
                    </a:lnTo>
                    <a:lnTo>
                      <a:pt x="3424" y="3289"/>
                    </a:lnTo>
                    <a:lnTo>
                      <a:pt x="3419" y="3286"/>
                    </a:lnTo>
                    <a:lnTo>
                      <a:pt x="3414" y="3282"/>
                    </a:lnTo>
                    <a:lnTo>
                      <a:pt x="3409" y="3278"/>
                    </a:lnTo>
                    <a:lnTo>
                      <a:pt x="3405" y="3275"/>
                    </a:lnTo>
                    <a:lnTo>
                      <a:pt x="3404" y="3271"/>
                    </a:lnTo>
                    <a:lnTo>
                      <a:pt x="3401" y="3266"/>
                    </a:lnTo>
                    <a:lnTo>
                      <a:pt x="3401" y="3260"/>
                    </a:lnTo>
                    <a:lnTo>
                      <a:pt x="3402" y="3255"/>
                    </a:lnTo>
                    <a:lnTo>
                      <a:pt x="3406" y="3244"/>
                    </a:lnTo>
                    <a:lnTo>
                      <a:pt x="3409" y="3234"/>
                    </a:lnTo>
                    <a:lnTo>
                      <a:pt x="3410" y="3228"/>
                    </a:lnTo>
                    <a:lnTo>
                      <a:pt x="3409" y="3224"/>
                    </a:lnTo>
                    <a:lnTo>
                      <a:pt x="3405" y="3221"/>
                    </a:lnTo>
                    <a:lnTo>
                      <a:pt x="3398" y="3220"/>
                    </a:lnTo>
                    <a:lnTo>
                      <a:pt x="3387" y="3220"/>
                    </a:lnTo>
                    <a:lnTo>
                      <a:pt x="3371" y="3220"/>
                    </a:lnTo>
                    <a:lnTo>
                      <a:pt x="3358" y="3220"/>
                    </a:lnTo>
                    <a:lnTo>
                      <a:pt x="3348" y="3221"/>
                    </a:lnTo>
                    <a:lnTo>
                      <a:pt x="3338" y="3224"/>
                    </a:lnTo>
                    <a:lnTo>
                      <a:pt x="3327" y="3227"/>
                    </a:lnTo>
                    <a:lnTo>
                      <a:pt x="3318" y="3231"/>
                    </a:lnTo>
                    <a:lnTo>
                      <a:pt x="3309" y="3236"/>
                    </a:lnTo>
                    <a:lnTo>
                      <a:pt x="3300" y="3242"/>
                    </a:lnTo>
                    <a:lnTo>
                      <a:pt x="3292" y="3251"/>
                    </a:lnTo>
                    <a:lnTo>
                      <a:pt x="3268" y="3280"/>
                    </a:lnTo>
                    <a:lnTo>
                      <a:pt x="3246" y="3307"/>
                    </a:lnTo>
                    <a:lnTo>
                      <a:pt x="3226" y="3335"/>
                    </a:lnTo>
                    <a:lnTo>
                      <a:pt x="3208" y="3365"/>
                    </a:lnTo>
                    <a:lnTo>
                      <a:pt x="3191" y="3394"/>
                    </a:lnTo>
                    <a:lnTo>
                      <a:pt x="3176" y="3425"/>
                    </a:lnTo>
                    <a:lnTo>
                      <a:pt x="3159" y="3457"/>
                    </a:lnTo>
                    <a:lnTo>
                      <a:pt x="3143" y="3490"/>
                    </a:lnTo>
                    <a:lnTo>
                      <a:pt x="3142" y="3519"/>
                    </a:lnTo>
                    <a:lnTo>
                      <a:pt x="3145" y="3544"/>
                    </a:lnTo>
                    <a:lnTo>
                      <a:pt x="3146" y="3556"/>
                    </a:lnTo>
                    <a:lnTo>
                      <a:pt x="3148" y="3565"/>
                    </a:lnTo>
                    <a:lnTo>
                      <a:pt x="3152" y="3574"/>
                    </a:lnTo>
                    <a:lnTo>
                      <a:pt x="3156" y="3583"/>
                    </a:lnTo>
                    <a:lnTo>
                      <a:pt x="3161" y="3591"/>
                    </a:lnTo>
                    <a:lnTo>
                      <a:pt x="3168" y="3597"/>
                    </a:lnTo>
                    <a:lnTo>
                      <a:pt x="3176" y="3604"/>
                    </a:lnTo>
                    <a:lnTo>
                      <a:pt x="3185" y="3610"/>
                    </a:lnTo>
                    <a:lnTo>
                      <a:pt x="3195" y="3615"/>
                    </a:lnTo>
                    <a:lnTo>
                      <a:pt x="3207" y="3620"/>
                    </a:lnTo>
                    <a:lnTo>
                      <a:pt x="3220" y="3624"/>
                    </a:lnTo>
                    <a:lnTo>
                      <a:pt x="3234" y="3630"/>
                    </a:lnTo>
                    <a:lnTo>
                      <a:pt x="3242" y="3632"/>
                    </a:lnTo>
                    <a:lnTo>
                      <a:pt x="3251" y="3635"/>
                    </a:lnTo>
                    <a:lnTo>
                      <a:pt x="3259" y="3640"/>
                    </a:lnTo>
                    <a:lnTo>
                      <a:pt x="3266" y="3645"/>
                    </a:lnTo>
                    <a:lnTo>
                      <a:pt x="3283" y="3657"/>
                    </a:lnTo>
                    <a:lnTo>
                      <a:pt x="3299" y="3670"/>
                    </a:lnTo>
                    <a:lnTo>
                      <a:pt x="3331" y="3697"/>
                    </a:lnTo>
                    <a:lnTo>
                      <a:pt x="3360" y="3722"/>
                    </a:lnTo>
                    <a:lnTo>
                      <a:pt x="3361" y="3724"/>
                    </a:lnTo>
                    <a:lnTo>
                      <a:pt x="3364" y="3727"/>
                    </a:lnTo>
                    <a:lnTo>
                      <a:pt x="3365" y="3732"/>
                    </a:lnTo>
                    <a:lnTo>
                      <a:pt x="3366" y="3736"/>
                    </a:lnTo>
                    <a:lnTo>
                      <a:pt x="3367" y="3747"/>
                    </a:lnTo>
                    <a:lnTo>
                      <a:pt x="3367" y="3760"/>
                    </a:lnTo>
                    <a:lnTo>
                      <a:pt x="3366" y="3785"/>
                    </a:lnTo>
                    <a:lnTo>
                      <a:pt x="3365" y="3804"/>
                    </a:lnTo>
                    <a:lnTo>
                      <a:pt x="3366" y="3830"/>
                    </a:lnTo>
                    <a:lnTo>
                      <a:pt x="3366" y="3867"/>
                    </a:lnTo>
                    <a:lnTo>
                      <a:pt x="3366" y="3886"/>
                    </a:lnTo>
                    <a:lnTo>
                      <a:pt x="3366" y="3902"/>
                    </a:lnTo>
                    <a:lnTo>
                      <a:pt x="3365" y="3908"/>
                    </a:lnTo>
                    <a:lnTo>
                      <a:pt x="3364" y="3915"/>
                    </a:lnTo>
                    <a:lnTo>
                      <a:pt x="3361" y="3918"/>
                    </a:lnTo>
                    <a:lnTo>
                      <a:pt x="3360" y="3921"/>
                    </a:lnTo>
                    <a:lnTo>
                      <a:pt x="3307" y="3956"/>
                    </a:lnTo>
                    <a:lnTo>
                      <a:pt x="3305" y="3957"/>
                    </a:lnTo>
                    <a:lnTo>
                      <a:pt x="3303" y="3956"/>
                    </a:lnTo>
                    <a:lnTo>
                      <a:pt x="3301" y="3955"/>
                    </a:lnTo>
                    <a:lnTo>
                      <a:pt x="3299" y="3952"/>
                    </a:lnTo>
                    <a:lnTo>
                      <a:pt x="3294" y="3947"/>
                    </a:lnTo>
                    <a:lnTo>
                      <a:pt x="3288" y="3939"/>
                    </a:lnTo>
                    <a:lnTo>
                      <a:pt x="3283" y="3931"/>
                    </a:lnTo>
                    <a:lnTo>
                      <a:pt x="3278" y="3924"/>
                    </a:lnTo>
                    <a:lnTo>
                      <a:pt x="3273" y="3918"/>
                    </a:lnTo>
                    <a:lnTo>
                      <a:pt x="3268" y="3915"/>
                    </a:lnTo>
                    <a:lnTo>
                      <a:pt x="3262" y="3913"/>
                    </a:lnTo>
                    <a:lnTo>
                      <a:pt x="3256" y="3913"/>
                    </a:lnTo>
                    <a:lnTo>
                      <a:pt x="3251" y="3913"/>
                    </a:lnTo>
                    <a:lnTo>
                      <a:pt x="3244" y="3915"/>
                    </a:lnTo>
                    <a:lnTo>
                      <a:pt x="3230" y="3920"/>
                    </a:lnTo>
                    <a:lnTo>
                      <a:pt x="3217" y="3927"/>
                    </a:lnTo>
                    <a:lnTo>
                      <a:pt x="3204" y="3935"/>
                    </a:lnTo>
                    <a:lnTo>
                      <a:pt x="3193" y="3946"/>
                    </a:lnTo>
                    <a:lnTo>
                      <a:pt x="3183" y="3955"/>
                    </a:lnTo>
                    <a:lnTo>
                      <a:pt x="3176" y="3964"/>
                    </a:lnTo>
                    <a:lnTo>
                      <a:pt x="3168" y="3979"/>
                    </a:lnTo>
                    <a:lnTo>
                      <a:pt x="3161" y="3995"/>
                    </a:lnTo>
                    <a:lnTo>
                      <a:pt x="3158" y="4009"/>
                    </a:lnTo>
                    <a:lnTo>
                      <a:pt x="3155" y="4025"/>
                    </a:lnTo>
                    <a:lnTo>
                      <a:pt x="3152" y="4057"/>
                    </a:lnTo>
                    <a:lnTo>
                      <a:pt x="3154" y="4092"/>
                    </a:lnTo>
                    <a:lnTo>
                      <a:pt x="3154" y="4100"/>
                    </a:lnTo>
                    <a:lnTo>
                      <a:pt x="3154" y="4111"/>
                    </a:lnTo>
                    <a:lnTo>
                      <a:pt x="3152" y="4126"/>
                    </a:lnTo>
                    <a:lnTo>
                      <a:pt x="3151" y="4141"/>
                    </a:lnTo>
                    <a:lnTo>
                      <a:pt x="3147" y="4171"/>
                    </a:lnTo>
                    <a:lnTo>
                      <a:pt x="3143" y="4192"/>
                    </a:lnTo>
                    <a:lnTo>
                      <a:pt x="3142" y="4196"/>
                    </a:lnTo>
                    <a:lnTo>
                      <a:pt x="3139" y="4200"/>
                    </a:lnTo>
                    <a:lnTo>
                      <a:pt x="3135" y="4202"/>
                    </a:lnTo>
                    <a:lnTo>
                      <a:pt x="3132" y="4205"/>
                    </a:lnTo>
                    <a:lnTo>
                      <a:pt x="3123" y="4209"/>
                    </a:lnTo>
                    <a:lnTo>
                      <a:pt x="3112" y="4210"/>
                    </a:lnTo>
                    <a:lnTo>
                      <a:pt x="3101" y="4211"/>
                    </a:lnTo>
                    <a:lnTo>
                      <a:pt x="3089" y="4214"/>
                    </a:lnTo>
                    <a:lnTo>
                      <a:pt x="3084" y="4215"/>
                    </a:lnTo>
                    <a:lnTo>
                      <a:pt x="3078" y="4218"/>
                    </a:lnTo>
                    <a:lnTo>
                      <a:pt x="3075" y="4219"/>
                    </a:lnTo>
                    <a:lnTo>
                      <a:pt x="3071" y="4223"/>
                    </a:lnTo>
                    <a:lnTo>
                      <a:pt x="3054" y="4238"/>
                    </a:lnTo>
                    <a:lnTo>
                      <a:pt x="3038" y="4257"/>
                    </a:lnTo>
                    <a:lnTo>
                      <a:pt x="3023" y="4276"/>
                    </a:lnTo>
                    <a:lnTo>
                      <a:pt x="3009" y="4295"/>
                    </a:lnTo>
                    <a:lnTo>
                      <a:pt x="2997" y="4317"/>
                    </a:lnTo>
                    <a:lnTo>
                      <a:pt x="2987" y="4339"/>
                    </a:lnTo>
                    <a:lnTo>
                      <a:pt x="2981" y="4350"/>
                    </a:lnTo>
                    <a:lnTo>
                      <a:pt x="2977" y="4361"/>
                    </a:lnTo>
                    <a:lnTo>
                      <a:pt x="2975" y="4373"/>
                    </a:lnTo>
                    <a:lnTo>
                      <a:pt x="2972" y="4385"/>
                    </a:lnTo>
                    <a:lnTo>
                      <a:pt x="2971" y="4389"/>
                    </a:lnTo>
                    <a:lnTo>
                      <a:pt x="2968" y="4394"/>
                    </a:lnTo>
                    <a:lnTo>
                      <a:pt x="2964" y="4396"/>
                    </a:lnTo>
                    <a:lnTo>
                      <a:pt x="2959" y="4399"/>
                    </a:lnTo>
                    <a:lnTo>
                      <a:pt x="2948" y="4403"/>
                    </a:lnTo>
                    <a:lnTo>
                      <a:pt x="2935" y="4404"/>
                    </a:lnTo>
                    <a:lnTo>
                      <a:pt x="2906" y="4404"/>
                    </a:lnTo>
                    <a:lnTo>
                      <a:pt x="2883" y="4403"/>
                    </a:lnTo>
                    <a:lnTo>
                      <a:pt x="2865" y="4403"/>
                    </a:lnTo>
                    <a:lnTo>
                      <a:pt x="2850" y="4402"/>
                    </a:lnTo>
                    <a:lnTo>
                      <a:pt x="2838" y="4399"/>
                    </a:lnTo>
                    <a:lnTo>
                      <a:pt x="2828" y="4394"/>
                    </a:lnTo>
                    <a:lnTo>
                      <a:pt x="2825" y="4391"/>
                    </a:lnTo>
                    <a:lnTo>
                      <a:pt x="2821" y="4387"/>
                    </a:lnTo>
                    <a:lnTo>
                      <a:pt x="2817" y="4383"/>
                    </a:lnTo>
                    <a:lnTo>
                      <a:pt x="2813" y="4378"/>
                    </a:lnTo>
                    <a:lnTo>
                      <a:pt x="2806" y="4365"/>
                    </a:lnTo>
                    <a:lnTo>
                      <a:pt x="2800" y="4350"/>
                    </a:lnTo>
                    <a:lnTo>
                      <a:pt x="2799" y="4341"/>
                    </a:lnTo>
                    <a:lnTo>
                      <a:pt x="2797" y="4333"/>
                    </a:lnTo>
                    <a:lnTo>
                      <a:pt x="2797" y="4324"/>
                    </a:lnTo>
                    <a:lnTo>
                      <a:pt x="2797" y="4316"/>
                    </a:lnTo>
                    <a:lnTo>
                      <a:pt x="2800" y="4301"/>
                    </a:lnTo>
                    <a:lnTo>
                      <a:pt x="2801" y="4282"/>
                    </a:lnTo>
                    <a:lnTo>
                      <a:pt x="2801" y="4277"/>
                    </a:lnTo>
                    <a:lnTo>
                      <a:pt x="2800" y="4268"/>
                    </a:lnTo>
                    <a:lnTo>
                      <a:pt x="2800" y="4264"/>
                    </a:lnTo>
                    <a:lnTo>
                      <a:pt x="2800" y="4260"/>
                    </a:lnTo>
                    <a:lnTo>
                      <a:pt x="2801" y="4257"/>
                    </a:lnTo>
                    <a:lnTo>
                      <a:pt x="2803" y="4255"/>
                    </a:lnTo>
                    <a:lnTo>
                      <a:pt x="2804" y="4254"/>
                    </a:lnTo>
                    <a:lnTo>
                      <a:pt x="2810" y="4254"/>
                    </a:lnTo>
                    <a:lnTo>
                      <a:pt x="2817" y="4251"/>
                    </a:lnTo>
                    <a:lnTo>
                      <a:pt x="2823" y="4249"/>
                    </a:lnTo>
                    <a:lnTo>
                      <a:pt x="2830" y="4245"/>
                    </a:lnTo>
                    <a:lnTo>
                      <a:pt x="2841" y="4235"/>
                    </a:lnTo>
                    <a:lnTo>
                      <a:pt x="2853" y="4223"/>
                    </a:lnTo>
                    <a:lnTo>
                      <a:pt x="2874" y="4196"/>
                    </a:lnTo>
                    <a:lnTo>
                      <a:pt x="2891" y="4174"/>
                    </a:lnTo>
                    <a:lnTo>
                      <a:pt x="2905" y="4163"/>
                    </a:lnTo>
                    <a:lnTo>
                      <a:pt x="2915" y="4154"/>
                    </a:lnTo>
                    <a:lnTo>
                      <a:pt x="2918" y="4150"/>
                    </a:lnTo>
                    <a:lnTo>
                      <a:pt x="2919" y="4146"/>
                    </a:lnTo>
                    <a:lnTo>
                      <a:pt x="2920" y="4143"/>
                    </a:lnTo>
                    <a:lnTo>
                      <a:pt x="2920" y="4139"/>
                    </a:lnTo>
                    <a:lnTo>
                      <a:pt x="2918" y="4132"/>
                    </a:lnTo>
                    <a:lnTo>
                      <a:pt x="2913" y="4126"/>
                    </a:lnTo>
                    <a:lnTo>
                      <a:pt x="2906" y="4119"/>
                    </a:lnTo>
                    <a:lnTo>
                      <a:pt x="2898" y="4114"/>
                    </a:lnTo>
                    <a:lnTo>
                      <a:pt x="2882" y="4102"/>
                    </a:lnTo>
                    <a:lnTo>
                      <a:pt x="2867" y="4092"/>
                    </a:lnTo>
                    <a:lnTo>
                      <a:pt x="2865" y="4088"/>
                    </a:lnTo>
                    <a:lnTo>
                      <a:pt x="2863" y="4086"/>
                    </a:lnTo>
                    <a:lnTo>
                      <a:pt x="2862" y="4083"/>
                    </a:lnTo>
                    <a:lnTo>
                      <a:pt x="2862" y="4079"/>
                    </a:lnTo>
                    <a:lnTo>
                      <a:pt x="2862" y="4076"/>
                    </a:lnTo>
                    <a:lnTo>
                      <a:pt x="2863" y="4073"/>
                    </a:lnTo>
                    <a:lnTo>
                      <a:pt x="2866" y="4069"/>
                    </a:lnTo>
                    <a:lnTo>
                      <a:pt x="2870" y="4065"/>
                    </a:lnTo>
                    <a:lnTo>
                      <a:pt x="2892" y="4045"/>
                    </a:lnTo>
                    <a:lnTo>
                      <a:pt x="2917" y="4025"/>
                    </a:lnTo>
                    <a:lnTo>
                      <a:pt x="2931" y="4016"/>
                    </a:lnTo>
                    <a:lnTo>
                      <a:pt x="2944" y="4009"/>
                    </a:lnTo>
                    <a:lnTo>
                      <a:pt x="2957" y="4004"/>
                    </a:lnTo>
                    <a:lnTo>
                      <a:pt x="2970" y="4001"/>
                    </a:lnTo>
                    <a:lnTo>
                      <a:pt x="2997" y="4001"/>
                    </a:lnTo>
                    <a:lnTo>
                      <a:pt x="3018" y="4001"/>
                    </a:lnTo>
                    <a:lnTo>
                      <a:pt x="3021" y="4000"/>
                    </a:lnTo>
                    <a:lnTo>
                      <a:pt x="3025" y="3997"/>
                    </a:lnTo>
                    <a:lnTo>
                      <a:pt x="3028" y="3995"/>
                    </a:lnTo>
                    <a:lnTo>
                      <a:pt x="3031" y="3992"/>
                    </a:lnTo>
                    <a:lnTo>
                      <a:pt x="3033" y="3987"/>
                    </a:lnTo>
                    <a:lnTo>
                      <a:pt x="3036" y="3982"/>
                    </a:lnTo>
                    <a:lnTo>
                      <a:pt x="3037" y="3975"/>
                    </a:lnTo>
                    <a:lnTo>
                      <a:pt x="3038" y="3968"/>
                    </a:lnTo>
                    <a:lnTo>
                      <a:pt x="3040" y="3947"/>
                    </a:lnTo>
                    <a:lnTo>
                      <a:pt x="3038" y="3930"/>
                    </a:lnTo>
                    <a:lnTo>
                      <a:pt x="3038" y="3924"/>
                    </a:lnTo>
                    <a:lnTo>
                      <a:pt x="3036" y="3917"/>
                    </a:lnTo>
                    <a:lnTo>
                      <a:pt x="3034" y="3912"/>
                    </a:lnTo>
                    <a:lnTo>
                      <a:pt x="3032" y="3907"/>
                    </a:lnTo>
                    <a:lnTo>
                      <a:pt x="3024" y="3896"/>
                    </a:lnTo>
                    <a:lnTo>
                      <a:pt x="3015" y="3887"/>
                    </a:lnTo>
                    <a:lnTo>
                      <a:pt x="3005" y="3877"/>
                    </a:lnTo>
                    <a:lnTo>
                      <a:pt x="2990" y="3864"/>
                    </a:lnTo>
                    <a:lnTo>
                      <a:pt x="2983" y="3856"/>
                    </a:lnTo>
                    <a:lnTo>
                      <a:pt x="2977" y="3846"/>
                    </a:lnTo>
                    <a:lnTo>
                      <a:pt x="2972" y="3837"/>
                    </a:lnTo>
                    <a:lnTo>
                      <a:pt x="2971" y="3826"/>
                    </a:lnTo>
                    <a:lnTo>
                      <a:pt x="2970" y="3815"/>
                    </a:lnTo>
                    <a:lnTo>
                      <a:pt x="2970" y="3804"/>
                    </a:lnTo>
                    <a:lnTo>
                      <a:pt x="2971" y="3793"/>
                    </a:lnTo>
                    <a:lnTo>
                      <a:pt x="2971" y="3781"/>
                    </a:lnTo>
                    <a:lnTo>
                      <a:pt x="2974" y="3758"/>
                    </a:lnTo>
                    <a:lnTo>
                      <a:pt x="2974" y="3734"/>
                    </a:lnTo>
                    <a:lnTo>
                      <a:pt x="2972" y="3724"/>
                    </a:lnTo>
                    <a:lnTo>
                      <a:pt x="2968" y="3712"/>
                    </a:lnTo>
                    <a:lnTo>
                      <a:pt x="2963" y="3702"/>
                    </a:lnTo>
                    <a:lnTo>
                      <a:pt x="2955" y="3693"/>
                    </a:lnTo>
                    <a:lnTo>
                      <a:pt x="2933" y="3671"/>
                    </a:lnTo>
                    <a:lnTo>
                      <a:pt x="2913" y="3654"/>
                    </a:lnTo>
                    <a:lnTo>
                      <a:pt x="2902" y="3644"/>
                    </a:lnTo>
                    <a:lnTo>
                      <a:pt x="2893" y="3633"/>
                    </a:lnTo>
                    <a:lnTo>
                      <a:pt x="2884" y="3622"/>
                    </a:lnTo>
                    <a:lnTo>
                      <a:pt x="2878" y="3606"/>
                    </a:lnTo>
                    <a:lnTo>
                      <a:pt x="2875" y="3598"/>
                    </a:lnTo>
                    <a:lnTo>
                      <a:pt x="2873" y="3589"/>
                    </a:lnTo>
                    <a:lnTo>
                      <a:pt x="2873" y="3582"/>
                    </a:lnTo>
                    <a:lnTo>
                      <a:pt x="2873" y="3574"/>
                    </a:lnTo>
                    <a:lnTo>
                      <a:pt x="2875" y="3557"/>
                    </a:lnTo>
                    <a:lnTo>
                      <a:pt x="2879" y="3541"/>
                    </a:lnTo>
                    <a:lnTo>
                      <a:pt x="2883" y="3526"/>
                    </a:lnTo>
                    <a:lnTo>
                      <a:pt x="2885" y="3509"/>
                    </a:lnTo>
                    <a:lnTo>
                      <a:pt x="2885" y="3501"/>
                    </a:lnTo>
                    <a:lnTo>
                      <a:pt x="2885" y="3492"/>
                    </a:lnTo>
                    <a:lnTo>
                      <a:pt x="2884" y="3484"/>
                    </a:lnTo>
                    <a:lnTo>
                      <a:pt x="2882" y="3475"/>
                    </a:lnTo>
                    <a:lnTo>
                      <a:pt x="2880" y="3468"/>
                    </a:lnTo>
                    <a:lnTo>
                      <a:pt x="2878" y="3460"/>
                    </a:lnTo>
                    <a:lnTo>
                      <a:pt x="2874" y="3451"/>
                    </a:lnTo>
                    <a:lnTo>
                      <a:pt x="2869" y="3442"/>
                    </a:lnTo>
                    <a:lnTo>
                      <a:pt x="2862" y="3433"/>
                    </a:lnTo>
                    <a:lnTo>
                      <a:pt x="2854" y="3424"/>
                    </a:lnTo>
                    <a:lnTo>
                      <a:pt x="2847" y="3415"/>
                    </a:lnTo>
                    <a:lnTo>
                      <a:pt x="2839" y="3407"/>
                    </a:lnTo>
                    <a:lnTo>
                      <a:pt x="2830" y="3400"/>
                    </a:lnTo>
                    <a:lnTo>
                      <a:pt x="2821" y="3394"/>
                    </a:lnTo>
                    <a:lnTo>
                      <a:pt x="2812" y="3390"/>
                    </a:lnTo>
                    <a:lnTo>
                      <a:pt x="2803" y="3386"/>
                    </a:lnTo>
                    <a:lnTo>
                      <a:pt x="2793" y="3385"/>
                    </a:lnTo>
                    <a:lnTo>
                      <a:pt x="2784" y="3385"/>
                    </a:lnTo>
                    <a:lnTo>
                      <a:pt x="2775" y="3387"/>
                    </a:lnTo>
                    <a:lnTo>
                      <a:pt x="2768" y="3392"/>
                    </a:lnTo>
                    <a:lnTo>
                      <a:pt x="2740" y="3415"/>
                    </a:lnTo>
                    <a:lnTo>
                      <a:pt x="2725" y="3427"/>
                    </a:lnTo>
                    <a:lnTo>
                      <a:pt x="2720" y="3431"/>
                    </a:lnTo>
                    <a:lnTo>
                      <a:pt x="2716" y="3434"/>
                    </a:lnTo>
                    <a:lnTo>
                      <a:pt x="2713" y="3434"/>
                    </a:lnTo>
                    <a:lnTo>
                      <a:pt x="2711" y="3434"/>
                    </a:lnTo>
                    <a:lnTo>
                      <a:pt x="2705" y="3430"/>
                    </a:lnTo>
                    <a:lnTo>
                      <a:pt x="2698" y="3425"/>
                    </a:lnTo>
                    <a:lnTo>
                      <a:pt x="2691" y="3422"/>
                    </a:lnTo>
                    <a:lnTo>
                      <a:pt x="2683" y="3418"/>
                    </a:lnTo>
                    <a:lnTo>
                      <a:pt x="2672" y="3416"/>
                    </a:lnTo>
                    <a:lnTo>
                      <a:pt x="2659" y="3413"/>
                    </a:lnTo>
                    <a:lnTo>
                      <a:pt x="2659" y="3409"/>
                    </a:lnTo>
                    <a:lnTo>
                      <a:pt x="2660" y="3405"/>
                    </a:lnTo>
                    <a:lnTo>
                      <a:pt x="2661" y="3402"/>
                    </a:lnTo>
                    <a:lnTo>
                      <a:pt x="2664" y="3398"/>
                    </a:lnTo>
                    <a:lnTo>
                      <a:pt x="2665" y="3394"/>
                    </a:lnTo>
                    <a:lnTo>
                      <a:pt x="2667" y="3389"/>
                    </a:lnTo>
                    <a:lnTo>
                      <a:pt x="2667" y="3382"/>
                    </a:lnTo>
                    <a:lnTo>
                      <a:pt x="2665" y="3377"/>
                    </a:lnTo>
                    <a:lnTo>
                      <a:pt x="2660" y="3365"/>
                    </a:lnTo>
                    <a:lnTo>
                      <a:pt x="2650" y="3355"/>
                    </a:lnTo>
                    <a:lnTo>
                      <a:pt x="2641" y="3345"/>
                    </a:lnTo>
                    <a:lnTo>
                      <a:pt x="2632" y="3335"/>
                    </a:lnTo>
                    <a:lnTo>
                      <a:pt x="2626" y="3329"/>
                    </a:lnTo>
                    <a:lnTo>
                      <a:pt x="2620" y="3325"/>
                    </a:lnTo>
                    <a:lnTo>
                      <a:pt x="2612" y="3320"/>
                    </a:lnTo>
                    <a:lnTo>
                      <a:pt x="2604" y="3316"/>
                    </a:lnTo>
                    <a:lnTo>
                      <a:pt x="2586" y="3308"/>
                    </a:lnTo>
                    <a:lnTo>
                      <a:pt x="2569" y="3302"/>
                    </a:lnTo>
                    <a:lnTo>
                      <a:pt x="2562" y="3298"/>
                    </a:lnTo>
                    <a:lnTo>
                      <a:pt x="2555" y="3294"/>
                    </a:lnTo>
                    <a:lnTo>
                      <a:pt x="2550" y="3290"/>
                    </a:lnTo>
                    <a:lnTo>
                      <a:pt x="2546" y="3286"/>
                    </a:lnTo>
                    <a:lnTo>
                      <a:pt x="2543" y="3282"/>
                    </a:lnTo>
                    <a:lnTo>
                      <a:pt x="2543" y="3278"/>
                    </a:lnTo>
                    <a:lnTo>
                      <a:pt x="2546" y="3273"/>
                    </a:lnTo>
                    <a:lnTo>
                      <a:pt x="2551" y="3268"/>
                    </a:lnTo>
                    <a:lnTo>
                      <a:pt x="2558" y="3262"/>
                    </a:lnTo>
                    <a:lnTo>
                      <a:pt x="2564" y="3255"/>
                    </a:lnTo>
                    <a:lnTo>
                      <a:pt x="2568" y="3247"/>
                    </a:lnTo>
                    <a:lnTo>
                      <a:pt x="2571" y="3240"/>
                    </a:lnTo>
                    <a:lnTo>
                      <a:pt x="2572" y="3232"/>
                    </a:lnTo>
                    <a:lnTo>
                      <a:pt x="2572" y="3224"/>
                    </a:lnTo>
                    <a:lnTo>
                      <a:pt x="2571" y="3215"/>
                    </a:lnTo>
                    <a:lnTo>
                      <a:pt x="2568" y="3206"/>
                    </a:lnTo>
                    <a:lnTo>
                      <a:pt x="2559" y="3181"/>
                    </a:lnTo>
                    <a:lnTo>
                      <a:pt x="2547" y="3153"/>
                    </a:lnTo>
                    <a:lnTo>
                      <a:pt x="2540" y="3140"/>
                    </a:lnTo>
                    <a:lnTo>
                      <a:pt x="2531" y="3128"/>
                    </a:lnTo>
                    <a:lnTo>
                      <a:pt x="2525" y="3123"/>
                    </a:lnTo>
                    <a:lnTo>
                      <a:pt x="2520" y="3119"/>
                    </a:lnTo>
                    <a:lnTo>
                      <a:pt x="2515" y="3115"/>
                    </a:lnTo>
                    <a:lnTo>
                      <a:pt x="2508" y="3114"/>
                    </a:lnTo>
                    <a:lnTo>
                      <a:pt x="2499" y="3111"/>
                    </a:lnTo>
                    <a:lnTo>
                      <a:pt x="2490" y="3111"/>
                    </a:lnTo>
                    <a:lnTo>
                      <a:pt x="2481" y="3111"/>
                    </a:lnTo>
                    <a:lnTo>
                      <a:pt x="2472" y="3113"/>
                    </a:lnTo>
                    <a:lnTo>
                      <a:pt x="2454" y="3117"/>
                    </a:lnTo>
                    <a:lnTo>
                      <a:pt x="2437" y="3123"/>
                    </a:lnTo>
                    <a:lnTo>
                      <a:pt x="2419" y="3130"/>
                    </a:lnTo>
                    <a:lnTo>
                      <a:pt x="2402" y="3135"/>
                    </a:lnTo>
                    <a:lnTo>
                      <a:pt x="2384" y="3140"/>
                    </a:lnTo>
                    <a:lnTo>
                      <a:pt x="2367" y="3141"/>
                    </a:lnTo>
                    <a:lnTo>
                      <a:pt x="2367" y="3140"/>
                    </a:lnTo>
                    <a:lnTo>
                      <a:pt x="2367" y="3135"/>
                    </a:lnTo>
                    <a:lnTo>
                      <a:pt x="2370" y="3130"/>
                    </a:lnTo>
                    <a:lnTo>
                      <a:pt x="2374" y="3126"/>
                    </a:lnTo>
                    <a:lnTo>
                      <a:pt x="2379" y="3120"/>
                    </a:lnTo>
                    <a:lnTo>
                      <a:pt x="2391" y="3113"/>
                    </a:lnTo>
                    <a:lnTo>
                      <a:pt x="2405" y="3105"/>
                    </a:lnTo>
                    <a:lnTo>
                      <a:pt x="2416" y="3097"/>
                    </a:lnTo>
                    <a:lnTo>
                      <a:pt x="2427" y="3089"/>
                    </a:lnTo>
                    <a:lnTo>
                      <a:pt x="2429" y="3084"/>
                    </a:lnTo>
                    <a:lnTo>
                      <a:pt x="2431" y="3080"/>
                    </a:lnTo>
                    <a:lnTo>
                      <a:pt x="2429" y="3075"/>
                    </a:lnTo>
                    <a:lnTo>
                      <a:pt x="2427" y="3069"/>
                    </a:lnTo>
                    <a:lnTo>
                      <a:pt x="2420" y="3058"/>
                    </a:lnTo>
                    <a:lnTo>
                      <a:pt x="2413" y="3049"/>
                    </a:lnTo>
                    <a:lnTo>
                      <a:pt x="2405" y="3041"/>
                    </a:lnTo>
                    <a:lnTo>
                      <a:pt x="2398" y="3035"/>
                    </a:lnTo>
                    <a:lnTo>
                      <a:pt x="2391" y="3031"/>
                    </a:lnTo>
                    <a:lnTo>
                      <a:pt x="2383" y="3027"/>
                    </a:lnTo>
                    <a:lnTo>
                      <a:pt x="2375" y="3025"/>
                    </a:lnTo>
                    <a:lnTo>
                      <a:pt x="2367" y="3022"/>
                    </a:lnTo>
                    <a:lnTo>
                      <a:pt x="2350" y="3022"/>
                    </a:lnTo>
                    <a:lnTo>
                      <a:pt x="2332" y="3023"/>
                    </a:lnTo>
                    <a:lnTo>
                      <a:pt x="2313" y="3026"/>
                    </a:lnTo>
                    <a:lnTo>
                      <a:pt x="2292" y="3028"/>
                    </a:lnTo>
                    <a:lnTo>
                      <a:pt x="2287" y="3028"/>
                    </a:lnTo>
                    <a:lnTo>
                      <a:pt x="2283" y="3027"/>
                    </a:lnTo>
                    <a:lnTo>
                      <a:pt x="2280" y="3025"/>
                    </a:lnTo>
                    <a:lnTo>
                      <a:pt x="2278" y="3022"/>
                    </a:lnTo>
                    <a:lnTo>
                      <a:pt x="2275" y="3014"/>
                    </a:lnTo>
                    <a:lnTo>
                      <a:pt x="2275" y="3005"/>
                    </a:lnTo>
                    <a:lnTo>
                      <a:pt x="2278" y="2983"/>
                    </a:lnTo>
                    <a:lnTo>
                      <a:pt x="2280" y="2965"/>
                    </a:lnTo>
                    <a:lnTo>
                      <a:pt x="2279" y="2960"/>
                    </a:lnTo>
                    <a:lnTo>
                      <a:pt x="2275" y="2956"/>
                    </a:lnTo>
                    <a:lnTo>
                      <a:pt x="2270" y="2951"/>
                    </a:lnTo>
                    <a:lnTo>
                      <a:pt x="2264" y="2946"/>
                    </a:lnTo>
                    <a:lnTo>
                      <a:pt x="2256" y="2940"/>
                    </a:lnTo>
                    <a:lnTo>
                      <a:pt x="2249" y="2934"/>
                    </a:lnTo>
                    <a:lnTo>
                      <a:pt x="2244" y="2927"/>
                    </a:lnTo>
                    <a:lnTo>
                      <a:pt x="2242" y="2920"/>
                    </a:lnTo>
                    <a:lnTo>
                      <a:pt x="2234" y="2900"/>
                    </a:lnTo>
                    <a:lnTo>
                      <a:pt x="2226" y="2882"/>
                    </a:lnTo>
                    <a:lnTo>
                      <a:pt x="2218" y="2865"/>
                    </a:lnTo>
                    <a:lnTo>
                      <a:pt x="2208" y="2850"/>
                    </a:lnTo>
                    <a:lnTo>
                      <a:pt x="2198" y="2837"/>
                    </a:lnTo>
                    <a:lnTo>
                      <a:pt x="2186" y="2824"/>
                    </a:lnTo>
                    <a:lnTo>
                      <a:pt x="2173" y="2813"/>
                    </a:lnTo>
                    <a:lnTo>
                      <a:pt x="2160" y="2804"/>
                    </a:lnTo>
                    <a:lnTo>
                      <a:pt x="2144" y="2795"/>
                    </a:lnTo>
                    <a:lnTo>
                      <a:pt x="2130" y="2789"/>
                    </a:lnTo>
                    <a:lnTo>
                      <a:pt x="2113" y="2784"/>
                    </a:lnTo>
                    <a:lnTo>
                      <a:pt x="2097" y="2780"/>
                    </a:lnTo>
                    <a:lnTo>
                      <a:pt x="2078" y="2777"/>
                    </a:lnTo>
                    <a:lnTo>
                      <a:pt x="2059" y="2776"/>
                    </a:lnTo>
                    <a:lnTo>
                      <a:pt x="2040" y="2776"/>
                    </a:lnTo>
                    <a:lnTo>
                      <a:pt x="2019" y="2778"/>
                    </a:lnTo>
                    <a:lnTo>
                      <a:pt x="2010" y="2781"/>
                    </a:lnTo>
                    <a:lnTo>
                      <a:pt x="1999" y="2785"/>
                    </a:lnTo>
                    <a:lnTo>
                      <a:pt x="1990" y="2793"/>
                    </a:lnTo>
                    <a:lnTo>
                      <a:pt x="1980" y="2799"/>
                    </a:lnTo>
                    <a:lnTo>
                      <a:pt x="1971" y="2807"/>
                    </a:lnTo>
                    <a:lnTo>
                      <a:pt x="1963" y="2812"/>
                    </a:lnTo>
                    <a:lnTo>
                      <a:pt x="1959" y="2813"/>
                    </a:lnTo>
                    <a:lnTo>
                      <a:pt x="1955" y="2815"/>
                    </a:lnTo>
                    <a:lnTo>
                      <a:pt x="1954" y="2815"/>
                    </a:lnTo>
                    <a:lnTo>
                      <a:pt x="1951" y="2815"/>
                    </a:lnTo>
                    <a:lnTo>
                      <a:pt x="1946" y="2810"/>
                    </a:lnTo>
                    <a:lnTo>
                      <a:pt x="1940" y="2802"/>
                    </a:lnTo>
                    <a:lnTo>
                      <a:pt x="1933" y="2791"/>
                    </a:lnTo>
                    <a:lnTo>
                      <a:pt x="1927" y="2780"/>
                    </a:lnTo>
                    <a:lnTo>
                      <a:pt x="1915" y="2758"/>
                    </a:lnTo>
                    <a:lnTo>
                      <a:pt x="1905" y="2741"/>
                    </a:lnTo>
                    <a:lnTo>
                      <a:pt x="1900" y="2733"/>
                    </a:lnTo>
                    <a:lnTo>
                      <a:pt x="1893" y="2727"/>
                    </a:lnTo>
                    <a:lnTo>
                      <a:pt x="1887" y="2720"/>
                    </a:lnTo>
                    <a:lnTo>
                      <a:pt x="1879" y="2714"/>
                    </a:lnTo>
                    <a:lnTo>
                      <a:pt x="1863" y="2703"/>
                    </a:lnTo>
                    <a:lnTo>
                      <a:pt x="1846" y="2692"/>
                    </a:lnTo>
                    <a:lnTo>
                      <a:pt x="1830" y="2681"/>
                    </a:lnTo>
                    <a:lnTo>
                      <a:pt x="1813" y="2668"/>
                    </a:lnTo>
                    <a:lnTo>
                      <a:pt x="1805" y="2662"/>
                    </a:lnTo>
                    <a:lnTo>
                      <a:pt x="1797" y="2655"/>
                    </a:lnTo>
                    <a:lnTo>
                      <a:pt x="1791" y="2648"/>
                    </a:lnTo>
                    <a:lnTo>
                      <a:pt x="1786" y="2639"/>
                    </a:lnTo>
                    <a:lnTo>
                      <a:pt x="1683" y="2479"/>
                    </a:lnTo>
                    <a:lnTo>
                      <a:pt x="1672" y="2462"/>
                    </a:lnTo>
                    <a:lnTo>
                      <a:pt x="1660" y="2448"/>
                    </a:lnTo>
                    <a:lnTo>
                      <a:pt x="1647" y="2434"/>
                    </a:lnTo>
                    <a:lnTo>
                      <a:pt x="1634" y="2421"/>
                    </a:lnTo>
                    <a:lnTo>
                      <a:pt x="1607" y="2398"/>
                    </a:lnTo>
                    <a:lnTo>
                      <a:pt x="1580" y="2374"/>
                    </a:lnTo>
                    <a:lnTo>
                      <a:pt x="1567" y="2363"/>
                    </a:lnTo>
                    <a:lnTo>
                      <a:pt x="1554" y="2350"/>
                    </a:lnTo>
                    <a:lnTo>
                      <a:pt x="1541" y="2337"/>
                    </a:lnTo>
                    <a:lnTo>
                      <a:pt x="1529" y="2324"/>
                    </a:lnTo>
                    <a:lnTo>
                      <a:pt x="1519" y="2308"/>
                    </a:lnTo>
                    <a:lnTo>
                      <a:pt x="1510" y="2293"/>
                    </a:lnTo>
                    <a:lnTo>
                      <a:pt x="1502" y="2275"/>
                    </a:lnTo>
                    <a:lnTo>
                      <a:pt x="1494" y="2255"/>
                    </a:lnTo>
                    <a:lnTo>
                      <a:pt x="1489" y="2246"/>
                    </a:lnTo>
                    <a:lnTo>
                      <a:pt x="1482" y="2236"/>
                    </a:lnTo>
                    <a:lnTo>
                      <a:pt x="1473" y="2225"/>
                    </a:lnTo>
                    <a:lnTo>
                      <a:pt x="1464" y="2215"/>
                    </a:lnTo>
                    <a:lnTo>
                      <a:pt x="1454" y="2206"/>
                    </a:lnTo>
                    <a:lnTo>
                      <a:pt x="1444" y="2199"/>
                    </a:lnTo>
                    <a:lnTo>
                      <a:pt x="1433" y="2193"/>
                    </a:lnTo>
                    <a:lnTo>
                      <a:pt x="1422" y="2190"/>
                    </a:lnTo>
                    <a:lnTo>
                      <a:pt x="1415" y="2190"/>
                    </a:lnTo>
                    <a:lnTo>
                      <a:pt x="1410" y="2190"/>
                    </a:lnTo>
                    <a:lnTo>
                      <a:pt x="1405" y="2192"/>
                    </a:lnTo>
                    <a:lnTo>
                      <a:pt x="1398" y="2193"/>
                    </a:lnTo>
                    <a:lnTo>
                      <a:pt x="1388" y="2197"/>
                    </a:lnTo>
                    <a:lnTo>
                      <a:pt x="1379" y="2201"/>
                    </a:lnTo>
                    <a:lnTo>
                      <a:pt x="1375" y="2202"/>
                    </a:lnTo>
                    <a:lnTo>
                      <a:pt x="1370" y="2203"/>
                    </a:lnTo>
                    <a:lnTo>
                      <a:pt x="1366" y="2203"/>
                    </a:lnTo>
                    <a:lnTo>
                      <a:pt x="1362" y="2202"/>
                    </a:lnTo>
                    <a:lnTo>
                      <a:pt x="1358" y="2201"/>
                    </a:lnTo>
                    <a:lnTo>
                      <a:pt x="1354" y="2197"/>
                    </a:lnTo>
                    <a:lnTo>
                      <a:pt x="1352" y="2192"/>
                    </a:lnTo>
                    <a:lnTo>
                      <a:pt x="1348" y="2185"/>
                    </a:lnTo>
                    <a:lnTo>
                      <a:pt x="1344" y="2177"/>
                    </a:lnTo>
                    <a:lnTo>
                      <a:pt x="1336" y="2166"/>
                    </a:lnTo>
                    <a:lnTo>
                      <a:pt x="1333" y="2161"/>
                    </a:lnTo>
                    <a:lnTo>
                      <a:pt x="1331" y="2155"/>
                    </a:lnTo>
                    <a:lnTo>
                      <a:pt x="1331" y="2151"/>
                    </a:lnTo>
                    <a:lnTo>
                      <a:pt x="1332" y="2149"/>
                    </a:lnTo>
                    <a:lnTo>
                      <a:pt x="1337" y="2148"/>
                    </a:lnTo>
                    <a:lnTo>
                      <a:pt x="1344" y="2146"/>
                    </a:lnTo>
                    <a:lnTo>
                      <a:pt x="1350" y="2146"/>
                    </a:lnTo>
                    <a:lnTo>
                      <a:pt x="1357" y="2146"/>
                    </a:lnTo>
                    <a:lnTo>
                      <a:pt x="1370" y="2148"/>
                    </a:lnTo>
                    <a:lnTo>
                      <a:pt x="1381" y="2145"/>
                    </a:lnTo>
                    <a:lnTo>
                      <a:pt x="1380" y="2135"/>
                    </a:lnTo>
                    <a:lnTo>
                      <a:pt x="1378" y="2123"/>
                    </a:lnTo>
                    <a:lnTo>
                      <a:pt x="1371" y="2113"/>
                    </a:lnTo>
                    <a:lnTo>
                      <a:pt x="1365" y="2101"/>
                    </a:lnTo>
                    <a:lnTo>
                      <a:pt x="1355" y="2091"/>
                    </a:lnTo>
                    <a:lnTo>
                      <a:pt x="1345" y="2079"/>
                    </a:lnTo>
                    <a:lnTo>
                      <a:pt x="1335" y="2069"/>
                    </a:lnTo>
                    <a:lnTo>
                      <a:pt x="1322" y="2058"/>
                    </a:lnTo>
                    <a:lnTo>
                      <a:pt x="1273" y="2019"/>
                    </a:lnTo>
                    <a:lnTo>
                      <a:pt x="1232" y="1990"/>
                    </a:lnTo>
                    <a:lnTo>
                      <a:pt x="1226" y="1982"/>
                    </a:lnTo>
                    <a:lnTo>
                      <a:pt x="1221" y="1973"/>
                    </a:lnTo>
                    <a:lnTo>
                      <a:pt x="1217" y="1964"/>
                    </a:lnTo>
                    <a:lnTo>
                      <a:pt x="1214" y="1955"/>
                    </a:lnTo>
                    <a:lnTo>
                      <a:pt x="1212" y="1946"/>
                    </a:lnTo>
                    <a:lnTo>
                      <a:pt x="1209" y="1938"/>
                    </a:lnTo>
                    <a:lnTo>
                      <a:pt x="1206" y="1931"/>
                    </a:lnTo>
                    <a:lnTo>
                      <a:pt x="1201" y="1926"/>
                    </a:lnTo>
                    <a:lnTo>
                      <a:pt x="1197" y="1925"/>
                    </a:lnTo>
                    <a:lnTo>
                      <a:pt x="1194" y="1925"/>
                    </a:lnTo>
                    <a:lnTo>
                      <a:pt x="1190" y="1925"/>
                    </a:lnTo>
                    <a:lnTo>
                      <a:pt x="1184" y="1926"/>
                    </a:lnTo>
                    <a:lnTo>
                      <a:pt x="1174" y="1930"/>
                    </a:lnTo>
                    <a:lnTo>
                      <a:pt x="1164" y="1933"/>
                    </a:lnTo>
                    <a:lnTo>
                      <a:pt x="1159" y="1934"/>
                    </a:lnTo>
                    <a:lnTo>
                      <a:pt x="1155" y="1934"/>
                    </a:lnTo>
                    <a:lnTo>
                      <a:pt x="1151" y="1934"/>
                    </a:lnTo>
                    <a:lnTo>
                      <a:pt x="1148" y="1933"/>
                    </a:lnTo>
                    <a:lnTo>
                      <a:pt x="1146" y="1930"/>
                    </a:lnTo>
                    <a:lnTo>
                      <a:pt x="1144" y="1925"/>
                    </a:lnTo>
                    <a:lnTo>
                      <a:pt x="1144" y="1918"/>
                    </a:lnTo>
                    <a:lnTo>
                      <a:pt x="1146" y="1911"/>
                    </a:lnTo>
                    <a:lnTo>
                      <a:pt x="1152" y="1887"/>
                    </a:lnTo>
                    <a:lnTo>
                      <a:pt x="1160" y="1868"/>
                    </a:lnTo>
                    <a:lnTo>
                      <a:pt x="1162" y="1857"/>
                    </a:lnTo>
                    <a:lnTo>
                      <a:pt x="1164" y="1847"/>
                    </a:lnTo>
                    <a:lnTo>
                      <a:pt x="1164" y="1834"/>
                    </a:lnTo>
                    <a:lnTo>
                      <a:pt x="1162" y="1820"/>
                    </a:lnTo>
                    <a:lnTo>
                      <a:pt x="1159" y="1804"/>
                    </a:lnTo>
                    <a:lnTo>
                      <a:pt x="1153" y="1790"/>
                    </a:lnTo>
                    <a:lnTo>
                      <a:pt x="1148" y="1776"/>
                    </a:lnTo>
                    <a:lnTo>
                      <a:pt x="1143" y="1762"/>
                    </a:lnTo>
                    <a:lnTo>
                      <a:pt x="1129" y="1733"/>
                    </a:lnTo>
                    <a:lnTo>
                      <a:pt x="1113" y="1706"/>
                    </a:lnTo>
                    <a:lnTo>
                      <a:pt x="1099" y="1679"/>
                    </a:lnTo>
                    <a:lnTo>
                      <a:pt x="1086" y="1650"/>
                    </a:lnTo>
                    <a:lnTo>
                      <a:pt x="1080" y="1636"/>
                    </a:lnTo>
                    <a:lnTo>
                      <a:pt x="1074" y="1622"/>
                    </a:lnTo>
                    <a:lnTo>
                      <a:pt x="1070" y="1607"/>
                    </a:lnTo>
                    <a:lnTo>
                      <a:pt x="1067" y="1593"/>
                    </a:lnTo>
                    <a:lnTo>
                      <a:pt x="1065" y="1567"/>
                    </a:lnTo>
                    <a:lnTo>
                      <a:pt x="1063" y="1527"/>
                    </a:lnTo>
                    <a:lnTo>
                      <a:pt x="1059" y="1504"/>
                    </a:lnTo>
                    <a:lnTo>
                      <a:pt x="1056" y="1478"/>
                    </a:lnTo>
                    <a:lnTo>
                      <a:pt x="1051" y="1452"/>
                    </a:lnTo>
                    <a:lnTo>
                      <a:pt x="1045" y="1427"/>
                    </a:lnTo>
                    <a:lnTo>
                      <a:pt x="1038" y="1403"/>
                    </a:lnTo>
                    <a:lnTo>
                      <a:pt x="1030" y="1381"/>
                    </a:lnTo>
                    <a:lnTo>
                      <a:pt x="1025" y="1370"/>
                    </a:lnTo>
                    <a:lnTo>
                      <a:pt x="1020" y="1361"/>
                    </a:lnTo>
                    <a:lnTo>
                      <a:pt x="1015" y="1353"/>
                    </a:lnTo>
                    <a:lnTo>
                      <a:pt x="1010" y="1346"/>
                    </a:lnTo>
                    <a:lnTo>
                      <a:pt x="1003" y="1341"/>
                    </a:lnTo>
                    <a:lnTo>
                      <a:pt x="997" y="1335"/>
                    </a:lnTo>
                    <a:lnTo>
                      <a:pt x="990" y="1331"/>
                    </a:lnTo>
                    <a:lnTo>
                      <a:pt x="982" y="1330"/>
                    </a:lnTo>
                    <a:lnTo>
                      <a:pt x="975" y="1330"/>
                    </a:lnTo>
                    <a:lnTo>
                      <a:pt x="967" y="1331"/>
                    </a:lnTo>
                    <a:lnTo>
                      <a:pt x="958" y="1334"/>
                    </a:lnTo>
                    <a:lnTo>
                      <a:pt x="949" y="1339"/>
                    </a:lnTo>
                    <a:lnTo>
                      <a:pt x="942" y="1342"/>
                    </a:lnTo>
                    <a:lnTo>
                      <a:pt x="937" y="1343"/>
                    </a:lnTo>
                    <a:lnTo>
                      <a:pt x="932" y="1342"/>
                    </a:lnTo>
                    <a:lnTo>
                      <a:pt x="927" y="1341"/>
                    </a:lnTo>
                    <a:lnTo>
                      <a:pt x="921" y="1338"/>
                    </a:lnTo>
                    <a:lnTo>
                      <a:pt x="916" y="1334"/>
                    </a:lnTo>
                    <a:lnTo>
                      <a:pt x="912" y="1329"/>
                    </a:lnTo>
                    <a:lnTo>
                      <a:pt x="907" y="1324"/>
                    </a:lnTo>
                    <a:lnTo>
                      <a:pt x="889" y="1302"/>
                    </a:lnTo>
                    <a:lnTo>
                      <a:pt x="875" y="1284"/>
                    </a:lnTo>
                    <a:lnTo>
                      <a:pt x="858" y="1264"/>
                    </a:lnTo>
                    <a:lnTo>
                      <a:pt x="835" y="1236"/>
                    </a:lnTo>
                    <a:lnTo>
                      <a:pt x="822" y="1223"/>
                    </a:lnTo>
                    <a:lnTo>
                      <a:pt x="810" y="1214"/>
                    </a:lnTo>
                    <a:lnTo>
                      <a:pt x="804" y="1211"/>
                    </a:lnTo>
                    <a:lnTo>
                      <a:pt x="798" y="1208"/>
                    </a:lnTo>
                    <a:lnTo>
                      <a:pt x="793" y="1208"/>
                    </a:lnTo>
                    <a:lnTo>
                      <a:pt x="788" y="1211"/>
                    </a:lnTo>
                    <a:lnTo>
                      <a:pt x="779" y="1215"/>
                    </a:lnTo>
                    <a:lnTo>
                      <a:pt x="773" y="1217"/>
                    </a:lnTo>
                    <a:lnTo>
                      <a:pt x="766" y="1219"/>
                    </a:lnTo>
                    <a:lnTo>
                      <a:pt x="760" y="1217"/>
                    </a:lnTo>
                    <a:lnTo>
                      <a:pt x="756" y="1216"/>
                    </a:lnTo>
                    <a:lnTo>
                      <a:pt x="750" y="1214"/>
                    </a:lnTo>
                    <a:lnTo>
                      <a:pt x="745" y="1210"/>
                    </a:lnTo>
                    <a:lnTo>
                      <a:pt x="741" y="1205"/>
                    </a:lnTo>
                    <a:lnTo>
                      <a:pt x="731" y="1194"/>
                    </a:lnTo>
                    <a:lnTo>
                      <a:pt x="718" y="1183"/>
                    </a:lnTo>
                    <a:lnTo>
                      <a:pt x="710" y="1177"/>
                    </a:lnTo>
                    <a:lnTo>
                      <a:pt x="701" y="1173"/>
                    </a:lnTo>
                    <a:lnTo>
                      <a:pt x="691" y="1168"/>
                    </a:lnTo>
                    <a:lnTo>
                      <a:pt x="679" y="1166"/>
                    </a:lnTo>
                    <a:lnTo>
                      <a:pt x="664" y="1163"/>
                    </a:lnTo>
                    <a:lnTo>
                      <a:pt x="647" y="1162"/>
                    </a:lnTo>
                    <a:lnTo>
                      <a:pt x="633" y="1162"/>
                    </a:lnTo>
                    <a:lnTo>
                      <a:pt x="617" y="1163"/>
                    </a:lnTo>
                    <a:lnTo>
                      <a:pt x="603" y="1166"/>
                    </a:lnTo>
                    <a:lnTo>
                      <a:pt x="589" y="1170"/>
                    </a:lnTo>
                    <a:lnTo>
                      <a:pt x="576" y="1173"/>
                    </a:lnTo>
                    <a:lnTo>
                      <a:pt x="561" y="1179"/>
                    </a:lnTo>
                    <a:lnTo>
                      <a:pt x="548" y="1185"/>
                    </a:lnTo>
                    <a:lnTo>
                      <a:pt x="535" y="1192"/>
                    </a:lnTo>
                    <a:lnTo>
                      <a:pt x="522" y="1199"/>
                    </a:lnTo>
                    <a:lnTo>
                      <a:pt x="511" y="1207"/>
                    </a:lnTo>
                    <a:lnTo>
                      <a:pt x="486" y="1224"/>
                    </a:lnTo>
                    <a:lnTo>
                      <a:pt x="463" y="1243"/>
                    </a:lnTo>
                    <a:lnTo>
                      <a:pt x="456" y="1249"/>
                    </a:lnTo>
                    <a:lnTo>
                      <a:pt x="450" y="1255"/>
                    </a:lnTo>
                    <a:lnTo>
                      <a:pt x="445" y="1262"/>
                    </a:lnTo>
                    <a:lnTo>
                      <a:pt x="440" y="1268"/>
                    </a:lnTo>
                    <a:lnTo>
                      <a:pt x="432" y="1284"/>
                    </a:lnTo>
                    <a:lnTo>
                      <a:pt x="424" y="1298"/>
                    </a:lnTo>
                    <a:lnTo>
                      <a:pt x="416" y="1312"/>
                    </a:lnTo>
                    <a:lnTo>
                      <a:pt x="408" y="1325"/>
                    </a:lnTo>
                    <a:lnTo>
                      <a:pt x="403" y="1330"/>
                    </a:lnTo>
                    <a:lnTo>
                      <a:pt x="398" y="1337"/>
                    </a:lnTo>
                    <a:lnTo>
                      <a:pt x="393" y="1341"/>
                    </a:lnTo>
                    <a:lnTo>
                      <a:pt x="388" y="1344"/>
                    </a:lnTo>
                    <a:lnTo>
                      <a:pt x="370" y="1353"/>
                    </a:lnTo>
                    <a:lnTo>
                      <a:pt x="345" y="1361"/>
                    </a:lnTo>
                    <a:lnTo>
                      <a:pt x="318" y="1369"/>
                    </a:lnTo>
                    <a:lnTo>
                      <a:pt x="288" y="1377"/>
                    </a:lnTo>
                    <a:lnTo>
                      <a:pt x="257" y="1383"/>
                    </a:lnTo>
                    <a:lnTo>
                      <a:pt x="228" y="1388"/>
                    </a:lnTo>
                    <a:lnTo>
                      <a:pt x="204" y="1391"/>
                    </a:lnTo>
                    <a:lnTo>
                      <a:pt x="186" y="1392"/>
                    </a:lnTo>
                    <a:lnTo>
                      <a:pt x="179" y="1366"/>
                    </a:lnTo>
                    <a:lnTo>
                      <a:pt x="173" y="1338"/>
                    </a:lnTo>
                    <a:lnTo>
                      <a:pt x="171" y="1324"/>
                    </a:lnTo>
                    <a:lnTo>
                      <a:pt x="171" y="1309"/>
                    </a:lnTo>
                    <a:lnTo>
                      <a:pt x="171" y="1295"/>
                    </a:lnTo>
                    <a:lnTo>
                      <a:pt x="174" y="1284"/>
                    </a:lnTo>
                    <a:lnTo>
                      <a:pt x="180" y="1269"/>
                    </a:lnTo>
                    <a:lnTo>
                      <a:pt x="188" y="1258"/>
                    </a:lnTo>
                    <a:lnTo>
                      <a:pt x="191" y="1252"/>
                    </a:lnTo>
                    <a:lnTo>
                      <a:pt x="193" y="1246"/>
                    </a:lnTo>
                    <a:lnTo>
                      <a:pt x="196" y="1238"/>
                    </a:lnTo>
                    <a:lnTo>
                      <a:pt x="196" y="1230"/>
                    </a:lnTo>
                    <a:lnTo>
                      <a:pt x="195" y="1225"/>
                    </a:lnTo>
                    <a:lnTo>
                      <a:pt x="195" y="1220"/>
                    </a:lnTo>
                    <a:lnTo>
                      <a:pt x="192" y="1215"/>
                    </a:lnTo>
                    <a:lnTo>
                      <a:pt x="190" y="1211"/>
                    </a:lnTo>
                    <a:lnTo>
                      <a:pt x="183" y="1203"/>
                    </a:lnTo>
                    <a:lnTo>
                      <a:pt x="175" y="1195"/>
                    </a:lnTo>
                    <a:lnTo>
                      <a:pt x="165" y="1190"/>
                    </a:lnTo>
                    <a:lnTo>
                      <a:pt x="155" y="1185"/>
                    </a:lnTo>
                    <a:lnTo>
                      <a:pt x="143" y="1181"/>
                    </a:lnTo>
                    <a:lnTo>
                      <a:pt x="130" y="1177"/>
                    </a:lnTo>
                    <a:lnTo>
                      <a:pt x="105" y="1168"/>
                    </a:lnTo>
                    <a:lnTo>
                      <a:pt x="81" y="1160"/>
                    </a:lnTo>
                    <a:lnTo>
                      <a:pt x="70" y="1154"/>
                    </a:lnTo>
                    <a:lnTo>
                      <a:pt x="61" y="1149"/>
                    </a:lnTo>
                    <a:lnTo>
                      <a:pt x="54" y="1141"/>
                    </a:lnTo>
                    <a:lnTo>
                      <a:pt x="47" y="1133"/>
                    </a:lnTo>
                    <a:lnTo>
                      <a:pt x="41" y="1116"/>
                    </a:lnTo>
                    <a:lnTo>
                      <a:pt x="35" y="1100"/>
                    </a:lnTo>
                    <a:lnTo>
                      <a:pt x="33" y="1083"/>
                    </a:lnTo>
                    <a:lnTo>
                      <a:pt x="30" y="1066"/>
                    </a:lnTo>
                    <a:lnTo>
                      <a:pt x="29" y="1048"/>
                    </a:lnTo>
                    <a:lnTo>
                      <a:pt x="28" y="1031"/>
                    </a:lnTo>
                    <a:lnTo>
                      <a:pt x="25" y="1014"/>
                    </a:lnTo>
                    <a:lnTo>
                      <a:pt x="21" y="997"/>
                    </a:lnTo>
                    <a:lnTo>
                      <a:pt x="19" y="984"/>
                    </a:lnTo>
                    <a:lnTo>
                      <a:pt x="17" y="974"/>
                    </a:lnTo>
                    <a:lnTo>
                      <a:pt x="17" y="964"/>
                    </a:lnTo>
                    <a:lnTo>
                      <a:pt x="19" y="955"/>
                    </a:lnTo>
                    <a:lnTo>
                      <a:pt x="21" y="948"/>
                    </a:lnTo>
                    <a:lnTo>
                      <a:pt x="25" y="940"/>
                    </a:lnTo>
                    <a:lnTo>
                      <a:pt x="30" y="935"/>
                    </a:lnTo>
                    <a:lnTo>
                      <a:pt x="35" y="929"/>
                    </a:lnTo>
                    <a:lnTo>
                      <a:pt x="47" y="918"/>
                    </a:lnTo>
                    <a:lnTo>
                      <a:pt x="60" y="907"/>
                    </a:lnTo>
                    <a:lnTo>
                      <a:pt x="66" y="901"/>
                    </a:lnTo>
                    <a:lnTo>
                      <a:pt x="73" y="895"/>
                    </a:lnTo>
                    <a:lnTo>
                      <a:pt x="79" y="887"/>
                    </a:lnTo>
                    <a:lnTo>
                      <a:pt x="85" y="879"/>
                    </a:lnTo>
                    <a:lnTo>
                      <a:pt x="85" y="863"/>
                    </a:lnTo>
                    <a:lnTo>
                      <a:pt x="82" y="848"/>
                    </a:lnTo>
                    <a:lnTo>
                      <a:pt x="78" y="838"/>
                    </a:lnTo>
                    <a:lnTo>
                      <a:pt x="73" y="830"/>
                    </a:lnTo>
                    <a:lnTo>
                      <a:pt x="65" y="824"/>
                    </a:lnTo>
                    <a:lnTo>
                      <a:pt x="55" y="817"/>
                    </a:lnTo>
                    <a:lnTo>
                      <a:pt x="43" y="811"/>
                    </a:lnTo>
                    <a:lnTo>
                      <a:pt x="30" y="802"/>
                    </a:lnTo>
                    <a:lnTo>
                      <a:pt x="22" y="795"/>
                    </a:lnTo>
                    <a:lnTo>
                      <a:pt x="16" y="786"/>
                    </a:lnTo>
                    <a:lnTo>
                      <a:pt x="11" y="776"/>
                    </a:lnTo>
                    <a:lnTo>
                      <a:pt x="7" y="764"/>
                    </a:lnTo>
                    <a:lnTo>
                      <a:pt x="4" y="751"/>
                    </a:lnTo>
                    <a:lnTo>
                      <a:pt x="2" y="739"/>
                    </a:lnTo>
                    <a:lnTo>
                      <a:pt x="0" y="728"/>
                    </a:lnTo>
                    <a:lnTo>
                      <a:pt x="0" y="717"/>
                    </a:lnTo>
                    <a:lnTo>
                      <a:pt x="0" y="708"/>
                    </a:lnTo>
                    <a:lnTo>
                      <a:pt x="3" y="701"/>
                    </a:lnTo>
                    <a:lnTo>
                      <a:pt x="8" y="695"/>
                    </a:lnTo>
                    <a:lnTo>
                      <a:pt x="15" y="692"/>
                    </a:lnTo>
                    <a:lnTo>
                      <a:pt x="29" y="688"/>
                    </a:lnTo>
                    <a:lnTo>
                      <a:pt x="46" y="684"/>
                    </a:lnTo>
                    <a:lnTo>
                      <a:pt x="59" y="681"/>
                    </a:lnTo>
                    <a:lnTo>
                      <a:pt x="72" y="677"/>
                    </a:lnTo>
                    <a:lnTo>
                      <a:pt x="83" y="672"/>
                    </a:lnTo>
                    <a:lnTo>
                      <a:pt x="94" y="666"/>
                    </a:lnTo>
                    <a:lnTo>
                      <a:pt x="104" y="658"/>
                    </a:lnTo>
                    <a:lnTo>
                      <a:pt x="114" y="650"/>
                    </a:lnTo>
                    <a:lnTo>
                      <a:pt x="123" y="641"/>
                    </a:lnTo>
                    <a:lnTo>
                      <a:pt x="133" y="632"/>
                    </a:lnTo>
                    <a:lnTo>
                      <a:pt x="145" y="619"/>
                    </a:lnTo>
                    <a:lnTo>
                      <a:pt x="155" y="607"/>
                    </a:lnTo>
                    <a:lnTo>
                      <a:pt x="158" y="601"/>
                    </a:lnTo>
                    <a:lnTo>
                      <a:pt x="162" y="596"/>
                    </a:lnTo>
                    <a:lnTo>
                      <a:pt x="165" y="589"/>
                    </a:lnTo>
                    <a:lnTo>
                      <a:pt x="166" y="583"/>
                    </a:lnTo>
                    <a:lnTo>
                      <a:pt x="166" y="578"/>
                    </a:lnTo>
                    <a:lnTo>
                      <a:pt x="166" y="571"/>
                    </a:lnTo>
                    <a:lnTo>
                      <a:pt x="165" y="565"/>
                    </a:lnTo>
                    <a:lnTo>
                      <a:pt x="162" y="558"/>
                    </a:lnTo>
                    <a:lnTo>
                      <a:pt x="158" y="553"/>
                    </a:lnTo>
                    <a:lnTo>
                      <a:pt x="153" y="546"/>
                    </a:lnTo>
                    <a:lnTo>
                      <a:pt x="147" y="539"/>
                    </a:lnTo>
                    <a:lnTo>
                      <a:pt x="139" y="532"/>
                    </a:lnTo>
                    <a:lnTo>
                      <a:pt x="133" y="526"/>
                    </a:lnTo>
                    <a:lnTo>
                      <a:pt x="129" y="519"/>
                    </a:lnTo>
                    <a:lnTo>
                      <a:pt x="127" y="511"/>
                    </a:lnTo>
                    <a:lnTo>
                      <a:pt x="126" y="502"/>
                    </a:lnTo>
                    <a:lnTo>
                      <a:pt x="126" y="484"/>
                    </a:lnTo>
                    <a:lnTo>
                      <a:pt x="127" y="467"/>
                    </a:lnTo>
                    <a:lnTo>
                      <a:pt x="126" y="457"/>
                    </a:lnTo>
                    <a:lnTo>
                      <a:pt x="123" y="451"/>
                    </a:lnTo>
                    <a:lnTo>
                      <a:pt x="121" y="444"/>
                    </a:lnTo>
                    <a:lnTo>
                      <a:pt x="116" y="440"/>
                    </a:lnTo>
                    <a:lnTo>
                      <a:pt x="112" y="436"/>
                    </a:lnTo>
                    <a:lnTo>
                      <a:pt x="107" y="432"/>
                    </a:lnTo>
                    <a:lnTo>
                      <a:pt x="103" y="426"/>
                    </a:lnTo>
                    <a:lnTo>
                      <a:pt x="99" y="420"/>
                    </a:lnTo>
                    <a:lnTo>
                      <a:pt x="98" y="409"/>
                    </a:lnTo>
                    <a:lnTo>
                      <a:pt x="98" y="397"/>
                    </a:lnTo>
                    <a:lnTo>
                      <a:pt x="98" y="387"/>
                    </a:lnTo>
                    <a:lnTo>
                      <a:pt x="96" y="375"/>
                    </a:lnTo>
                    <a:lnTo>
                      <a:pt x="155" y="360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8" name="Freeform 184">
                <a:extLst>
                  <a:ext uri="{FF2B5EF4-FFF2-40B4-BE49-F238E27FC236}">
                    <a16:creationId xmlns:a16="http://schemas.microsoft.com/office/drawing/2014/main" id="{5BCD0789-04FC-2A4B-BAD7-4788CF2B27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78618" y="6757516"/>
                <a:ext cx="23683" cy="234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47" y="22"/>
                  </a:cxn>
                  <a:cxn ang="0">
                    <a:pos x="42" y="16"/>
                  </a:cxn>
                  <a:cxn ang="0">
                    <a:pos x="35" y="10"/>
                  </a:cxn>
                  <a:cxn ang="0">
                    <a:pos x="26" y="5"/>
                  </a:cxn>
                  <a:cxn ang="0">
                    <a:pos x="21" y="3"/>
                  </a:cxn>
                  <a:cxn ang="0">
                    <a:pos x="15" y="1"/>
                  </a:cxn>
                  <a:cxn ang="0">
                    <a:pos x="8" y="0"/>
                  </a:cxn>
                  <a:cxn ang="0">
                    <a:pos x="2" y="3"/>
                  </a:cxn>
                  <a:cxn ang="0">
                    <a:pos x="0" y="4"/>
                  </a:cxn>
                  <a:cxn ang="0">
                    <a:pos x="2" y="8"/>
                  </a:cxn>
                  <a:cxn ang="0">
                    <a:pos x="4" y="12"/>
                  </a:cxn>
                  <a:cxn ang="0">
                    <a:pos x="8" y="16"/>
                  </a:cxn>
                  <a:cxn ang="0">
                    <a:pos x="16" y="23"/>
                  </a:cxn>
                  <a:cxn ang="0">
                    <a:pos x="21" y="27"/>
                  </a:cxn>
                  <a:cxn ang="0">
                    <a:pos x="26" y="36"/>
                  </a:cxn>
                  <a:cxn ang="0">
                    <a:pos x="33" y="44"/>
                  </a:cxn>
                  <a:cxn ang="0">
                    <a:pos x="38" y="47"/>
                  </a:cxn>
                  <a:cxn ang="0">
                    <a:pos x="43" y="49"/>
                  </a:cxn>
                  <a:cxn ang="0">
                    <a:pos x="48" y="52"/>
                  </a:cxn>
                  <a:cxn ang="0">
                    <a:pos x="55" y="51"/>
                  </a:cxn>
                  <a:cxn ang="0">
                    <a:pos x="53" y="29"/>
                  </a:cxn>
                </a:cxnLst>
                <a:rect l="0" t="0" r="r" b="b"/>
                <a:pathLst>
                  <a:path w="55" h="52">
                    <a:moveTo>
                      <a:pt x="53" y="29"/>
                    </a:moveTo>
                    <a:lnTo>
                      <a:pt x="47" y="22"/>
                    </a:lnTo>
                    <a:lnTo>
                      <a:pt x="42" y="16"/>
                    </a:lnTo>
                    <a:lnTo>
                      <a:pt x="35" y="10"/>
                    </a:lnTo>
                    <a:lnTo>
                      <a:pt x="26" y="5"/>
                    </a:lnTo>
                    <a:lnTo>
                      <a:pt x="21" y="3"/>
                    </a:lnTo>
                    <a:lnTo>
                      <a:pt x="15" y="1"/>
                    </a:lnTo>
                    <a:lnTo>
                      <a:pt x="8" y="0"/>
                    </a:lnTo>
                    <a:lnTo>
                      <a:pt x="2" y="3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2"/>
                    </a:lnTo>
                    <a:lnTo>
                      <a:pt x="8" y="16"/>
                    </a:lnTo>
                    <a:lnTo>
                      <a:pt x="16" y="23"/>
                    </a:lnTo>
                    <a:lnTo>
                      <a:pt x="21" y="27"/>
                    </a:lnTo>
                    <a:lnTo>
                      <a:pt x="26" y="36"/>
                    </a:lnTo>
                    <a:lnTo>
                      <a:pt x="33" y="44"/>
                    </a:lnTo>
                    <a:lnTo>
                      <a:pt x="38" y="47"/>
                    </a:lnTo>
                    <a:lnTo>
                      <a:pt x="43" y="49"/>
                    </a:lnTo>
                    <a:lnTo>
                      <a:pt x="48" y="52"/>
                    </a:lnTo>
                    <a:lnTo>
                      <a:pt x="55" y="51"/>
                    </a:lnTo>
                    <a:lnTo>
                      <a:pt x="53" y="29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49" name="Freeform 185">
                <a:extLst>
                  <a:ext uri="{FF2B5EF4-FFF2-40B4-BE49-F238E27FC236}">
                    <a16:creationId xmlns:a16="http://schemas.microsoft.com/office/drawing/2014/main" id="{8FA1B1CF-9CB6-3C4C-8CB3-4988CB35EE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84276" y="6491990"/>
                <a:ext cx="537399" cy="357648"/>
              </a:xfrm>
              <a:custGeom>
                <a:avLst/>
                <a:gdLst/>
                <a:ahLst/>
                <a:cxnLst>
                  <a:cxn ang="0">
                    <a:pos x="951" y="439"/>
                  </a:cxn>
                  <a:cxn ang="0">
                    <a:pos x="960" y="469"/>
                  </a:cxn>
                  <a:cxn ang="0">
                    <a:pos x="1004" y="502"/>
                  </a:cxn>
                  <a:cxn ang="0">
                    <a:pos x="1015" y="527"/>
                  </a:cxn>
                  <a:cxn ang="0">
                    <a:pos x="1000" y="593"/>
                  </a:cxn>
                  <a:cxn ang="0">
                    <a:pos x="1029" y="650"/>
                  </a:cxn>
                  <a:cxn ang="0">
                    <a:pos x="999" y="679"/>
                  </a:cxn>
                  <a:cxn ang="0">
                    <a:pos x="965" y="720"/>
                  </a:cxn>
                  <a:cxn ang="0">
                    <a:pos x="938" y="790"/>
                  </a:cxn>
                  <a:cxn ang="0">
                    <a:pos x="919" y="775"/>
                  </a:cxn>
                  <a:cxn ang="0">
                    <a:pos x="876" y="739"/>
                  </a:cxn>
                  <a:cxn ang="0">
                    <a:pos x="789" y="733"/>
                  </a:cxn>
                  <a:cxn ang="0">
                    <a:pos x="741" y="720"/>
                  </a:cxn>
                  <a:cxn ang="0">
                    <a:pos x="705" y="679"/>
                  </a:cxn>
                  <a:cxn ang="0">
                    <a:pos x="689" y="609"/>
                  </a:cxn>
                  <a:cxn ang="0">
                    <a:pos x="661" y="574"/>
                  </a:cxn>
                  <a:cxn ang="0">
                    <a:pos x="586" y="564"/>
                  </a:cxn>
                  <a:cxn ang="0">
                    <a:pos x="508" y="546"/>
                  </a:cxn>
                  <a:cxn ang="0">
                    <a:pos x="437" y="487"/>
                  </a:cxn>
                  <a:cxn ang="0">
                    <a:pos x="381" y="454"/>
                  </a:cxn>
                  <a:cxn ang="0">
                    <a:pos x="306" y="421"/>
                  </a:cxn>
                  <a:cxn ang="0">
                    <a:pos x="275" y="369"/>
                  </a:cxn>
                  <a:cxn ang="0">
                    <a:pos x="239" y="355"/>
                  </a:cxn>
                  <a:cxn ang="0">
                    <a:pos x="185" y="347"/>
                  </a:cxn>
                  <a:cxn ang="0">
                    <a:pos x="162" y="312"/>
                  </a:cxn>
                  <a:cxn ang="0">
                    <a:pos x="118" y="299"/>
                  </a:cxn>
                  <a:cxn ang="0">
                    <a:pos x="61" y="297"/>
                  </a:cxn>
                  <a:cxn ang="0">
                    <a:pos x="3" y="226"/>
                  </a:cxn>
                  <a:cxn ang="0">
                    <a:pos x="11" y="184"/>
                  </a:cxn>
                  <a:cxn ang="0">
                    <a:pos x="17" y="127"/>
                  </a:cxn>
                  <a:cxn ang="0">
                    <a:pos x="110" y="12"/>
                  </a:cxn>
                  <a:cxn ang="0">
                    <a:pos x="132" y="52"/>
                  </a:cxn>
                  <a:cxn ang="0">
                    <a:pos x="179" y="86"/>
                  </a:cxn>
                  <a:cxn ang="0">
                    <a:pos x="219" y="83"/>
                  </a:cxn>
                  <a:cxn ang="0">
                    <a:pos x="235" y="57"/>
                  </a:cxn>
                  <a:cxn ang="0">
                    <a:pos x="242" y="8"/>
                  </a:cxn>
                  <a:cxn ang="0">
                    <a:pos x="271" y="5"/>
                  </a:cxn>
                  <a:cxn ang="0">
                    <a:pos x="354" y="53"/>
                  </a:cxn>
                  <a:cxn ang="0">
                    <a:pos x="404" y="68"/>
                  </a:cxn>
                  <a:cxn ang="0">
                    <a:pos x="438" y="118"/>
                  </a:cxn>
                  <a:cxn ang="0">
                    <a:pos x="469" y="171"/>
                  </a:cxn>
                  <a:cxn ang="0">
                    <a:pos x="522" y="185"/>
                  </a:cxn>
                  <a:cxn ang="0">
                    <a:pos x="635" y="163"/>
                  </a:cxn>
                  <a:cxn ang="0">
                    <a:pos x="702" y="153"/>
                  </a:cxn>
                  <a:cxn ang="0">
                    <a:pos x="775" y="139"/>
                  </a:cxn>
                  <a:cxn ang="0">
                    <a:pos x="873" y="108"/>
                  </a:cxn>
                  <a:cxn ang="0">
                    <a:pos x="926" y="127"/>
                  </a:cxn>
                  <a:cxn ang="0">
                    <a:pos x="980" y="126"/>
                  </a:cxn>
                  <a:cxn ang="0">
                    <a:pos x="1047" y="77"/>
                  </a:cxn>
                  <a:cxn ang="0">
                    <a:pos x="1105" y="64"/>
                  </a:cxn>
                  <a:cxn ang="0">
                    <a:pos x="1180" y="62"/>
                  </a:cxn>
                  <a:cxn ang="0">
                    <a:pos x="1162" y="109"/>
                  </a:cxn>
                </a:cxnLst>
                <a:rect l="0" t="0" r="r" b="b"/>
                <a:pathLst>
                  <a:path w="1180" h="790">
                    <a:moveTo>
                      <a:pt x="1073" y="223"/>
                    </a:moveTo>
                    <a:lnTo>
                      <a:pt x="967" y="406"/>
                    </a:lnTo>
                    <a:lnTo>
                      <a:pt x="959" y="419"/>
                    </a:lnTo>
                    <a:lnTo>
                      <a:pt x="954" y="430"/>
                    </a:lnTo>
                    <a:lnTo>
                      <a:pt x="951" y="439"/>
                    </a:lnTo>
                    <a:lnTo>
                      <a:pt x="950" y="448"/>
                    </a:lnTo>
                    <a:lnTo>
                      <a:pt x="951" y="455"/>
                    </a:lnTo>
                    <a:lnTo>
                      <a:pt x="952" y="460"/>
                    </a:lnTo>
                    <a:lnTo>
                      <a:pt x="956" y="465"/>
                    </a:lnTo>
                    <a:lnTo>
                      <a:pt x="960" y="469"/>
                    </a:lnTo>
                    <a:lnTo>
                      <a:pt x="972" y="477"/>
                    </a:lnTo>
                    <a:lnTo>
                      <a:pt x="985" y="485"/>
                    </a:lnTo>
                    <a:lnTo>
                      <a:pt x="991" y="490"/>
                    </a:lnTo>
                    <a:lnTo>
                      <a:pt x="999" y="495"/>
                    </a:lnTo>
                    <a:lnTo>
                      <a:pt x="1004" y="502"/>
                    </a:lnTo>
                    <a:lnTo>
                      <a:pt x="1011" y="509"/>
                    </a:lnTo>
                    <a:lnTo>
                      <a:pt x="1013" y="514"/>
                    </a:lnTo>
                    <a:lnTo>
                      <a:pt x="1015" y="518"/>
                    </a:lnTo>
                    <a:lnTo>
                      <a:pt x="1015" y="524"/>
                    </a:lnTo>
                    <a:lnTo>
                      <a:pt x="1015" y="527"/>
                    </a:lnTo>
                    <a:lnTo>
                      <a:pt x="1012" y="535"/>
                    </a:lnTo>
                    <a:lnTo>
                      <a:pt x="1007" y="543"/>
                    </a:lnTo>
                    <a:lnTo>
                      <a:pt x="994" y="556"/>
                    </a:lnTo>
                    <a:lnTo>
                      <a:pt x="982" y="569"/>
                    </a:lnTo>
                    <a:lnTo>
                      <a:pt x="1000" y="593"/>
                    </a:lnTo>
                    <a:lnTo>
                      <a:pt x="1021" y="622"/>
                    </a:lnTo>
                    <a:lnTo>
                      <a:pt x="1025" y="630"/>
                    </a:lnTo>
                    <a:lnTo>
                      <a:pt x="1028" y="638"/>
                    </a:lnTo>
                    <a:lnTo>
                      <a:pt x="1029" y="644"/>
                    </a:lnTo>
                    <a:lnTo>
                      <a:pt x="1029" y="650"/>
                    </a:lnTo>
                    <a:lnTo>
                      <a:pt x="1026" y="657"/>
                    </a:lnTo>
                    <a:lnTo>
                      <a:pt x="1024" y="663"/>
                    </a:lnTo>
                    <a:lnTo>
                      <a:pt x="1017" y="669"/>
                    </a:lnTo>
                    <a:lnTo>
                      <a:pt x="1009" y="674"/>
                    </a:lnTo>
                    <a:lnTo>
                      <a:pt x="999" y="679"/>
                    </a:lnTo>
                    <a:lnTo>
                      <a:pt x="991" y="685"/>
                    </a:lnTo>
                    <a:lnTo>
                      <a:pt x="983" y="693"/>
                    </a:lnTo>
                    <a:lnTo>
                      <a:pt x="977" y="702"/>
                    </a:lnTo>
                    <a:lnTo>
                      <a:pt x="971" y="711"/>
                    </a:lnTo>
                    <a:lnTo>
                      <a:pt x="965" y="720"/>
                    </a:lnTo>
                    <a:lnTo>
                      <a:pt x="961" y="731"/>
                    </a:lnTo>
                    <a:lnTo>
                      <a:pt x="958" y="741"/>
                    </a:lnTo>
                    <a:lnTo>
                      <a:pt x="946" y="775"/>
                    </a:lnTo>
                    <a:lnTo>
                      <a:pt x="941" y="790"/>
                    </a:lnTo>
                    <a:lnTo>
                      <a:pt x="938" y="790"/>
                    </a:lnTo>
                    <a:lnTo>
                      <a:pt x="936" y="790"/>
                    </a:lnTo>
                    <a:lnTo>
                      <a:pt x="933" y="789"/>
                    </a:lnTo>
                    <a:lnTo>
                      <a:pt x="930" y="788"/>
                    </a:lnTo>
                    <a:lnTo>
                      <a:pt x="925" y="781"/>
                    </a:lnTo>
                    <a:lnTo>
                      <a:pt x="919" y="775"/>
                    </a:lnTo>
                    <a:lnTo>
                      <a:pt x="907" y="759"/>
                    </a:lnTo>
                    <a:lnTo>
                      <a:pt x="897" y="749"/>
                    </a:lnTo>
                    <a:lnTo>
                      <a:pt x="891" y="745"/>
                    </a:lnTo>
                    <a:lnTo>
                      <a:pt x="884" y="741"/>
                    </a:lnTo>
                    <a:lnTo>
                      <a:pt x="876" y="739"/>
                    </a:lnTo>
                    <a:lnTo>
                      <a:pt x="867" y="737"/>
                    </a:lnTo>
                    <a:lnTo>
                      <a:pt x="849" y="735"/>
                    </a:lnTo>
                    <a:lnTo>
                      <a:pt x="829" y="733"/>
                    </a:lnTo>
                    <a:lnTo>
                      <a:pt x="810" y="733"/>
                    </a:lnTo>
                    <a:lnTo>
                      <a:pt x="789" y="733"/>
                    </a:lnTo>
                    <a:lnTo>
                      <a:pt x="780" y="732"/>
                    </a:lnTo>
                    <a:lnTo>
                      <a:pt x="771" y="731"/>
                    </a:lnTo>
                    <a:lnTo>
                      <a:pt x="763" y="730"/>
                    </a:lnTo>
                    <a:lnTo>
                      <a:pt x="754" y="727"/>
                    </a:lnTo>
                    <a:lnTo>
                      <a:pt x="741" y="720"/>
                    </a:lnTo>
                    <a:lnTo>
                      <a:pt x="730" y="713"/>
                    </a:lnTo>
                    <a:lnTo>
                      <a:pt x="720" y="705"/>
                    </a:lnTo>
                    <a:lnTo>
                      <a:pt x="714" y="697"/>
                    </a:lnTo>
                    <a:lnTo>
                      <a:pt x="709" y="688"/>
                    </a:lnTo>
                    <a:lnTo>
                      <a:pt x="705" y="679"/>
                    </a:lnTo>
                    <a:lnTo>
                      <a:pt x="701" y="669"/>
                    </a:lnTo>
                    <a:lnTo>
                      <a:pt x="700" y="660"/>
                    </a:lnTo>
                    <a:lnTo>
                      <a:pt x="697" y="639"/>
                    </a:lnTo>
                    <a:lnTo>
                      <a:pt x="693" y="619"/>
                    </a:lnTo>
                    <a:lnTo>
                      <a:pt x="689" y="609"/>
                    </a:lnTo>
                    <a:lnTo>
                      <a:pt x="685" y="600"/>
                    </a:lnTo>
                    <a:lnTo>
                      <a:pt x="680" y="591"/>
                    </a:lnTo>
                    <a:lnTo>
                      <a:pt x="673" y="582"/>
                    </a:lnTo>
                    <a:lnTo>
                      <a:pt x="667" y="577"/>
                    </a:lnTo>
                    <a:lnTo>
                      <a:pt x="661" y="574"/>
                    </a:lnTo>
                    <a:lnTo>
                      <a:pt x="653" y="570"/>
                    </a:lnTo>
                    <a:lnTo>
                      <a:pt x="645" y="569"/>
                    </a:lnTo>
                    <a:lnTo>
                      <a:pt x="626" y="566"/>
                    </a:lnTo>
                    <a:lnTo>
                      <a:pt x="606" y="564"/>
                    </a:lnTo>
                    <a:lnTo>
                      <a:pt x="586" y="564"/>
                    </a:lnTo>
                    <a:lnTo>
                      <a:pt x="565" y="562"/>
                    </a:lnTo>
                    <a:lnTo>
                      <a:pt x="546" y="560"/>
                    </a:lnTo>
                    <a:lnTo>
                      <a:pt x="530" y="556"/>
                    </a:lnTo>
                    <a:lnTo>
                      <a:pt x="518" y="552"/>
                    </a:lnTo>
                    <a:lnTo>
                      <a:pt x="508" y="546"/>
                    </a:lnTo>
                    <a:lnTo>
                      <a:pt x="499" y="540"/>
                    </a:lnTo>
                    <a:lnTo>
                      <a:pt x="489" y="533"/>
                    </a:lnTo>
                    <a:lnTo>
                      <a:pt x="472" y="518"/>
                    </a:lnTo>
                    <a:lnTo>
                      <a:pt x="454" y="503"/>
                    </a:lnTo>
                    <a:lnTo>
                      <a:pt x="437" y="487"/>
                    </a:lnTo>
                    <a:lnTo>
                      <a:pt x="420" y="473"/>
                    </a:lnTo>
                    <a:lnTo>
                      <a:pt x="411" y="467"/>
                    </a:lnTo>
                    <a:lnTo>
                      <a:pt x="400" y="461"/>
                    </a:lnTo>
                    <a:lnTo>
                      <a:pt x="391" y="456"/>
                    </a:lnTo>
                    <a:lnTo>
                      <a:pt x="381" y="454"/>
                    </a:lnTo>
                    <a:lnTo>
                      <a:pt x="360" y="445"/>
                    </a:lnTo>
                    <a:lnTo>
                      <a:pt x="337" y="437"/>
                    </a:lnTo>
                    <a:lnTo>
                      <a:pt x="327" y="433"/>
                    </a:lnTo>
                    <a:lnTo>
                      <a:pt x="316" y="428"/>
                    </a:lnTo>
                    <a:lnTo>
                      <a:pt x="306" y="421"/>
                    </a:lnTo>
                    <a:lnTo>
                      <a:pt x="298" y="415"/>
                    </a:lnTo>
                    <a:lnTo>
                      <a:pt x="292" y="403"/>
                    </a:lnTo>
                    <a:lnTo>
                      <a:pt x="286" y="391"/>
                    </a:lnTo>
                    <a:lnTo>
                      <a:pt x="281" y="380"/>
                    </a:lnTo>
                    <a:lnTo>
                      <a:pt x="275" y="369"/>
                    </a:lnTo>
                    <a:lnTo>
                      <a:pt x="270" y="364"/>
                    </a:lnTo>
                    <a:lnTo>
                      <a:pt x="264" y="360"/>
                    </a:lnTo>
                    <a:lnTo>
                      <a:pt x="258" y="358"/>
                    </a:lnTo>
                    <a:lnTo>
                      <a:pt x="251" y="355"/>
                    </a:lnTo>
                    <a:lnTo>
                      <a:pt x="239" y="355"/>
                    </a:lnTo>
                    <a:lnTo>
                      <a:pt x="224" y="355"/>
                    </a:lnTo>
                    <a:lnTo>
                      <a:pt x="210" y="355"/>
                    </a:lnTo>
                    <a:lnTo>
                      <a:pt x="197" y="353"/>
                    </a:lnTo>
                    <a:lnTo>
                      <a:pt x="191" y="351"/>
                    </a:lnTo>
                    <a:lnTo>
                      <a:pt x="185" y="347"/>
                    </a:lnTo>
                    <a:lnTo>
                      <a:pt x="182" y="342"/>
                    </a:lnTo>
                    <a:lnTo>
                      <a:pt x="178" y="336"/>
                    </a:lnTo>
                    <a:lnTo>
                      <a:pt x="172" y="327"/>
                    </a:lnTo>
                    <a:lnTo>
                      <a:pt x="167" y="319"/>
                    </a:lnTo>
                    <a:lnTo>
                      <a:pt x="162" y="312"/>
                    </a:lnTo>
                    <a:lnTo>
                      <a:pt x="156" y="307"/>
                    </a:lnTo>
                    <a:lnTo>
                      <a:pt x="148" y="302"/>
                    </a:lnTo>
                    <a:lnTo>
                      <a:pt x="140" y="299"/>
                    </a:lnTo>
                    <a:lnTo>
                      <a:pt x="130" y="298"/>
                    </a:lnTo>
                    <a:lnTo>
                      <a:pt x="118" y="299"/>
                    </a:lnTo>
                    <a:lnTo>
                      <a:pt x="99" y="301"/>
                    </a:lnTo>
                    <a:lnTo>
                      <a:pt x="86" y="302"/>
                    </a:lnTo>
                    <a:lnTo>
                      <a:pt x="75" y="302"/>
                    </a:lnTo>
                    <a:lnTo>
                      <a:pt x="68" y="301"/>
                    </a:lnTo>
                    <a:lnTo>
                      <a:pt x="61" y="297"/>
                    </a:lnTo>
                    <a:lnTo>
                      <a:pt x="56" y="289"/>
                    </a:lnTo>
                    <a:lnTo>
                      <a:pt x="49" y="279"/>
                    </a:lnTo>
                    <a:lnTo>
                      <a:pt x="40" y="263"/>
                    </a:lnTo>
                    <a:lnTo>
                      <a:pt x="22" y="244"/>
                    </a:lnTo>
                    <a:lnTo>
                      <a:pt x="3" y="226"/>
                    </a:lnTo>
                    <a:lnTo>
                      <a:pt x="1" y="219"/>
                    </a:lnTo>
                    <a:lnTo>
                      <a:pt x="0" y="213"/>
                    </a:lnTo>
                    <a:lnTo>
                      <a:pt x="1" y="206"/>
                    </a:lnTo>
                    <a:lnTo>
                      <a:pt x="4" y="198"/>
                    </a:lnTo>
                    <a:lnTo>
                      <a:pt x="11" y="184"/>
                    </a:lnTo>
                    <a:lnTo>
                      <a:pt x="14" y="171"/>
                    </a:lnTo>
                    <a:lnTo>
                      <a:pt x="12" y="162"/>
                    </a:lnTo>
                    <a:lnTo>
                      <a:pt x="12" y="152"/>
                    </a:lnTo>
                    <a:lnTo>
                      <a:pt x="13" y="140"/>
                    </a:lnTo>
                    <a:lnTo>
                      <a:pt x="17" y="127"/>
                    </a:lnTo>
                    <a:lnTo>
                      <a:pt x="21" y="115"/>
                    </a:lnTo>
                    <a:lnTo>
                      <a:pt x="27" y="103"/>
                    </a:lnTo>
                    <a:lnTo>
                      <a:pt x="35" y="92"/>
                    </a:lnTo>
                    <a:lnTo>
                      <a:pt x="43" y="82"/>
                    </a:lnTo>
                    <a:lnTo>
                      <a:pt x="110" y="12"/>
                    </a:lnTo>
                    <a:lnTo>
                      <a:pt x="112" y="18"/>
                    </a:lnTo>
                    <a:lnTo>
                      <a:pt x="114" y="27"/>
                    </a:lnTo>
                    <a:lnTo>
                      <a:pt x="119" y="35"/>
                    </a:lnTo>
                    <a:lnTo>
                      <a:pt x="126" y="44"/>
                    </a:lnTo>
                    <a:lnTo>
                      <a:pt x="132" y="52"/>
                    </a:lnTo>
                    <a:lnTo>
                      <a:pt x="140" y="61"/>
                    </a:lnTo>
                    <a:lnTo>
                      <a:pt x="149" y="69"/>
                    </a:lnTo>
                    <a:lnTo>
                      <a:pt x="160" y="75"/>
                    </a:lnTo>
                    <a:lnTo>
                      <a:pt x="169" y="82"/>
                    </a:lnTo>
                    <a:lnTo>
                      <a:pt x="179" y="86"/>
                    </a:lnTo>
                    <a:lnTo>
                      <a:pt x="189" y="88"/>
                    </a:lnTo>
                    <a:lnTo>
                      <a:pt x="198" y="90"/>
                    </a:lnTo>
                    <a:lnTo>
                      <a:pt x="207" y="90"/>
                    </a:lnTo>
                    <a:lnTo>
                      <a:pt x="215" y="86"/>
                    </a:lnTo>
                    <a:lnTo>
                      <a:pt x="219" y="83"/>
                    </a:lnTo>
                    <a:lnTo>
                      <a:pt x="223" y="81"/>
                    </a:lnTo>
                    <a:lnTo>
                      <a:pt x="227" y="77"/>
                    </a:lnTo>
                    <a:lnTo>
                      <a:pt x="229" y="71"/>
                    </a:lnTo>
                    <a:lnTo>
                      <a:pt x="232" y="65"/>
                    </a:lnTo>
                    <a:lnTo>
                      <a:pt x="235" y="57"/>
                    </a:lnTo>
                    <a:lnTo>
                      <a:pt x="236" y="49"/>
                    </a:lnTo>
                    <a:lnTo>
                      <a:pt x="237" y="42"/>
                    </a:lnTo>
                    <a:lnTo>
                      <a:pt x="239" y="26"/>
                    </a:lnTo>
                    <a:lnTo>
                      <a:pt x="240" y="13"/>
                    </a:lnTo>
                    <a:lnTo>
                      <a:pt x="242" y="8"/>
                    </a:lnTo>
                    <a:lnTo>
                      <a:pt x="245" y="4"/>
                    </a:lnTo>
                    <a:lnTo>
                      <a:pt x="250" y="1"/>
                    </a:lnTo>
                    <a:lnTo>
                      <a:pt x="255" y="0"/>
                    </a:lnTo>
                    <a:lnTo>
                      <a:pt x="262" y="1"/>
                    </a:lnTo>
                    <a:lnTo>
                      <a:pt x="271" y="5"/>
                    </a:lnTo>
                    <a:lnTo>
                      <a:pt x="283" y="11"/>
                    </a:lnTo>
                    <a:lnTo>
                      <a:pt x="297" y="18"/>
                    </a:lnTo>
                    <a:lnTo>
                      <a:pt x="318" y="33"/>
                    </a:lnTo>
                    <a:lnTo>
                      <a:pt x="342" y="47"/>
                    </a:lnTo>
                    <a:lnTo>
                      <a:pt x="354" y="53"/>
                    </a:lnTo>
                    <a:lnTo>
                      <a:pt x="367" y="58"/>
                    </a:lnTo>
                    <a:lnTo>
                      <a:pt x="378" y="62"/>
                    </a:lnTo>
                    <a:lnTo>
                      <a:pt x="391" y="64"/>
                    </a:lnTo>
                    <a:lnTo>
                      <a:pt x="398" y="65"/>
                    </a:lnTo>
                    <a:lnTo>
                      <a:pt x="404" y="68"/>
                    </a:lnTo>
                    <a:lnTo>
                      <a:pt x="410" y="70"/>
                    </a:lnTo>
                    <a:lnTo>
                      <a:pt x="415" y="75"/>
                    </a:lnTo>
                    <a:lnTo>
                      <a:pt x="424" y="88"/>
                    </a:lnTo>
                    <a:lnTo>
                      <a:pt x="432" y="103"/>
                    </a:lnTo>
                    <a:lnTo>
                      <a:pt x="438" y="118"/>
                    </a:lnTo>
                    <a:lnTo>
                      <a:pt x="445" y="135"/>
                    </a:lnTo>
                    <a:lnTo>
                      <a:pt x="451" y="149"/>
                    </a:lnTo>
                    <a:lnTo>
                      <a:pt x="459" y="161"/>
                    </a:lnTo>
                    <a:lnTo>
                      <a:pt x="464" y="166"/>
                    </a:lnTo>
                    <a:lnTo>
                      <a:pt x="469" y="171"/>
                    </a:lnTo>
                    <a:lnTo>
                      <a:pt x="474" y="175"/>
                    </a:lnTo>
                    <a:lnTo>
                      <a:pt x="481" y="178"/>
                    </a:lnTo>
                    <a:lnTo>
                      <a:pt x="494" y="183"/>
                    </a:lnTo>
                    <a:lnTo>
                      <a:pt x="508" y="185"/>
                    </a:lnTo>
                    <a:lnTo>
                      <a:pt x="522" y="185"/>
                    </a:lnTo>
                    <a:lnTo>
                      <a:pt x="538" y="185"/>
                    </a:lnTo>
                    <a:lnTo>
                      <a:pt x="553" y="183"/>
                    </a:lnTo>
                    <a:lnTo>
                      <a:pt x="570" y="180"/>
                    </a:lnTo>
                    <a:lnTo>
                      <a:pt x="603" y="172"/>
                    </a:lnTo>
                    <a:lnTo>
                      <a:pt x="635" y="163"/>
                    </a:lnTo>
                    <a:lnTo>
                      <a:pt x="651" y="160"/>
                    </a:lnTo>
                    <a:lnTo>
                      <a:pt x="665" y="156"/>
                    </a:lnTo>
                    <a:lnTo>
                      <a:pt x="678" y="153"/>
                    </a:lnTo>
                    <a:lnTo>
                      <a:pt x="689" y="152"/>
                    </a:lnTo>
                    <a:lnTo>
                      <a:pt x="702" y="153"/>
                    </a:lnTo>
                    <a:lnTo>
                      <a:pt x="714" y="153"/>
                    </a:lnTo>
                    <a:lnTo>
                      <a:pt x="726" y="152"/>
                    </a:lnTo>
                    <a:lnTo>
                      <a:pt x="736" y="150"/>
                    </a:lnTo>
                    <a:lnTo>
                      <a:pt x="757" y="145"/>
                    </a:lnTo>
                    <a:lnTo>
                      <a:pt x="775" y="139"/>
                    </a:lnTo>
                    <a:lnTo>
                      <a:pt x="812" y="123"/>
                    </a:lnTo>
                    <a:lnTo>
                      <a:pt x="855" y="108"/>
                    </a:lnTo>
                    <a:lnTo>
                      <a:pt x="862" y="108"/>
                    </a:lnTo>
                    <a:lnTo>
                      <a:pt x="868" y="106"/>
                    </a:lnTo>
                    <a:lnTo>
                      <a:pt x="873" y="108"/>
                    </a:lnTo>
                    <a:lnTo>
                      <a:pt x="880" y="108"/>
                    </a:lnTo>
                    <a:lnTo>
                      <a:pt x="891" y="112"/>
                    </a:lnTo>
                    <a:lnTo>
                      <a:pt x="903" y="117"/>
                    </a:lnTo>
                    <a:lnTo>
                      <a:pt x="915" y="122"/>
                    </a:lnTo>
                    <a:lnTo>
                      <a:pt x="926" y="127"/>
                    </a:lnTo>
                    <a:lnTo>
                      <a:pt x="938" y="131"/>
                    </a:lnTo>
                    <a:lnTo>
                      <a:pt x="951" y="132"/>
                    </a:lnTo>
                    <a:lnTo>
                      <a:pt x="961" y="131"/>
                    </a:lnTo>
                    <a:lnTo>
                      <a:pt x="971" y="130"/>
                    </a:lnTo>
                    <a:lnTo>
                      <a:pt x="980" y="126"/>
                    </a:lnTo>
                    <a:lnTo>
                      <a:pt x="989" y="122"/>
                    </a:lnTo>
                    <a:lnTo>
                      <a:pt x="1003" y="112"/>
                    </a:lnTo>
                    <a:lnTo>
                      <a:pt x="1018" y="100"/>
                    </a:lnTo>
                    <a:lnTo>
                      <a:pt x="1033" y="88"/>
                    </a:lnTo>
                    <a:lnTo>
                      <a:pt x="1047" y="77"/>
                    </a:lnTo>
                    <a:lnTo>
                      <a:pt x="1055" y="73"/>
                    </a:lnTo>
                    <a:lnTo>
                      <a:pt x="1064" y="69"/>
                    </a:lnTo>
                    <a:lnTo>
                      <a:pt x="1073" y="66"/>
                    </a:lnTo>
                    <a:lnTo>
                      <a:pt x="1082" y="65"/>
                    </a:lnTo>
                    <a:lnTo>
                      <a:pt x="1105" y="64"/>
                    </a:lnTo>
                    <a:lnTo>
                      <a:pt x="1131" y="61"/>
                    </a:lnTo>
                    <a:lnTo>
                      <a:pt x="1145" y="60"/>
                    </a:lnTo>
                    <a:lnTo>
                      <a:pt x="1158" y="60"/>
                    </a:lnTo>
                    <a:lnTo>
                      <a:pt x="1170" y="60"/>
                    </a:lnTo>
                    <a:lnTo>
                      <a:pt x="1180" y="62"/>
                    </a:lnTo>
                    <a:lnTo>
                      <a:pt x="1180" y="68"/>
                    </a:lnTo>
                    <a:lnTo>
                      <a:pt x="1179" y="75"/>
                    </a:lnTo>
                    <a:lnTo>
                      <a:pt x="1176" y="83"/>
                    </a:lnTo>
                    <a:lnTo>
                      <a:pt x="1173" y="91"/>
                    </a:lnTo>
                    <a:lnTo>
                      <a:pt x="1162" y="109"/>
                    </a:lnTo>
                    <a:lnTo>
                      <a:pt x="1148" y="127"/>
                    </a:lnTo>
                    <a:lnTo>
                      <a:pt x="1119" y="162"/>
                    </a:lnTo>
                    <a:lnTo>
                      <a:pt x="1100" y="189"/>
                    </a:lnTo>
                    <a:lnTo>
                      <a:pt x="1073" y="223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0" name="Freeform 186">
                <a:extLst>
                  <a:ext uri="{FF2B5EF4-FFF2-40B4-BE49-F238E27FC236}">
                    <a16:creationId xmlns:a16="http://schemas.microsoft.com/office/drawing/2014/main" id="{9A041FC4-EB18-C14F-9B14-69E06B123C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30288" y="5798369"/>
                <a:ext cx="267789" cy="484090"/>
              </a:xfrm>
              <a:custGeom>
                <a:avLst/>
                <a:gdLst/>
                <a:ahLst/>
                <a:cxnLst>
                  <a:cxn ang="0">
                    <a:pos x="493" y="770"/>
                  </a:cxn>
                  <a:cxn ang="0">
                    <a:pos x="515" y="599"/>
                  </a:cxn>
                  <a:cxn ang="0">
                    <a:pos x="513" y="505"/>
                  </a:cxn>
                  <a:cxn ang="0">
                    <a:pos x="585" y="379"/>
                  </a:cxn>
                  <a:cxn ang="0">
                    <a:pos x="574" y="339"/>
                  </a:cxn>
                  <a:cxn ang="0">
                    <a:pos x="556" y="292"/>
                  </a:cxn>
                  <a:cxn ang="0">
                    <a:pos x="578" y="252"/>
                  </a:cxn>
                  <a:cxn ang="0">
                    <a:pos x="568" y="228"/>
                  </a:cxn>
                  <a:cxn ang="0">
                    <a:pos x="509" y="202"/>
                  </a:cxn>
                  <a:cxn ang="0">
                    <a:pos x="515" y="182"/>
                  </a:cxn>
                  <a:cxn ang="0">
                    <a:pos x="565" y="147"/>
                  </a:cxn>
                  <a:cxn ang="0">
                    <a:pos x="532" y="134"/>
                  </a:cxn>
                  <a:cxn ang="0">
                    <a:pos x="515" y="116"/>
                  </a:cxn>
                  <a:cxn ang="0">
                    <a:pos x="524" y="66"/>
                  </a:cxn>
                  <a:cxn ang="0">
                    <a:pos x="495" y="68"/>
                  </a:cxn>
                  <a:cxn ang="0">
                    <a:pos x="462" y="54"/>
                  </a:cxn>
                  <a:cxn ang="0">
                    <a:pos x="435" y="2"/>
                  </a:cxn>
                  <a:cxn ang="0">
                    <a:pos x="408" y="9"/>
                  </a:cxn>
                  <a:cxn ang="0">
                    <a:pos x="373" y="62"/>
                  </a:cxn>
                  <a:cxn ang="0">
                    <a:pos x="282" y="106"/>
                  </a:cxn>
                  <a:cxn ang="0">
                    <a:pos x="182" y="139"/>
                  </a:cxn>
                  <a:cxn ang="0">
                    <a:pos x="112" y="129"/>
                  </a:cxn>
                  <a:cxn ang="0">
                    <a:pos x="46" y="85"/>
                  </a:cxn>
                  <a:cxn ang="0">
                    <a:pos x="20" y="146"/>
                  </a:cxn>
                  <a:cxn ang="0">
                    <a:pos x="19" y="174"/>
                  </a:cxn>
                  <a:cxn ang="0">
                    <a:pos x="35" y="198"/>
                  </a:cxn>
                  <a:cxn ang="0">
                    <a:pos x="18" y="240"/>
                  </a:cxn>
                  <a:cxn ang="0">
                    <a:pos x="76" y="265"/>
                  </a:cxn>
                  <a:cxn ang="0">
                    <a:pos x="92" y="282"/>
                  </a:cxn>
                  <a:cxn ang="0">
                    <a:pos x="84" y="347"/>
                  </a:cxn>
                  <a:cxn ang="0">
                    <a:pos x="102" y="384"/>
                  </a:cxn>
                  <a:cxn ang="0">
                    <a:pos x="112" y="432"/>
                  </a:cxn>
                  <a:cxn ang="0">
                    <a:pos x="88" y="519"/>
                  </a:cxn>
                  <a:cxn ang="0">
                    <a:pos x="67" y="567"/>
                  </a:cxn>
                  <a:cxn ang="0">
                    <a:pos x="75" y="593"/>
                  </a:cxn>
                  <a:cxn ang="0">
                    <a:pos x="110" y="558"/>
                  </a:cxn>
                  <a:cxn ang="0">
                    <a:pos x="123" y="627"/>
                  </a:cxn>
                  <a:cxn ang="0">
                    <a:pos x="119" y="685"/>
                  </a:cxn>
                  <a:cxn ang="0">
                    <a:pos x="105" y="684"/>
                  </a:cxn>
                  <a:cxn ang="0">
                    <a:pos x="83" y="676"/>
                  </a:cxn>
                  <a:cxn ang="0">
                    <a:pos x="39" y="834"/>
                  </a:cxn>
                  <a:cxn ang="0">
                    <a:pos x="35" y="896"/>
                  </a:cxn>
                  <a:cxn ang="0">
                    <a:pos x="59" y="926"/>
                  </a:cxn>
                  <a:cxn ang="0">
                    <a:pos x="49" y="932"/>
                  </a:cxn>
                  <a:cxn ang="0">
                    <a:pos x="2" y="914"/>
                  </a:cxn>
                  <a:cxn ang="0">
                    <a:pos x="6" y="961"/>
                  </a:cxn>
                  <a:cxn ang="0">
                    <a:pos x="19" y="976"/>
                  </a:cxn>
                  <a:cxn ang="0">
                    <a:pos x="77" y="954"/>
                  </a:cxn>
                  <a:cxn ang="0">
                    <a:pos x="98" y="978"/>
                  </a:cxn>
                  <a:cxn ang="0">
                    <a:pos x="112" y="1063"/>
                  </a:cxn>
                  <a:cxn ang="0">
                    <a:pos x="181" y="1071"/>
                  </a:cxn>
                  <a:cxn ang="0">
                    <a:pos x="238" y="1067"/>
                  </a:cxn>
                  <a:cxn ang="0">
                    <a:pos x="264" y="1025"/>
                  </a:cxn>
                  <a:cxn ang="0">
                    <a:pos x="251" y="970"/>
                  </a:cxn>
                  <a:cxn ang="0">
                    <a:pos x="268" y="931"/>
                  </a:cxn>
                  <a:cxn ang="0">
                    <a:pos x="256" y="866"/>
                  </a:cxn>
                  <a:cxn ang="0">
                    <a:pos x="289" y="869"/>
                  </a:cxn>
                  <a:cxn ang="0">
                    <a:pos x="396" y="928"/>
                  </a:cxn>
                  <a:cxn ang="0">
                    <a:pos x="422" y="980"/>
                  </a:cxn>
                  <a:cxn ang="0">
                    <a:pos x="444" y="980"/>
                  </a:cxn>
                </a:cxnLst>
                <a:rect l="0" t="0" r="r" b="b"/>
                <a:pathLst>
                  <a:path w="587" h="1075">
                    <a:moveTo>
                      <a:pt x="466" y="895"/>
                    </a:moveTo>
                    <a:lnTo>
                      <a:pt x="475" y="873"/>
                    </a:lnTo>
                    <a:lnTo>
                      <a:pt x="480" y="848"/>
                    </a:lnTo>
                    <a:lnTo>
                      <a:pt x="486" y="822"/>
                    </a:lnTo>
                    <a:lnTo>
                      <a:pt x="489" y="796"/>
                    </a:lnTo>
                    <a:lnTo>
                      <a:pt x="493" y="770"/>
                    </a:lnTo>
                    <a:lnTo>
                      <a:pt x="496" y="743"/>
                    </a:lnTo>
                    <a:lnTo>
                      <a:pt x="499" y="718"/>
                    </a:lnTo>
                    <a:lnTo>
                      <a:pt x="502" y="694"/>
                    </a:lnTo>
                    <a:lnTo>
                      <a:pt x="509" y="656"/>
                    </a:lnTo>
                    <a:lnTo>
                      <a:pt x="514" y="619"/>
                    </a:lnTo>
                    <a:lnTo>
                      <a:pt x="515" y="599"/>
                    </a:lnTo>
                    <a:lnTo>
                      <a:pt x="515" y="580"/>
                    </a:lnTo>
                    <a:lnTo>
                      <a:pt x="515" y="562"/>
                    </a:lnTo>
                    <a:lnTo>
                      <a:pt x="513" y="544"/>
                    </a:lnTo>
                    <a:lnTo>
                      <a:pt x="511" y="529"/>
                    </a:lnTo>
                    <a:lnTo>
                      <a:pt x="511" y="518"/>
                    </a:lnTo>
                    <a:lnTo>
                      <a:pt x="513" y="505"/>
                    </a:lnTo>
                    <a:lnTo>
                      <a:pt x="511" y="492"/>
                    </a:lnTo>
                    <a:lnTo>
                      <a:pt x="552" y="418"/>
                    </a:lnTo>
                    <a:lnTo>
                      <a:pt x="559" y="408"/>
                    </a:lnTo>
                    <a:lnTo>
                      <a:pt x="570" y="399"/>
                    </a:lnTo>
                    <a:lnTo>
                      <a:pt x="579" y="388"/>
                    </a:lnTo>
                    <a:lnTo>
                      <a:pt x="585" y="379"/>
                    </a:lnTo>
                    <a:lnTo>
                      <a:pt x="587" y="374"/>
                    </a:lnTo>
                    <a:lnTo>
                      <a:pt x="587" y="370"/>
                    </a:lnTo>
                    <a:lnTo>
                      <a:pt x="585" y="365"/>
                    </a:lnTo>
                    <a:lnTo>
                      <a:pt x="584" y="360"/>
                    </a:lnTo>
                    <a:lnTo>
                      <a:pt x="580" y="351"/>
                    </a:lnTo>
                    <a:lnTo>
                      <a:pt x="574" y="339"/>
                    </a:lnTo>
                    <a:lnTo>
                      <a:pt x="566" y="329"/>
                    </a:lnTo>
                    <a:lnTo>
                      <a:pt x="561" y="317"/>
                    </a:lnTo>
                    <a:lnTo>
                      <a:pt x="558" y="310"/>
                    </a:lnTo>
                    <a:lnTo>
                      <a:pt x="557" y="305"/>
                    </a:lnTo>
                    <a:lnTo>
                      <a:pt x="556" y="299"/>
                    </a:lnTo>
                    <a:lnTo>
                      <a:pt x="556" y="292"/>
                    </a:lnTo>
                    <a:lnTo>
                      <a:pt x="557" y="283"/>
                    </a:lnTo>
                    <a:lnTo>
                      <a:pt x="559" y="277"/>
                    </a:lnTo>
                    <a:lnTo>
                      <a:pt x="565" y="269"/>
                    </a:lnTo>
                    <a:lnTo>
                      <a:pt x="568" y="264"/>
                    </a:lnTo>
                    <a:lnTo>
                      <a:pt x="574" y="257"/>
                    </a:lnTo>
                    <a:lnTo>
                      <a:pt x="578" y="252"/>
                    </a:lnTo>
                    <a:lnTo>
                      <a:pt x="580" y="246"/>
                    </a:lnTo>
                    <a:lnTo>
                      <a:pt x="581" y="239"/>
                    </a:lnTo>
                    <a:lnTo>
                      <a:pt x="580" y="237"/>
                    </a:lnTo>
                    <a:lnTo>
                      <a:pt x="578" y="233"/>
                    </a:lnTo>
                    <a:lnTo>
                      <a:pt x="574" y="230"/>
                    </a:lnTo>
                    <a:lnTo>
                      <a:pt x="568" y="228"/>
                    </a:lnTo>
                    <a:lnTo>
                      <a:pt x="557" y="222"/>
                    </a:lnTo>
                    <a:lnTo>
                      <a:pt x="543" y="217"/>
                    </a:lnTo>
                    <a:lnTo>
                      <a:pt x="528" y="212"/>
                    </a:lnTo>
                    <a:lnTo>
                      <a:pt x="517" y="207"/>
                    </a:lnTo>
                    <a:lnTo>
                      <a:pt x="511" y="204"/>
                    </a:lnTo>
                    <a:lnTo>
                      <a:pt x="509" y="202"/>
                    </a:lnTo>
                    <a:lnTo>
                      <a:pt x="506" y="199"/>
                    </a:lnTo>
                    <a:lnTo>
                      <a:pt x="505" y="195"/>
                    </a:lnTo>
                    <a:lnTo>
                      <a:pt x="506" y="191"/>
                    </a:lnTo>
                    <a:lnTo>
                      <a:pt x="509" y="189"/>
                    </a:lnTo>
                    <a:lnTo>
                      <a:pt x="511" y="185"/>
                    </a:lnTo>
                    <a:lnTo>
                      <a:pt x="515" y="182"/>
                    </a:lnTo>
                    <a:lnTo>
                      <a:pt x="526" y="176"/>
                    </a:lnTo>
                    <a:lnTo>
                      <a:pt x="537" y="171"/>
                    </a:lnTo>
                    <a:lnTo>
                      <a:pt x="549" y="164"/>
                    </a:lnTo>
                    <a:lnTo>
                      <a:pt x="558" y="156"/>
                    </a:lnTo>
                    <a:lnTo>
                      <a:pt x="562" y="152"/>
                    </a:lnTo>
                    <a:lnTo>
                      <a:pt x="565" y="147"/>
                    </a:lnTo>
                    <a:lnTo>
                      <a:pt x="567" y="142"/>
                    </a:lnTo>
                    <a:lnTo>
                      <a:pt x="567" y="136"/>
                    </a:lnTo>
                    <a:lnTo>
                      <a:pt x="567" y="134"/>
                    </a:lnTo>
                    <a:lnTo>
                      <a:pt x="556" y="134"/>
                    </a:lnTo>
                    <a:lnTo>
                      <a:pt x="544" y="136"/>
                    </a:lnTo>
                    <a:lnTo>
                      <a:pt x="532" y="134"/>
                    </a:lnTo>
                    <a:lnTo>
                      <a:pt x="522" y="132"/>
                    </a:lnTo>
                    <a:lnTo>
                      <a:pt x="518" y="130"/>
                    </a:lnTo>
                    <a:lnTo>
                      <a:pt x="517" y="129"/>
                    </a:lnTo>
                    <a:lnTo>
                      <a:pt x="515" y="126"/>
                    </a:lnTo>
                    <a:lnTo>
                      <a:pt x="514" y="124"/>
                    </a:lnTo>
                    <a:lnTo>
                      <a:pt x="515" y="116"/>
                    </a:lnTo>
                    <a:lnTo>
                      <a:pt x="518" y="107"/>
                    </a:lnTo>
                    <a:lnTo>
                      <a:pt x="521" y="97"/>
                    </a:lnTo>
                    <a:lnTo>
                      <a:pt x="523" y="88"/>
                    </a:lnTo>
                    <a:lnTo>
                      <a:pt x="526" y="79"/>
                    </a:lnTo>
                    <a:lnTo>
                      <a:pt x="526" y="72"/>
                    </a:lnTo>
                    <a:lnTo>
                      <a:pt x="524" y="66"/>
                    </a:lnTo>
                    <a:lnTo>
                      <a:pt x="522" y="62"/>
                    </a:lnTo>
                    <a:lnTo>
                      <a:pt x="519" y="59"/>
                    </a:lnTo>
                    <a:lnTo>
                      <a:pt x="517" y="59"/>
                    </a:lnTo>
                    <a:lnTo>
                      <a:pt x="510" y="60"/>
                    </a:lnTo>
                    <a:lnTo>
                      <a:pt x="504" y="64"/>
                    </a:lnTo>
                    <a:lnTo>
                      <a:pt x="495" y="68"/>
                    </a:lnTo>
                    <a:lnTo>
                      <a:pt x="487" y="71"/>
                    </a:lnTo>
                    <a:lnTo>
                      <a:pt x="482" y="72"/>
                    </a:lnTo>
                    <a:lnTo>
                      <a:pt x="478" y="71"/>
                    </a:lnTo>
                    <a:lnTo>
                      <a:pt x="473" y="68"/>
                    </a:lnTo>
                    <a:lnTo>
                      <a:pt x="469" y="64"/>
                    </a:lnTo>
                    <a:lnTo>
                      <a:pt x="462" y="54"/>
                    </a:lnTo>
                    <a:lnTo>
                      <a:pt x="456" y="41"/>
                    </a:lnTo>
                    <a:lnTo>
                      <a:pt x="451" y="28"/>
                    </a:lnTo>
                    <a:lnTo>
                      <a:pt x="445" y="16"/>
                    </a:lnTo>
                    <a:lnTo>
                      <a:pt x="443" y="10"/>
                    </a:lnTo>
                    <a:lnTo>
                      <a:pt x="439" y="6"/>
                    </a:lnTo>
                    <a:lnTo>
                      <a:pt x="435" y="2"/>
                    </a:lnTo>
                    <a:lnTo>
                      <a:pt x="431" y="1"/>
                    </a:lnTo>
                    <a:lnTo>
                      <a:pt x="427" y="0"/>
                    </a:lnTo>
                    <a:lnTo>
                      <a:pt x="423" y="0"/>
                    </a:lnTo>
                    <a:lnTo>
                      <a:pt x="420" y="1"/>
                    </a:lnTo>
                    <a:lnTo>
                      <a:pt x="416" y="2"/>
                    </a:lnTo>
                    <a:lnTo>
                      <a:pt x="408" y="9"/>
                    </a:lnTo>
                    <a:lnTo>
                      <a:pt x="401" y="16"/>
                    </a:lnTo>
                    <a:lnTo>
                      <a:pt x="396" y="25"/>
                    </a:lnTo>
                    <a:lnTo>
                      <a:pt x="391" y="35"/>
                    </a:lnTo>
                    <a:lnTo>
                      <a:pt x="386" y="47"/>
                    </a:lnTo>
                    <a:lnTo>
                      <a:pt x="379" y="57"/>
                    </a:lnTo>
                    <a:lnTo>
                      <a:pt x="373" y="62"/>
                    </a:lnTo>
                    <a:lnTo>
                      <a:pt x="366" y="64"/>
                    </a:lnTo>
                    <a:lnTo>
                      <a:pt x="348" y="67"/>
                    </a:lnTo>
                    <a:lnTo>
                      <a:pt x="325" y="75"/>
                    </a:lnTo>
                    <a:lnTo>
                      <a:pt x="311" y="82"/>
                    </a:lnTo>
                    <a:lnTo>
                      <a:pt x="296" y="94"/>
                    </a:lnTo>
                    <a:lnTo>
                      <a:pt x="282" y="106"/>
                    </a:lnTo>
                    <a:lnTo>
                      <a:pt x="268" y="115"/>
                    </a:lnTo>
                    <a:lnTo>
                      <a:pt x="243" y="125"/>
                    </a:lnTo>
                    <a:lnTo>
                      <a:pt x="219" y="133"/>
                    </a:lnTo>
                    <a:lnTo>
                      <a:pt x="207" y="136"/>
                    </a:lnTo>
                    <a:lnTo>
                      <a:pt x="194" y="138"/>
                    </a:lnTo>
                    <a:lnTo>
                      <a:pt x="182" y="139"/>
                    </a:lnTo>
                    <a:lnTo>
                      <a:pt x="171" y="141"/>
                    </a:lnTo>
                    <a:lnTo>
                      <a:pt x="159" y="141"/>
                    </a:lnTo>
                    <a:lnTo>
                      <a:pt x="147" y="139"/>
                    </a:lnTo>
                    <a:lnTo>
                      <a:pt x="136" y="137"/>
                    </a:lnTo>
                    <a:lnTo>
                      <a:pt x="124" y="133"/>
                    </a:lnTo>
                    <a:lnTo>
                      <a:pt x="112" y="129"/>
                    </a:lnTo>
                    <a:lnTo>
                      <a:pt x="101" y="123"/>
                    </a:lnTo>
                    <a:lnTo>
                      <a:pt x="89" y="116"/>
                    </a:lnTo>
                    <a:lnTo>
                      <a:pt x="79" y="107"/>
                    </a:lnTo>
                    <a:lnTo>
                      <a:pt x="58" y="89"/>
                    </a:lnTo>
                    <a:lnTo>
                      <a:pt x="49" y="84"/>
                    </a:lnTo>
                    <a:lnTo>
                      <a:pt x="46" y="85"/>
                    </a:lnTo>
                    <a:lnTo>
                      <a:pt x="44" y="92"/>
                    </a:lnTo>
                    <a:lnTo>
                      <a:pt x="41" y="102"/>
                    </a:lnTo>
                    <a:lnTo>
                      <a:pt x="37" y="115"/>
                    </a:lnTo>
                    <a:lnTo>
                      <a:pt x="32" y="126"/>
                    </a:lnTo>
                    <a:lnTo>
                      <a:pt x="27" y="136"/>
                    </a:lnTo>
                    <a:lnTo>
                      <a:pt x="20" y="146"/>
                    </a:lnTo>
                    <a:lnTo>
                      <a:pt x="15" y="156"/>
                    </a:lnTo>
                    <a:lnTo>
                      <a:pt x="14" y="160"/>
                    </a:lnTo>
                    <a:lnTo>
                      <a:pt x="14" y="163"/>
                    </a:lnTo>
                    <a:lnTo>
                      <a:pt x="15" y="167"/>
                    </a:lnTo>
                    <a:lnTo>
                      <a:pt x="15" y="169"/>
                    </a:lnTo>
                    <a:lnTo>
                      <a:pt x="19" y="174"/>
                    </a:lnTo>
                    <a:lnTo>
                      <a:pt x="24" y="180"/>
                    </a:lnTo>
                    <a:lnTo>
                      <a:pt x="30" y="183"/>
                    </a:lnTo>
                    <a:lnTo>
                      <a:pt x="33" y="186"/>
                    </a:lnTo>
                    <a:lnTo>
                      <a:pt x="36" y="190"/>
                    </a:lnTo>
                    <a:lnTo>
                      <a:pt x="37" y="193"/>
                    </a:lnTo>
                    <a:lnTo>
                      <a:pt x="35" y="198"/>
                    </a:lnTo>
                    <a:lnTo>
                      <a:pt x="31" y="204"/>
                    </a:lnTo>
                    <a:lnTo>
                      <a:pt x="27" y="211"/>
                    </a:lnTo>
                    <a:lnTo>
                      <a:pt x="22" y="217"/>
                    </a:lnTo>
                    <a:lnTo>
                      <a:pt x="13" y="229"/>
                    </a:lnTo>
                    <a:lnTo>
                      <a:pt x="9" y="237"/>
                    </a:lnTo>
                    <a:lnTo>
                      <a:pt x="18" y="240"/>
                    </a:lnTo>
                    <a:lnTo>
                      <a:pt x="31" y="247"/>
                    </a:lnTo>
                    <a:lnTo>
                      <a:pt x="43" y="255"/>
                    </a:lnTo>
                    <a:lnTo>
                      <a:pt x="54" y="261"/>
                    </a:lnTo>
                    <a:lnTo>
                      <a:pt x="62" y="262"/>
                    </a:lnTo>
                    <a:lnTo>
                      <a:pt x="72" y="264"/>
                    </a:lnTo>
                    <a:lnTo>
                      <a:pt x="76" y="265"/>
                    </a:lnTo>
                    <a:lnTo>
                      <a:pt x="81" y="266"/>
                    </a:lnTo>
                    <a:lnTo>
                      <a:pt x="84" y="268"/>
                    </a:lnTo>
                    <a:lnTo>
                      <a:pt x="87" y="270"/>
                    </a:lnTo>
                    <a:lnTo>
                      <a:pt x="88" y="273"/>
                    </a:lnTo>
                    <a:lnTo>
                      <a:pt x="90" y="277"/>
                    </a:lnTo>
                    <a:lnTo>
                      <a:pt x="92" y="282"/>
                    </a:lnTo>
                    <a:lnTo>
                      <a:pt x="93" y="288"/>
                    </a:lnTo>
                    <a:lnTo>
                      <a:pt x="94" y="303"/>
                    </a:lnTo>
                    <a:lnTo>
                      <a:pt x="96" y="312"/>
                    </a:lnTo>
                    <a:lnTo>
                      <a:pt x="90" y="321"/>
                    </a:lnTo>
                    <a:lnTo>
                      <a:pt x="87" y="334"/>
                    </a:lnTo>
                    <a:lnTo>
                      <a:pt x="84" y="347"/>
                    </a:lnTo>
                    <a:lnTo>
                      <a:pt x="81" y="358"/>
                    </a:lnTo>
                    <a:lnTo>
                      <a:pt x="81" y="364"/>
                    </a:lnTo>
                    <a:lnTo>
                      <a:pt x="85" y="367"/>
                    </a:lnTo>
                    <a:lnTo>
                      <a:pt x="90" y="373"/>
                    </a:lnTo>
                    <a:lnTo>
                      <a:pt x="96" y="378"/>
                    </a:lnTo>
                    <a:lnTo>
                      <a:pt x="102" y="384"/>
                    </a:lnTo>
                    <a:lnTo>
                      <a:pt x="107" y="391"/>
                    </a:lnTo>
                    <a:lnTo>
                      <a:pt x="110" y="395"/>
                    </a:lnTo>
                    <a:lnTo>
                      <a:pt x="112" y="399"/>
                    </a:lnTo>
                    <a:lnTo>
                      <a:pt x="112" y="404"/>
                    </a:lnTo>
                    <a:lnTo>
                      <a:pt x="114" y="409"/>
                    </a:lnTo>
                    <a:lnTo>
                      <a:pt x="112" y="432"/>
                    </a:lnTo>
                    <a:lnTo>
                      <a:pt x="110" y="462"/>
                    </a:lnTo>
                    <a:lnTo>
                      <a:pt x="107" y="478"/>
                    </a:lnTo>
                    <a:lnTo>
                      <a:pt x="103" y="490"/>
                    </a:lnTo>
                    <a:lnTo>
                      <a:pt x="100" y="502"/>
                    </a:lnTo>
                    <a:lnTo>
                      <a:pt x="93" y="511"/>
                    </a:lnTo>
                    <a:lnTo>
                      <a:pt x="88" y="519"/>
                    </a:lnTo>
                    <a:lnTo>
                      <a:pt x="81" y="525"/>
                    </a:lnTo>
                    <a:lnTo>
                      <a:pt x="77" y="533"/>
                    </a:lnTo>
                    <a:lnTo>
                      <a:pt x="74" y="541"/>
                    </a:lnTo>
                    <a:lnTo>
                      <a:pt x="71" y="549"/>
                    </a:lnTo>
                    <a:lnTo>
                      <a:pt x="68" y="557"/>
                    </a:lnTo>
                    <a:lnTo>
                      <a:pt x="67" y="567"/>
                    </a:lnTo>
                    <a:lnTo>
                      <a:pt x="67" y="577"/>
                    </a:lnTo>
                    <a:lnTo>
                      <a:pt x="67" y="584"/>
                    </a:lnTo>
                    <a:lnTo>
                      <a:pt x="68" y="588"/>
                    </a:lnTo>
                    <a:lnTo>
                      <a:pt x="70" y="590"/>
                    </a:lnTo>
                    <a:lnTo>
                      <a:pt x="72" y="592"/>
                    </a:lnTo>
                    <a:lnTo>
                      <a:pt x="75" y="593"/>
                    </a:lnTo>
                    <a:lnTo>
                      <a:pt x="77" y="592"/>
                    </a:lnTo>
                    <a:lnTo>
                      <a:pt x="80" y="589"/>
                    </a:lnTo>
                    <a:lnTo>
                      <a:pt x="84" y="586"/>
                    </a:lnTo>
                    <a:lnTo>
                      <a:pt x="97" y="572"/>
                    </a:lnTo>
                    <a:lnTo>
                      <a:pt x="107" y="560"/>
                    </a:lnTo>
                    <a:lnTo>
                      <a:pt x="110" y="558"/>
                    </a:lnTo>
                    <a:lnTo>
                      <a:pt x="114" y="558"/>
                    </a:lnTo>
                    <a:lnTo>
                      <a:pt x="116" y="560"/>
                    </a:lnTo>
                    <a:lnTo>
                      <a:pt x="118" y="564"/>
                    </a:lnTo>
                    <a:lnTo>
                      <a:pt x="120" y="576"/>
                    </a:lnTo>
                    <a:lnTo>
                      <a:pt x="123" y="593"/>
                    </a:lnTo>
                    <a:lnTo>
                      <a:pt x="123" y="627"/>
                    </a:lnTo>
                    <a:lnTo>
                      <a:pt x="123" y="647"/>
                    </a:lnTo>
                    <a:lnTo>
                      <a:pt x="123" y="658"/>
                    </a:lnTo>
                    <a:lnTo>
                      <a:pt x="123" y="669"/>
                    </a:lnTo>
                    <a:lnTo>
                      <a:pt x="122" y="676"/>
                    </a:lnTo>
                    <a:lnTo>
                      <a:pt x="120" y="681"/>
                    </a:lnTo>
                    <a:lnTo>
                      <a:pt x="119" y="685"/>
                    </a:lnTo>
                    <a:lnTo>
                      <a:pt x="116" y="689"/>
                    </a:lnTo>
                    <a:lnTo>
                      <a:pt x="114" y="690"/>
                    </a:lnTo>
                    <a:lnTo>
                      <a:pt x="112" y="690"/>
                    </a:lnTo>
                    <a:lnTo>
                      <a:pt x="110" y="690"/>
                    </a:lnTo>
                    <a:lnTo>
                      <a:pt x="109" y="687"/>
                    </a:lnTo>
                    <a:lnTo>
                      <a:pt x="105" y="684"/>
                    </a:lnTo>
                    <a:lnTo>
                      <a:pt x="101" y="678"/>
                    </a:lnTo>
                    <a:lnTo>
                      <a:pt x="98" y="672"/>
                    </a:lnTo>
                    <a:lnTo>
                      <a:pt x="94" y="667"/>
                    </a:lnTo>
                    <a:lnTo>
                      <a:pt x="90" y="663"/>
                    </a:lnTo>
                    <a:lnTo>
                      <a:pt x="87" y="661"/>
                    </a:lnTo>
                    <a:lnTo>
                      <a:pt x="83" y="676"/>
                    </a:lnTo>
                    <a:lnTo>
                      <a:pt x="76" y="689"/>
                    </a:lnTo>
                    <a:lnTo>
                      <a:pt x="71" y="703"/>
                    </a:lnTo>
                    <a:lnTo>
                      <a:pt x="67" y="718"/>
                    </a:lnTo>
                    <a:lnTo>
                      <a:pt x="54" y="803"/>
                    </a:lnTo>
                    <a:lnTo>
                      <a:pt x="46" y="818"/>
                    </a:lnTo>
                    <a:lnTo>
                      <a:pt x="39" y="834"/>
                    </a:lnTo>
                    <a:lnTo>
                      <a:pt x="33" y="849"/>
                    </a:lnTo>
                    <a:lnTo>
                      <a:pt x="30" y="866"/>
                    </a:lnTo>
                    <a:lnTo>
                      <a:pt x="30" y="874"/>
                    </a:lnTo>
                    <a:lnTo>
                      <a:pt x="30" y="882"/>
                    </a:lnTo>
                    <a:lnTo>
                      <a:pt x="32" y="889"/>
                    </a:lnTo>
                    <a:lnTo>
                      <a:pt x="35" y="896"/>
                    </a:lnTo>
                    <a:lnTo>
                      <a:pt x="39" y="902"/>
                    </a:lnTo>
                    <a:lnTo>
                      <a:pt x="44" y="909"/>
                    </a:lnTo>
                    <a:lnTo>
                      <a:pt x="52" y="915"/>
                    </a:lnTo>
                    <a:lnTo>
                      <a:pt x="61" y="921"/>
                    </a:lnTo>
                    <a:lnTo>
                      <a:pt x="61" y="923"/>
                    </a:lnTo>
                    <a:lnTo>
                      <a:pt x="59" y="926"/>
                    </a:lnTo>
                    <a:lnTo>
                      <a:pt x="58" y="928"/>
                    </a:lnTo>
                    <a:lnTo>
                      <a:pt x="55" y="930"/>
                    </a:lnTo>
                    <a:lnTo>
                      <a:pt x="54" y="932"/>
                    </a:lnTo>
                    <a:lnTo>
                      <a:pt x="53" y="934"/>
                    </a:lnTo>
                    <a:lnTo>
                      <a:pt x="50" y="934"/>
                    </a:lnTo>
                    <a:lnTo>
                      <a:pt x="49" y="932"/>
                    </a:lnTo>
                    <a:lnTo>
                      <a:pt x="44" y="931"/>
                    </a:lnTo>
                    <a:lnTo>
                      <a:pt x="37" y="927"/>
                    </a:lnTo>
                    <a:lnTo>
                      <a:pt x="26" y="918"/>
                    </a:lnTo>
                    <a:lnTo>
                      <a:pt x="18" y="914"/>
                    </a:lnTo>
                    <a:lnTo>
                      <a:pt x="8" y="914"/>
                    </a:lnTo>
                    <a:lnTo>
                      <a:pt x="2" y="914"/>
                    </a:lnTo>
                    <a:lnTo>
                      <a:pt x="0" y="915"/>
                    </a:lnTo>
                    <a:lnTo>
                      <a:pt x="0" y="917"/>
                    </a:lnTo>
                    <a:lnTo>
                      <a:pt x="2" y="923"/>
                    </a:lnTo>
                    <a:lnTo>
                      <a:pt x="8" y="934"/>
                    </a:lnTo>
                    <a:lnTo>
                      <a:pt x="8" y="946"/>
                    </a:lnTo>
                    <a:lnTo>
                      <a:pt x="6" y="961"/>
                    </a:lnTo>
                    <a:lnTo>
                      <a:pt x="8" y="967"/>
                    </a:lnTo>
                    <a:lnTo>
                      <a:pt x="9" y="972"/>
                    </a:lnTo>
                    <a:lnTo>
                      <a:pt x="10" y="974"/>
                    </a:lnTo>
                    <a:lnTo>
                      <a:pt x="13" y="975"/>
                    </a:lnTo>
                    <a:lnTo>
                      <a:pt x="15" y="976"/>
                    </a:lnTo>
                    <a:lnTo>
                      <a:pt x="19" y="976"/>
                    </a:lnTo>
                    <a:lnTo>
                      <a:pt x="30" y="974"/>
                    </a:lnTo>
                    <a:lnTo>
                      <a:pt x="41" y="969"/>
                    </a:lnTo>
                    <a:lnTo>
                      <a:pt x="54" y="962"/>
                    </a:lnTo>
                    <a:lnTo>
                      <a:pt x="67" y="957"/>
                    </a:lnTo>
                    <a:lnTo>
                      <a:pt x="72" y="954"/>
                    </a:lnTo>
                    <a:lnTo>
                      <a:pt x="77" y="954"/>
                    </a:lnTo>
                    <a:lnTo>
                      <a:pt x="83" y="954"/>
                    </a:lnTo>
                    <a:lnTo>
                      <a:pt x="88" y="954"/>
                    </a:lnTo>
                    <a:lnTo>
                      <a:pt x="92" y="958"/>
                    </a:lnTo>
                    <a:lnTo>
                      <a:pt x="94" y="962"/>
                    </a:lnTo>
                    <a:lnTo>
                      <a:pt x="97" y="969"/>
                    </a:lnTo>
                    <a:lnTo>
                      <a:pt x="98" y="978"/>
                    </a:lnTo>
                    <a:lnTo>
                      <a:pt x="98" y="994"/>
                    </a:lnTo>
                    <a:lnTo>
                      <a:pt x="98" y="1022"/>
                    </a:lnTo>
                    <a:lnTo>
                      <a:pt x="98" y="1048"/>
                    </a:lnTo>
                    <a:lnTo>
                      <a:pt x="100" y="1059"/>
                    </a:lnTo>
                    <a:lnTo>
                      <a:pt x="103" y="1062"/>
                    </a:lnTo>
                    <a:lnTo>
                      <a:pt x="112" y="1063"/>
                    </a:lnTo>
                    <a:lnTo>
                      <a:pt x="123" y="1064"/>
                    </a:lnTo>
                    <a:lnTo>
                      <a:pt x="136" y="1064"/>
                    </a:lnTo>
                    <a:lnTo>
                      <a:pt x="149" y="1066"/>
                    </a:lnTo>
                    <a:lnTo>
                      <a:pt x="162" y="1067"/>
                    </a:lnTo>
                    <a:lnTo>
                      <a:pt x="173" y="1068"/>
                    </a:lnTo>
                    <a:lnTo>
                      <a:pt x="181" y="1071"/>
                    </a:lnTo>
                    <a:lnTo>
                      <a:pt x="190" y="1073"/>
                    </a:lnTo>
                    <a:lnTo>
                      <a:pt x="199" y="1075"/>
                    </a:lnTo>
                    <a:lnTo>
                      <a:pt x="210" y="1075"/>
                    </a:lnTo>
                    <a:lnTo>
                      <a:pt x="220" y="1073"/>
                    </a:lnTo>
                    <a:lnTo>
                      <a:pt x="229" y="1071"/>
                    </a:lnTo>
                    <a:lnTo>
                      <a:pt x="238" y="1067"/>
                    </a:lnTo>
                    <a:lnTo>
                      <a:pt x="246" y="1062"/>
                    </a:lnTo>
                    <a:lnTo>
                      <a:pt x="254" y="1055"/>
                    </a:lnTo>
                    <a:lnTo>
                      <a:pt x="259" y="1048"/>
                    </a:lnTo>
                    <a:lnTo>
                      <a:pt x="263" y="1040"/>
                    </a:lnTo>
                    <a:lnTo>
                      <a:pt x="264" y="1033"/>
                    </a:lnTo>
                    <a:lnTo>
                      <a:pt x="264" y="1025"/>
                    </a:lnTo>
                    <a:lnTo>
                      <a:pt x="260" y="1010"/>
                    </a:lnTo>
                    <a:lnTo>
                      <a:pt x="254" y="994"/>
                    </a:lnTo>
                    <a:lnTo>
                      <a:pt x="251" y="985"/>
                    </a:lnTo>
                    <a:lnTo>
                      <a:pt x="251" y="979"/>
                    </a:lnTo>
                    <a:lnTo>
                      <a:pt x="250" y="974"/>
                    </a:lnTo>
                    <a:lnTo>
                      <a:pt x="251" y="970"/>
                    </a:lnTo>
                    <a:lnTo>
                      <a:pt x="256" y="961"/>
                    </a:lnTo>
                    <a:lnTo>
                      <a:pt x="267" y="950"/>
                    </a:lnTo>
                    <a:lnTo>
                      <a:pt x="268" y="946"/>
                    </a:lnTo>
                    <a:lnTo>
                      <a:pt x="269" y="943"/>
                    </a:lnTo>
                    <a:lnTo>
                      <a:pt x="269" y="936"/>
                    </a:lnTo>
                    <a:lnTo>
                      <a:pt x="268" y="931"/>
                    </a:lnTo>
                    <a:lnTo>
                      <a:pt x="265" y="917"/>
                    </a:lnTo>
                    <a:lnTo>
                      <a:pt x="261" y="901"/>
                    </a:lnTo>
                    <a:lnTo>
                      <a:pt x="258" y="887"/>
                    </a:lnTo>
                    <a:lnTo>
                      <a:pt x="255" y="875"/>
                    </a:lnTo>
                    <a:lnTo>
                      <a:pt x="255" y="870"/>
                    </a:lnTo>
                    <a:lnTo>
                      <a:pt x="256" y="866"/>
                    </a:lnTo>
                    <a:lnTo>
                      <a:pt x="258" y="862"/>
                    </a:lnTo>
                    <a:lnTo>
                      <a:pt x="260" y="861"/>
                    </a:lnTo>
                    <a:lnTo>
                      <a:pt x="265" y="861"/>
                    </a:lnTo>
                    <a:lnTo>
                      <a:pt x="272" y="862"/>
                    </a:lnTo>
                    <a:lnTo>
                      <a:pt x="280" y="865"/>
                    </a:lnTo>
                    <a:lnTo>
                      <a:pt x="289" y="869"/>
                    </a:lnTo>
                    <a:lnTo>
                      <a:pt x="311" y="879"/>
                    </a:lnTo>
                    <a:lnTo>
                      <a:pt x="335" y="891"/>
                    </a:lnTo>
                    <a:lnTo>
                      <a:pt x="360" y="904"/>
                    </a:lnTo>
                    <a:lnTo>
                      <a:pt x="381" y="917"/>
                    </a:lnTo>
                    <a:lnTo>
                      <a:pt x="390" y="923"/>
                    </a:lnTo>
                    <a:lnTo>
                      <a:pt x="396" y="928"/>
                    </a:lnTo>
                    <a:lnTo>
                      <a:pt x="401" y="934"/>
                    </a:lnTo>
                    <a:lnTo>
                      <a:pt x="405" y="937"/>
                    </a:lnTo>
                    <a:lnTo>
                      <a:pt x="409" y="949"/>
                    </a:lnTo>
                    <a:lnTo>
                      <a:pt x="416" y="965"/>
                    </a:lnTo>
                    <a:lnTo>
                      <a:pt x="420" y="972"/>
                    </a:lnTo>
                    <a:lnTo>
                      <a:pt x="422" y="980"/>
                    </a:lnTo>
                    <a:lnTo>
                      <a:pt x="426" y="984"/>
                    </a:lnTo>
                    <a:lnTo>
                      <a:pt x="427" y="987"/>
                    </a:lnTo>
                    <a:lnTo>
                      <a:pt x="432" y="987"/>
                    </a:lnTo>
                    <a:lnTo>
                      <a:pt x="438" y="985"/>
                    </a:lnTo>
                    <a:lnTo>
                      <a:pt x="442" y="983"/>
                    </a:lnTo>
                    <a:lnTo>
                      <a:pt x="444" y="980"/>
                    </a:lnTo>
                    <a:lnTo>
                      <a:pt x="448" y="972"/>
                    </a:lnTo>
                    <a:lnTo>
                      <a:pt x="451" y="963"/>
                    </a:lnTo>
                    <a:lnTo>
                      <a:pt x="454" y="943"/>
                    </a:lnTo>
                    <a:lnTo>
                      <a:pt x="460" y="924"/>
                    </a:lnTo>
                    <a:lnTo>
                      <a:pt x="466" y="895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1" name="Freeform 188">
                <a:extLst>
                  <a:ext uri="{FF2B5EF4-FFF2-40B4-BE49-F238E27FC236}">
                    <a16:creationId xmlns:a16="http://schemas.microsoft.com/office/drawing/2014/main" id="{C77973D9-1C0C-4847-81D4-9D25BB9E67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353500" y="5287184"/>
                <a:ext cx="38256" cy="37933"/>
              </a:xfrm>
              <a:custGeom>
                <a:avLst/>
                <a:gdLst/>
                <a:ahLst/>
                <a:cxnLst>
                  <a:cxn ang="0">
                    <a:pos x="67" y="14"/>
                  </a:cxn>
                  <a:cxn ang="0">
                    <a:pos x="57" y="6"/>
                  </a:cxn>
                  <a:cxn ang="0">
                    <a:pos x="45" y="1"/>
                  </a:cxn>
                  <a:cxn ang="0">
                    <a:pos x="39" y="0"/>
                  </a:cxn>
                  <a:cxn ang="0">
                    <a:pos x="32" y="0"/>
                  </a:cxn>
                  <a:cxn ang="0">
                    <a:pos x="26" y="0"/>
                  </a:cxn>
                  <a:cxn ang="0">
                    <a:pos x="19" y="1"/>
                  </a:cxn>
                  <a:cxn ang="0">
                    <a:pos x="15" y="3"/>
                  </a:cxn>
                  <a:cxn ang="0">
                    <a:pos x="11" y="6"/>
                  </a:cxn>
                  <a:cxn ang="0">
                    <a:pos x="8" y="10"/>
                  </a:cxn>
                  <a:cxn ang="0">
                    <a:pos x="5" y="14"/>
                  </a:cxn>
                  <a:cxn ang="0">
                    <a:pos x="1" y="23"/>
                  </a:cxn>
                  <a:cxn ang="0">
                    <a:pos x="0" y="32"/>
                  </a:cxn>
                  <a:cxn ang="0">
                    <a:pos x="0" y="39"/>
                  </a:cxn>
                  <a:cxn ang="0">
                    <a:pos x="1" y="44"/>
                  </a:cxn>
                  <a:cxn ang="0">
                    <a:pos x="4" y="50"/>
                  </a:cxn>
                  <a:cxn ang="0">
                    <a:pos x="8" y="57"/>
                  </a:cxn>
                  <a:cxn ang="0">
                    <a:pos x="11" y="62"/>
                  </a:cxn>
                  <a:cxn ang="0">
                    <a:pos x="15" y="67"/>
                  </a:cxn>
                  <a:cxn ang="0">
                    <a:pos x="19" y="71"/>
                  </a:cxn>
                  <a:cxn ang="0">
                    <a:pos x="24" y="75"/>
                  </a:cxn>
                  <a:cxn ang="0">
                    <a:pos x="30" y="78"/>
                  </a:cxn>
                  <a:cxn ang="0">
                    <a:pos x="35" y="80"/>
                  </a:cxn>
                  <a:cxn ang="0">
                    <a:pos x="40" y="82"/>
                  </a:cxn>
                  <a:cxn ang="0">
                    <a:pos x="45" y="82"/>
                  </a:cxn>
                  <a:cxn ang="0">
                    <a:pos x="55" y="82"/>
                  </a:cxn>
                  <a:cxn ang="0">
                    <a:pos x="66" y="79"/>
                  </a:cxn>
                  <a:cxn ang="0">
                    <a:pos x="70" y="78"/>
                  </a:cxn>
                  <a:cxn ang="0">
                    <a:pos x="75" y="74"/>
                  </a:cxn>
                  <a:cxn ang="0">
                    <a:pos x="77" y="71"/>
                  </a:cxn>
                  <a:cxn ang="0">
                    <a:pos x="80" y="67"/>
                  </a:cxn>
                  <a:cxn ang="0">
                    <a:pos x="83" y="62"/>
                  </a:cxn>
                  <a:cxn ang="0">
                    <a:pos x="84" y="57"/>
                  </a:cxn>
                  <a:cxn ang="0">
                    <a:pos x="84" y="50"/>
                  </a:cxn>
                  <a:cxn ang="0">
                    <a:pos x="84" y="44"/>
                  </a:cxn>
                  <a:cxn ang="0">
                    <a:pos x="67" y="14"/>
                  </a:cxn>
                </a:cxnLst>
                <a:rect l="0" t="0" r="r" b="b"/>
                <a:pathLst>
                  <a:path w="84" h="82">
                    <a:moveTo>
                      <a:pt x="67" y="14"/>
                    </a:moveTo>
                    <a:lnTo>
                      <a:pt x="57" y="6"/>
                    </a:lnTo>
                    <a:lnTo>
                      <a:pt x="45" y="1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6" y="0"/>
                    </a:lnTo>
                    <a:lnTo>
                      <a:pt x="19" y="1"/>
                    </a:lnTo>
                    <a:lnTo>
                      <a:pt x="15" y="3"/>
                    </a:lnTo>
                    <a:lnTo>
                      <a:pt x="11" y="6"/>
                    </a:lnTo>
                    <a:lnTo>
                      <a:pt x="8" y="10"/>
                    </a:lnTo>
                    <a:lnTo>
                      <a:pt x="5" y="14"/>
                    </a:lnTo>
                    <a:lnTo>
                      <a:pt x="1" y="23"/>
                    </a:lnTo>
                    <a:lnTo>
                      <a:pt x="0" y="32"/>
                    </a:lnTo>
                    <a:lnTo>
                      <a:pt x="0" y="39"/>
                    </a:lnTo>
                    <a:lnTo>
                      <a:pt x="1" y="44"/>
                    </a:lnTo>
                    <a:lnTo>
                      <a:pt x="4" y="50"/>
                    </a:lnTo>
                    <a:lnTo>
                      <a:pt x="8" y="57"/>
                    </a:lnTo>
                    <a:lnTo>
                      <a:pt x="11" y="62"/>
                    </a:lnTo>
                    <a:lnTo>
                      <a:pt x="15" y="67"/>
                    </a:lnTo>
                    <a:lnTo>
                      <a:pt x="19" y="71"/>
                    </a:lnTo>
                    <a:lnTo>
                      <a:pt x="24" y="75"/>
                    </a:lnTo>
                    <a:lnTo>
                      <a:pt x="30" y="78"/>
                    </a:lnTo>
                    <a:lnTo>
                      <a:pt x="35" y="80"/>
                    </a:lnTo>
                    <a:lnTo>
                      <a:pt x="40" y="82"/>
                    </a:lnTo>
                    <a:lnTo>
                      <a:pt x="45" y="82"/>
                    </a:lnTo>
                    <a:lnTo>
                      <a:pt x="55" y="82"/>
                    </a:lnTo>
                    <a:lnTo>
                      <a:pt x="66" y="79"/>
                    </a:lnTo>
                    <a:lnTo>
                      <a:pt x="70" y="78"/>
                    </a:lnTo>
                    <a:lnTo>
                      <a:pt x="75" y="74"/>
                    </a:lnTo>
                    <a:lnTo>
                      <a:pt x="77" y="71"/>
                    </a:lnTo>
                    <a:lnTo>
                      <a:pt x="80" y="67"/>
                    </a:lnTo>
                    <a:lnTo>
                      <a:pt x="83" y="62"/>
                    </a:lnTo>
                    <a:lnTo>
                      <a:pt x="84" y="57"/>
                    </a:lnTo>
                    <a:lnTo>
                      <a:pt x="84" y="50"/>
                    </a:lnTo>
                    <a:lnTo>
                      <a:pt x="84" y="44"/>
                    </a:lnTo>
                    <a:lnTo>
                      <a:pt x="67" y="1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2" name="Freeform 189">
                <a:extLst>
                  <a:ext uri="{FF2B5EF4-FFF2-40B4-BE49-F238E27FC236}">
                    <a16:creationId xmlns:a16="http://schemas.microsoft.com/office/drawing/2014/main" id="{D95D1D1F-6B25-AF4F-A33A-C16EA8197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48313" y="4615239"/>
                <a:ext cx="1741536" cy="1990548"/>
              </a:xfrm>
              <a:custGeom>
                <a:avLst/>
                <a:gdLst/>
                <a:ahLst/>
                <a:cxnLst>
                  <a:cxn ang="0">
                    <a:pos x="441" y="392"/>
                  </a:cxn>
                  <a:cxn ang="0">
                    <a:pos x="649" y="204"/>
                  </a:cxn>
                  <a:cxn ang="0">
                    <a:pos x="712" y="348"/>
                  </a:cxn>
                  <a:cxn ang="0">
                    <a:pos x="894" y="343"/>
                  </a:cxn>
                  <a:cxn ang="0">
                    <a:pos x="990" y="269"/>
                  </a:cxn>
                  <a:cxn ang="0">
                    <a:pos x="1177" y="293"/>
                  </a:cxn>
                  <a:cxn ang="0">
                    <a:pos x="1280" y="220"/>
                  </a:cxn>
                  <a:cxn ang="0">
                    <a:pos x="1400" y="26"/>
                  </a:cxn>
                  <a:cxn ang="0">
                    <a:pos x="1692" y="9"/>
                  </a:cxn>
                  <a:cxn ang="0">
                    <a:pos x="1927" y="184"/>
                  </a:cxn>
                  <a:cxn ang="0">
                    <a:pos x="2252" y="321"/>
                  </a:cxn>
                  <a:cxn ang="0">
                    <a:pos x="2292" y="474"/>
                  </a:cxn>
                  <a:cxn ang="0">
                    <a:pos x="2371" y="806"/>
                  </a:cxn>
                  <a:cxn ang="0">
                    <a:pos x="2209" y="736"/>
                  </a:cxn>
                  <a:cxn ang="0">
                    <a:pos x="2112" y="754"/>
                  </a:cxn>
                  <a:cxn ang="0">
                    <a:pos x="1905" y="824"/>
                  </a:cxn>
                  <a:cxn ang="0">
                    <a:pos x="1903" y="776"/>
                  </a:cxn>
                  <a:cxn ang="0">
                    <a:pos x="1858" y="960"/>
                  </a:cxn>
                  <a:cxn ang="0">
                    <a:pos x="1789" y="1122"/>
                  </a:cxn>
                  <a:cxn ang="0">
                    <a:pos x="1933" y="1532"/>
                  </a:cxn>
                  <a:cxn ang="0">
                    <a:pos x="2227" y="1737"/>
                  </a:cxn>
                  <a:cxn ang="0">
                    <a:pos x="2367" y="2255"/>
                  </a:cxn>
                  <a:cxn ang="0">
                    <a:pos x="2533" y="2392"/>
                  </a:cxn>
                  <a:cxn ang="0">
                    <a:pos x="2939" y="2548"/>
                  </a:cxn>
                  <a:cxn ang="0">
                    <a:pos x="2954" y="2690"/>
                  </a:cxn>
                  <a:cxn ang="0">
                    <a:pos x="3546" y="3076"/>
                  </a:cxn>
                  <a:cxn ang="0">
                    <a:pos x="3825" y="3391"/>
                  </a:cxn>
                  <a:cxn ang="0">
                    <a:pos x="3733" y="3508"/>
                  </a:cxn>
                  <a:cxn ang="0">
                    <a:pos x="3564" y="3316"/>
                  </a:cxn>
                  <a:cxn ang="0">
                    <a:pos x="3371" y="3220"/>
                  </a:cxn>
                  <a:cxn ang="0">
                    <a:pos x="3156" y="3583"/>
                  </a:cxn>
                  <a:cxn ang="0">
                    <a:pos x="3367" y="3760"/>
                  </a:cxn>
                  <a:cxn ang="0">
                    <a:pos x="3262" y="3913"/>
                  </a:cxn>
                  <a:cxn ang="0">
                    <a:pos x="3142" y="4196"/>
                  </a:cxn>
                  <a:cxn ang="0">
                    <a:pos x="2971" y="4389"/>
                  </a:cxn>
                  <a:cxn ang="0">
                    <a:pos x="2800" y="4301"/>
                  </a:cxn>
                  <a:cxn ang="0">
                    <a:pos x="2920" y="4139"/>
                  </a:cxn>
                  <a:cxn ang="0">
                    <a:pos x="3018" y="4001"/>
                  </a:cxn>
                  <a:cxn ang="0">
                    <a:pos x="2971" y="3826"/>
                  </a:cxn>
                  <a:cxn ang="0">
                    <a:pos x="2879" y="3541"/>
                  </a:cxn>
                  <a:cxn ang="0">
                    <a:pos x="2768" y="3392"/>
                  </a:cxn>
                  <a:cxn ang="0">
                    <a:pos x="2650" y="3355"/>
                  </a:cxn>
                  <a:cxn ang="0">
                    <a:pos x="2572" y="3224"/>
                  </a:cxn>
                  <a:cxn ang="0">
                    <a:pos x="2367" y="3135"/>
                  </a:cxn>
                  <a:cxn ang="0">
                    <a:pos x="2313" y="3026"/>
                  </a:cxn>
                  <a:cxn ang="0">
                    <a:pos x="2198" y="2837"/>
                  </a:cxn>
                  <a:cxn ang="0">
                    <a:pos x="1946" y="2810"/>
                  </a:cxn>
                  <a:cxn ang="0">
                    <a:pos x="1634" y="2421"/>
                  </a:cxn>
                  <a:cxn ang="0">
                    <a:pos x="1398" y="2193"/>
                  </a:cxn>
                  <a:cxn ang="0">
                    <a:pos x="1381" y="2145"/>
                  </a:cxn>
                  <a:cxn ang="0">
                    <a:pos x="1184" y="1926"/>
                  </a:cxn>
                  <a:cxn ang="0">
                    <a:pos x="1113" y="1706"/>
                  </a:cxn>
                  <a:cxn ang="0">
                    <a:pos x="982" y="1330"/>
                  </a:cxn>
                  <a:cxn ang="0">
                    <a:pos x="788" y="1211"/>
                  </a:cxn>
                  <a:cxn ang="0">
                    <a:pos x="561" y="1179"/>
                  </a:cxn>
                  <a:cxn ang="0">
                    <a:pos x="288" y="1377"/>
                  </a:cxn>
                  <a:cxn ang="0">
                    <a:pos x="183" y="1203"/>
                  </a:cxn>
                  <a:cxn ang="0">
                    <a:pos x="17" y="964"/>
                  </a:cxn>
                  <a:cxn ang="0">
                    <a:pos x="11" y="776"/>
                  </a:cxn>
                  <a:cxn ang="0">
                    <a:pos x="158" y="601"/>
                  </a:cxn>
                  <a:cxn ang="0">
                    <a:pos x="112" y="436"/>
                  </a:cxn>
                </a:cxnLst>
                <a:rect l="0" t="0" r="r" b="b"/>
                <a:pathLst>
                  <a:path w="3827" h="4404">
                    <a:moveTo>
                      <a:pt x="155" y="360"/>
                    </a:moveTo>
                    <a:lnTo>
                      <a:pt x="180" y="372"/>
                    </a:lnTo>
                    <a:lnTo>
                      <a:pt x="204" y="379"/>
                    </a:lnTo>
                    <a:lnTo>
                      <a:pt x="215" y="382"/>
                    </a:lnTo>
                    <a:lnTo>
                      <a:pt x="228" y="382"/>
                    </a:lnTo>
                    <a:lnTo>
                      <a:pt x="243" y="381"/>
                    </a:lnTo>
                    <a:lnTo>
                      <a:pt x="257" y="375"/>
                    </a:lnTo>
                    <a:lnTo>
                      <a:pt x="274" y="370"/>
                    </a:lnTo>
                    <a:lnTo>
                      <a:pt x="288" y="366"/>
                    </a:lnTo>
                    <a:lnTo>
                      <a:pt x="301" y="363"/>
                    </a:lnTo>
                    <a:lnTo>
                      <a:pt x="311" y="361"/>
                    </a:lnTo>
                    <a:lnTo>
                      <a:pt x="320" y="361"/>
                    </a:lnTo>
                    <a:lnTo>
                      <a:pt x="328" y="361"/>
                    </a:lnTo>
                    <a:lnTo>
                      <a:pt x="336" y="363"/>
                    </a:lnTo>
                    <a:lnTo>
                      <a:pt x="342" y="365"/>
                    </a:lnTo>
                    <a:lnTo>
                      <a:pt x="357" y="370"/>
                    </a:lnTo>
                    <a:lnTo>
                      <a:pt x="373" y="378"/>
                    </a:lnTo>
                    <a:lnTo>
                      <a:pt x="384" y="382"/>
                    </a:lnTo>
                    <a:lnTo>
                      <a:pt x="397" y="385"/>
                    </a:lnTo>
                    <a:lnTo>
                      <a:pt x="410" y="388"/>
                    </a:lnTo>
                    <a:lnTo>
                      <a:pt x="427" y="392"/>
                    </a:lnTo>
                    <a:lnTo>
                      <a:pt x="441" y="392"/>
                    </a:lnTo>
                    <a:lnTo>
                      <a:pt x="453" y="392"/>
                    </a:lnTo>
                    <a:lnTo>
                      <a:pt x="462" y="390"/>
                    </a:lnTo>
                    <a:lnTo>
                      <a:pt x="471" y="386"/>
                    </a:lnTo>
                    <a:lnTo>
                      <a:pt x="477" y="379"/>
                    </a:lnTo>
                    <a:lnTo>
                      <a:pt x="484" y="373"/>
                    </a:lnTo>
                    <a:lnTo>
                      <a:pt x="489" y="365"/>
                    </a:lnTo>
                    <a:lnTo>
                      <a:pt x="494" y="357"/>
                    </a:lnTo>
                    <a:lnTo>
                      <a:pt x="502" y="338"/>
                    </a:lnTo>
                    <a:lnTo>
                      <a:pt x="508" y="318"/>
                    </a:lnTo>
                    <a:lnTo>
                      <a:pt x="512" y="309"/>
                    </a:lnTo>
                    <a:lnTo>
                      <a:pt x="517" y="299"/>
                    </a:lnTo>
                    <a:lnTo>
                      <a:pt x="522" y="291"/>
                    </a:lnTo>
                    <a:lnTo>
                      <a:pt x="528" y="283"/>
                    </a:lnTo>
                    <a:lnTo>
                      <a:pt x="547" y="263"/>
                    </a:lnTo>
                    <a:lnTo>
                      <a:pt x="576" y="238"/>
                    </a:lnTo>
                    <a:lnTo>
                      <a:pt x="590" y="226"/>
                    </a:lnTo>
                    <a:lnTo>
                      <a:pt x="605" y="217"/>
                    </a:lnTo>
                    <a:lnTo>
                      <a:pt x="618" y="210"/>
                    </a:lnTo>
                    <a:lnTo>
                      <a:pt x="630" y="206"/>
                    </a:lnTo>
                    <a:lnTo>
                      <a:pt x="640" y="203"/>
                    </a:lnTo>
                    <a:lnTo>
                      <a:pt x="647" y="203"/>
                    </a:lnTo>
                    <a:lnTo>
                      <a:pt x="649" y="204"/>
                    </a:lnTo>
                    <a:lnTo>
                      <a:pt x="651" y="206"/>
                    </a:lnTo>
                    <a:lnTo>
                      <a:pt x="652" y="208"/>
                    </a:lnTo>
                    <a:lnTo>
                      <a:pt x="652" y="210"/>
                    </a:lnTo>
                    <a:lnTo>
                      <a:pt x="648" y="223"/>
                    </a:lnTo>
                    <a:lnTo>
                      <a:pt x="640" y="239"/>
                    </a:lnTo>
                    <a:lnTo>
                      <a:pt x="636" y="250"/>
                    </a:lnTo>
                    <a:lnTo>
                      <a:pt x="634" y="259"/>
                    </a:lnTo>
                    <a:lnTo>
                      <a:pt x="633" y="269"/>
                    </a:lnTo>
                    <a:lnTo>
                      <a:pt x="634" y="280"/>
                    </a:lnTo>
                    <a:lnTo>
                      <a:pt x="635" y="285"/>
                    </a:lnTo>
                    <a:lnTo>
                      <a:pt x="638" y="289"/>
                    </a:lnTo>
                    <a:lnTo>
                      <a:pt x="640" y="294"/>
                    </a:lnTo>
                    <a:lnTo>
                      <a:pt x="644" y="299"/>
                    </a:lnTo>
                    <a:lnTo>
                      <a:pt x="649" y="303"/>
                    </a:lnTo>
                    <a:lnTo>
                      <a:pt x="655" y="307"/>
                    </a:lnTo>
                    <a:lnTo>
                      <a:pt x="662" y="311"/>
                    </a:lnTo>
                    <a:lnTo>
                      <a:pt x="670" y="315"/>
                    </a:lnTo>
                    <a:lnTo>
                      <a:pt x="679" y="318"/>
                    </a:lnTo>
                    <a:lnTo>
                      <a:pt x="687" y="324"/>
                    </a:lnTo>
                    <a:lnTo>
                      <a:pt x="695" y="329"/>
                    </a:lnTo>
                    <a:lnTo>
                      <a:pt x="700" y="335"/>
                    </a:lnTo>
                    <a:lnTo>
                      <a:pt x="712" y="348"/>
                    </a:lnTo>
                    <a:lnTo>
                      <a:pt x="719" y="364"/>
                    </a:lnTo>
                    <a:lnTo>
                      <a:pt x="734" y="397"/>
                    </a:lnTo>
                    <a:lnTo>
                      <a:pt x="749" y="430"/>
                    </a:lnTo>
                    <a:lnTo>
                      <a:pt x="760" y="444"/>
                    </a:lnTo>
                    <a:lnTo>
                      <a:pt x="769" y="454"/>
                    </a:lnTo>
                    <a:lnTo>
                      <a:pt x="774" y="458"/>
                    </a:lnTo>
                    <a:lnTo>
                      <a:pt x="779" y="461"/>
                    </a:lnTo>
                    <a:lnTo>
                      <a:pt x="783" y="464"/>
                    </a:lnTo>
                    <a:lnTo>
                      <a:pt x="788" y="464"/>
                    </a:lnTo>
                    <a:lnTo>
                      <a:pt x="793" y="464"/>
                    </a:lnTo>
                    <a:lnTo>
                      <a:pt x="798" y="462"/>
                    </a:lnTo>
                    <a:lnTo>
                      <a:pt x="802" y="460"/>
                    </a:lnTo>
                    <a:lnTo>
                      <a:pt x="807" y="456"/>
                    </a:lnTo>
                    <a:lnTo>
                      <a:pt x="813" y="451"/>
                    </a:lnTo>
                    <a:lnTo>
                      <a:pt x="818" y="444"/>
                    </a:lnTo>
                    <a:lnTo>
                      <a:pt x="823" y="436"/>
                    </a:lnTo>
                    <a:lnTo>
                      <a:pt x="827" y="429"/>
                    </a:lnTo>
                    <a:lnTo>
                      <a:pt x="840" y="409"/>
                    </a:lnTo>
                    <a:lnTo>
                      <a:pt x="853" y="391"/>
                    </a:lnTo>
                    <a:lnTo>
                      <a:pt x="867" y="375"/>
                    </a:lnTo>
                    <a:lnTo>
                      <a:pt x="881" y="360"/>
                    </a:lnTo>
                    <a:lnTo>
                      <a:pt x="894" y="343"/>
                    </a:lnTo>
                    <a:lnTo>
                      <a:pt x="905" y="326"/>
                    </a:lnTo>
                    <a:lnTo>
                      <a:pt x="909" y="317"/>
                    </a:lnTo>
                    <a:lnTo>
                      <a:pt x="912" y="308"/>
                    </a:lnTo>
                    <a:lnTo>
                      <a:pt x="914" y="298"/>
                    </a:lnTo>
                    <a:lnTo>
                      <a:pt x="915" y="286"/>
                    </a:lnTo>
                    <a:lnTo>
                      <a:pt x="916" y="278"/>
                    </a:lnTo>
                    <a:lnTo>
                      <a:pt x="918" y="268"/>
                    </a:lnTo>
                    <a:lnTo>
                      <a:pt x="921" y="258"/>
                    </a:lnTo>
                    <a:lnTo>
                      <a:pt x="925" y="246"/>
                    </a:lnTo>
                    <a:lnTo>
                      <a:pt x="929" y="236"/>
                    </a:lnTo>
                    <a:lnTo>
                      <a:pt x="936" y="225"/>
                    </a:lnTo>
                    <a:lnTo>
                      <a:pt x="938" y="221"/>
                    </a:lnTo>
                    <a:lnTo>
                      <a:pt x="942" y="219"/>
                    </a:lnTo>
                    <a:lnTo>
                      <a:pt x="946" y="216"/>
                    </a:lnTo>
                    <a:lnTo>
                      <a:pt x="949" y="215"/>
                    </a:lnTo>
                    <a:lnTo>
                      <a:pt x="951" y="215"/>
                    </a:lnTo>
                    <a:lnTo>
                      <a:pt x="955" y="217"/>
                    </a:lnTo>
                    <a:lnTo>
                      <a:pt x="958" y="220"/>
                    </a:lnTo>
                    <a:lnTo>
                      <a:pt x="962" y="224"/>
                    </a:lnTo>
                    <a:lnTo>
                      <a:pt x="969" y="233"/>
                    </a:lnTo>
                    <a:lnTo>
                      <a:pt x="976" y="245"/>
                    </a:lnTo>
                    <a:lnTo>
                      <a:pt x="990" y="269"/>
                    </a:lnTo>
                    <a:lnTo>
                      <a:pt x="1002" y="283"/>
                    </a:lnTo>
                    <a:lnTo>
                      <a:pt x="1016" y="290"/>
                    </a:lnTo>
                    <a:lnTo>
                      <a:pt x="1032" y="296"/>
                    </a:lnTo>
                    <a:lnTo>
                      <a:pt x="1039" y="299"/>
                    </a:lnTo>
                    <a:lnTo>
                      <a:pt x="1047" y="302"/>
                    </a:lnTo>
                    <a:lnTo>
                      <a:pt x="1055" y="303"/>
                    </a:lnTo>
                    <a:lnTo>
                      <a:pt x="1063" y="304"/>
                    </a:lnTo>
                    <a:lnTo>
                      <a:pt x="1077" y="304"/>
                    </a:lnTo>
                    <a:lnTo>
                      <a:pt x="1089" y="306"/>
                    </a:lnTo>
                    <a:lnTo>
                      <a:pt x="1100" y="308"/>
                    </a:lnTo>
                    <a:lnTo>
                      <a:pt x="1113" y="313"/>
                    </a:lnTo>
                    <a:lnTo>
                      <a:pt x="1126" y="317"/>
                    </a:lnTo>
                    <a:lnTo>
                      <a:pt x="1138" y="320"/>
                    </a:lnTo>
                    <a:lnTo>
                      <a:pt x="1148" y="322"/>
                    </a:lnTo>
                    <a:lnTo>
                      <a:pt x="1159" y="321"/>
                    </a:lnTo>
                    <a:lnTo>
                      <a:pt x="1162" y="320"/>
                    </a:lnTo>
                    <a:lnTo>
                      <a:pt x="1166" y="317"/>
                    </a:lnTo>
                    <a:lnTo>
                      <a:pt x="1169" y="315"/>
                    </a:lnTo>
                    <a:lnTo>
                      <a:pt x="1173" y="311"/>
                    </a:lnTo>
                    <a:lnTo>
                      <a:pt x="1174" y="306"/>
                    </a:lnTo>
                    <a:lnTo>
                      <a:pt x="1177" y="300"/>
                    </a:lnTo>
                    <a:lnTo>
                      <a:pt x="1177" y="293"/>
                    </a:lnTo>
                    <a:lnTo>
                      <a:pt x="1178" y="285"/>
                    </a:lnTo>
                    <a:lnTo>
                      <a:pt x="1175" y="271"/>
                    </a:lnTo>
                    <a:lnTo>
                      <a:pt x="1174" y="252"/>
                    </a:lnTo>
                    <a:lnTo>
                      <a:pt x="1174" y="243"/>
                    </a:lnTo>
                    <a:lnTo>
                      <a:pt x="1174" y="236"/>
                    </a:lnTo>
                    <a:lnTo>
                      <a:pt x="1175" y="233"/>
                    </a:lnTo>
                    <a:lnTo>
                      <a:pt x="1178" y="229"/>
                    </a:lnTo>
                    <a:lnTo>
                      <a:pt x="1179" y="228"/>
                    </a:lnTo>
                    <a:lnTo>
                      <a:pt x="1182" y="226"/>
                    </a:lnTo>
                    <a:lnTo>
                      <a:pt x="1187" y="225"/>
                    </a:lnTo>
                    <a:lnTo>
                      <a:pt x="1192" y="225"/>
                    </a:lnTo>
                    <a:lnTo>
                      <a:pt x="1199" y="225"/>
                    </a:lnTo>
                    <a:lnTo>
                      <a:pt x="1205" y="226"/>
                    </a:lnTo>
                    <a:lnTo>
                      <a:pt x="1221" y="230"/>
                    </a:lnTo>
                    <a:lnTo>
                      <a:pt x="1236" y="234"/>
                    </a:lnTo>
                    <a:lnTo>
                      <a:pt x="1244" y="236"/>
                    </a:lnTo>
                    <a:lnTo>
                      <a:pt x="1252" y="236"/>
                    </a:lnTo>
                    <a:lnTo>
                      <a:pt x="1258" y="236"/>
                    </a:lnTo>
                    <a:lnTo>
                      <a:pt x="1265" y="234"/>
                    </a:lnTo>
                    <a:lnTo>
                      <a:pt x="1271" y="230"/>
                    </a:lnTo>
                    <a:lnTo>
                      <a:pt x="1276" y="226"/>
                    </a:lnTo>
                    <a:lnTo>
                      <a:pt x="1280" y="220"/>
                    </a:lnTo>
                    <a:lnTo>
                      <a:pt x="1283" y="212"/>
                    </a:lnTo>
                    <a:lnTo>
                      <a:pt x="1286" y="206"/>
                    </a:lnTo>
                    <a:lnTo>
                      <a:pt x="1286" y="199"/>
                    </a:lnTo>
                    <a:lnTo>
                      <a:pt x="1286" y="194"/>
                    </a:lnTo>
                    <a:lnTo>
                      <a:pt x="1284" y="189"/>
                    </a:lnTo>
                    <a:lnTo>
                      <a:pt x="1282" y="179"/>
                    </a:lnTo>
                    <a:lnTo>
                      <a:pt x="1278" y="167"/>
                    </a:lnTo>
                    <a:lnTo>
                      <a:pt x="1275" y="160"/>
                    </a:lnTo>
                    <a:lnTo>
                      <a:pt x="1275" y="154"/>
                    </a:lnTo>
                    <a:lnTo>
                      <a:pt x="1275" y="147"/>
                    </a:lnTo>
                    <a:lnTo>
                      <a:pt x="1276" y="141"/>
                    </a:lnTo>
                    <a:lnTo>
                      <a:pt x="1282" y="129"/>
                    </a:lnTo>
                    <a:lnTo>
                      <a:pt x="1288" y="118"/>
                    </a:lnTo>
                    <a:lnTo>
                      <a:pt x="1313" y="76"/>
                    </a:lnTo>
                    <a:lnTo>
                      <a:pt x="1313" y="76"/>
                    </a:lnTo>
                    <a:lnTo>
                      <a:pt x="1324" y="74"/>
                    </a:lnTo>
                    <a:lnTo>
                      <a:pt x="1336" y="68"/>
                    </a:lnTo>
                    <a:lnTo>
                      <a:pt x="1346" y="62"/>
                    </a:lnTo>
                    <a:lnTo>
                      <a:pt x="1355" y="54"/>
                    </a:lnTo>
                    <a:lnTo>
                      <a:pt x="1376" y="39"/>
                    </a:lnTo>
                    <a:lnTo>
                      <a:pt x="1396" y="26"/>
                    </a:lnTo>
                    <a:lnTo>
                      <a:pt x="1400" y="26"/>
                    </a:lnTo>
                    <a:lnTo>
                      <a:pt x="1406" y="27"/>
                    </a:lnTo>
                    <a:lnTo>
                      <a:pt x="1415" y="31"/>
                    </a:lnTo>
                    <a:lnTo>
                      <a:pt x="1423" y="35"/>
                    </a:lnTo>
                    <a:lnTo>
                      <a:pt x="1441" y="44"/>
                    </a:lnTo>
                    <a:lnTo>
                      <a:pt x="1455" y="49"/>
                    </a:lnTo>
                    <a:lnTo>
                      <a:pt x="1466" y="50"/>
                    </a:lnTo>
                    <a:lnTo>
                      <a:pt x="1476" y="50"/>
                    </a:lnTo>
                    <a:lnTo>
                      <a:pt x="1485" y="49"/>
                    </a:lnTo>
                    <a:lnTo>
                      <a:pt x="1495" y="46"/>
                    </a:lnTo>
                    <a:lnTo>
                      <a:pt x="1515" y="39"/>
                    </a:lnTo>
                    <a:lnTo>
                      <a:pt x="1536" y="30"/>
                    </a:lnTo>
                    <a:lnTo>
                      <a:pt x="1555" y="19"/>
                    </a:lnTo>
                    <a:lnTo>
                      <a:pt x="1574" y="10"/>
                    </a:lnTo>
                    <a:lnTo>
                      <a:pt x="1585" y="6"/>
                    </a:lnTo>
                    <a:lnTo>
                      <a:pt x="1595" y="2"/>
                    </a:lnTo>
                    <a:lnTo>
                      <a:pt x="1606" y="1"/>
                    </a:lnTo>
                    <a:lnTo>
                      <a:pt x="1616" y="0"/>
                    </a:lnTo>
                    <a:lnTo>
                      <a:pt x="1630" y="0"/>
                    </a:lnTo>
                    <a:lnTo>
                      <a:pt x="1646" y="1"/>
                    </a:lnTo>
                    <a:lnTo>
                      <a:pt x="1661" y="4"/>
                    </a:lnTo>
                    <a:lnTo>
                      <a:pt x="1677" y="6"/>
                    </a:lnTo>
                    <a:lnTo>
                      <a:pt x="1692" y="9"/>
                    </a:lnTo>
                    <a:lnTo>
                      <a:pt x="1709" y="11"/>
                    </a:lnTo>
                    <a:lnTo>
                      <a:pt x="1725" y="13"/>
                    </a:lnTo>
                    <a:lnTo>
                      <a:pt x="1740" y="14"/>
                    </a:lnTo>
                    <a:lnTo>
                      <a:pt x="1782" y="11"/>
                    </a:lnTo>
                    <a:lnTo>
                      <a:pt x="1839" y="9"/>
                    </a:lnTo>
                    <a:lnTo>
                      <a:pt x="1852" y="9"/>
                    </a:lnTo>
                    <a:lnTo>
                      <a:pt x="1866" y="10"/>
                    </a:lnTo>
                    <a:lnTo>
                      <a:pt x="1878" y="13"/>
                    </a:lnTo>
                    <a:lnTo>
                      <a:pt x="1888" y="17"/>
                    </a:lnTo>
                    <a:lnTo>
                      <a:pt x="1897" y="21"/>
                    </a:lnTo>
                    <a:lnTo>
                      <a:pt x="1905" y="26"/>
                    </a:lnTo>
                    <a:lnTo>
                      <a:pt x="1907" y="30"/>
                    </a:lnTo>
                    <a:lnTo>
                      <a:pt x="1909" y="32"/>
                    </a:lnTo>
                    <a:lnTo>
                      <a:pt x="1910" y="36"/>
                    </a:lnTo>
                    <a:lnTo>
                      <a:pt x="1911" y="41"/>
                    </a:lnTo>
                    <a:lnTo>
                      <a:pt x="1910" y="93"/>
                    </a:lnTo>
                    <a:lnTo>
                      <a:pt x="1909" y="136"/>
                    </a:lnTo>
                    <a:lnTo>
                      <a:pt x="1910" y="145"/>
                    </a:lnTo>
                    <a:lnTo>
                      <a:pt x="1913" y="154"/>
                    </a:lnTo>
                    <a:lnTo>
                      <a:pt x="1915" y="164"/>
                    </a:lnTo>
                    <a:lnTo>
                      <a:pt x="1920" y="173"/>
                    </a:lnTo>
                    <a:lnTo>
                      <a:pt x="1927" y="184"/>
                    </a:lnTo>
                    <a:lnTo>
                      <a:pt x="1935" y="194"/>
                    </a:lnTo>
                    <a:lnTo>
                      <a:pt x="1944" y="204"/>
                    </a:lnTo>
                    <a:lnTo>
                      <a:pt x="1955" y="216"/>
                    </a:lnTo>
                    <a:lnTo>
                      <a:pt x="1971" y="225"/>
                    </a:lnTo>
                    <a:lnTo>
                      <a:pt x="1985" y="232"/>
                    </a:lnTo>
                    <a:lnTo>
                      <a:pt x="1999" y="238"/>
                    </a:lnTo>
                    <a:lnTo>
                      <a:pt x="2014" y="242"/>
                    </a:lnTo>
                    <a:lnTo>
                      <a:pt x="2028" y="246"/>
                    </a:lnTo>
                    <a:lnTo>
                      <a:pt x="2043" y="249"/>
                    </a:lnTo>
                    <a:lnTo>
                      <a:pt x="2059" y="250"/>
                    </a:lnTo>
                    <a:lnTo>
                      <a:pt x="2076" y="251"/>
                    </a:lnTo>
                    <a:lnTo>
                      <a:pt x="2090" y="254"/>
                    </a:lnTo>
                    <a:lnTo>
                      <a:pt x="2104" y="256"/>
                    </a:lnTo>
                    <a:lnTo>
                      <a:pt x="2117" y="260"/>
                    </a:lnTo>
                    <a:lnTo>
                      <a:pt x="2129" y="264"/>
                    </a:lnTo>
                    <a:lnTo>
                      <a:pt x="2151" y="276"/>
                    </a:lnTo>
                    <a:lnTo>
                      <a:pt x="2173" y="287"/>
                    </a:lnTo>
                    <a:lnTo>
                      <a:pt x="2194" y="299"/>
                    </a:lnTo>
                    <a:lnTo>
                      <a:pt x="2216" y="309"/>
                    </a:lnTo>
                    <a:lnTo>
                      <a:pt x="2227" y="315"/>
                    </a:lnTo>
                    <a:lnTo>
                      <a:pt x="2239" y="318"/>
                    </a:lnTo>
                    <a:lnTo>
                      <a:pt x="2252" y="321"/>
                    </a:lnTo>
                    <a:lnTo>
                      <a:pt x="2266" y="324"/>
                    </a:lnTo>
                    <a:lnTo>
                      <a:pt x="2278" y="325"/>
                    </a:lnTo>
                    <a:lnTo>
                      <a:pt x="2288" y="328"/>
                    </a:lnTo>
                    <a:lnTo>
                      <a:pt x="2299" y="330"/>
                    </a:lnTo>
                    <a:lnTo>
                      <a:pt x="2308" y="334"/>
                    </a:lnTo>
                    <a:lnTo>
                      <a:pt x="2317" y="338"/>
                    </a:lnTo>
                    <a:lnTo>
                      <a:pt x="2325" y="343"/>
                    </a:lnTo>
                    <a:lnTo>
                      <a:pt x="2332" y="348"/>
                    </a:lnTo>
                    <a:lnTo>
                      <a:pt x="2340" y="355"/>
                    </a:lnTo>
                    <a:lnTo>
                      <a:pt x="2353" y="368"/>
                    </a:lnTo>
                    <a:lnTo>
                      <a:pt x="2365" y="383"/>
                    </a:lnTo>
                    <a:lnTo>
                      <a:pt x="2376" y="400"/>
                    </a:lnTo>
                    <a:lnTo>
                      <a:pt x="2388" y="420"/>
                    </a:lnTo>
                    <a:lnTo>
                      <a:pt x="2388" y="420"/>
                    </a:lnTo>
                    <a:lnTo>
                      <a:pt x="2328" y="444"/>
                    </a:lnTo>
                    <a:lnTo>
                      <a:pt x="2319" y="447"/>
                    </a:lnTo>
                    <a:lnTo>
                      <a:pt x="2312" y="449"/>
                    </a:lnTo>
                    <a:lnTo>
                      <a:pt x="2305" y="452"/>
                    </a:lnTo>
                    <a:lnTo>
                      <a:pt x="2300" y="457"/>
                    </a:lnTo>
                    <a:lnTo>
                      <a:pt x="2296" y="462"/>
                    </a:lnTo>
                    <a:lnTo>
                      <a:pt x="2293" y="467"/>
                    </a:lnTo>
                    <a:lnTo>
                      <a:pt x="2292" y="474"/>
                    </a:lnTo>
                    <a:lnTo>
                      <a:pt x="2291" y="480"/>
                    </a:lnTo>
                    <a:lnTo>
                      <a:pt x="2292" y="495"/>
                    </a:lnTo>
                    <a:lnTo>
                      <a:pt x="2293" y="509"/>
                    </a:lnTo>
                    <a:lnTo>
                      <a:pt x="2297" y="524"/>
                    </a:lnTo>
                    <a:lnTo>
                      <a:pt x="2300" y="537"/>
                    </a:lnTo>
                    <a:lnTo>
                      <a:pt x="2302" y="553"/>
                    </a:lnTo>
                    <a:lnTo>
                      <a:pt x="2304" y="570"/>
                    </a:lnTo>
                    <a:lnTo>
                      <a:pt x="2304" y="585"/>
                    </a:lnTo>
                    <a:lnTo>
                      <a:pt x="2304" y="601"/>
                    </a:lnTo>
                    <a:lnTo>
                      <a:pt x="2305" y="616"/>
                    </a:lnTo>
                    <a:lnTo>
                      <a:pt x="2306" y="632"/>
                    </a:lnTo>
                    <a:lnTo>
                      <a:pt x="2310" y="647"/>
                    </a:lnTo>
                    <a:lnTo>
                      <a:pt x="2317" y="662"/>
                    </a:lnTo>
                    <a:lnTo>
                      <a:pt x="2339" y="695"/>
                    </a:lnTo>
                    <a:lnTo>
                      <a:pt x="2365" y="736"/>
                    </a:lnTo>
                    <a:lnTo>
                      <a:pt x="2371" y="746"/>
                    </a:lnTo>
                    <a:lnTo>
                      <a:pt x="2375" y="756"/>
                    </a:lnTo>
                    <a:lnTo>
                      <a:pt x="2378" y="767"/>
                    </a:lnTo>
                    <a:lnTo>
                      <a:pt x="2379" y="777"/>
                    </a:lnTo>
                    <a:lnTo>
                      <a:pt x="2379" y="786"/>
                    </a:lnTo>
                    <a:lnTo>
                      <a:pt x="2376" y="796"/>
                    </a:lnTo>
                    <a:lnTo>
                      <a:pt x="2371" y="806"/>
                    </a:lnTo>
                    <a:lnTo>
                      <a:pt x="2363" y="813"/>
                    </a:lnTo>
                    <a:lnTo>
                      <a:pt x="2322" y="820"/>
                    </a:lnTo>
                    <a:lnTo>
                      <a:pt x="2322" y="820"/>
                    </a:lnTo>
                    <a:lnTo>
                      <a:pt x="2332" y="802"/>
                    </a:lnTo>
                    <a:lnTo>
                      <a:pt x="2341" y="790"/>
                    </a:lnTo>
                    <a:lnTo>
                      <a:pt x="2348" y="784"/>
                    </a:lnTo>
                    <a:lnTo>
                      <a:pt x="2350" y="781"/>
                    </a:lnTo>
                    <a:lnTo>
                      <a:pt x="2344" y="773"/>
                    </a:lnTo>
                    <a:lnTo>
                      <a:pt x="2314" y="747"/>
                    </a:lnTo>
                    <a:lnTo>
                      <a:pt x="2304" y="737"/>
                    </a:lnTo>
                    <a:lnTo>
                      <a:pt x="2293" y="730"/>
                    </a:lnTo>
                    <a:lnTo>
                      <a:pt x="2284" y="727"/>
                    </a:lnTo>
                    <a:lnTo>
                      <a:pt x="2275" y="724"/>
                    </a:lnTo>
                    <a:lnTo>
                      <a:pt x="2266" y="724"/>
                    </a:lnTo>
                    <a:lnTo>
                      <a:pt x="2258" y="725"/>
                    </a:lnTo>
                    <a:lnTo>
                      <a:pt x="2251" y="728"/>
                    </a:lnTo>
                    <a:lnTo>
                      <a:pt x="2244" y="730"/>
                    </a:lnTo>
                    <a:lnTo>
                      <a:pt x="2236" y="733"/>
                    </a:lnTo>
                    <a:lnTo>
                      <a:pt x="2230" y="736"/>
                    </a:lnTo>
                    <a:lnTo>
                      <a:pt x="2223" y="737"/>
                    </a:lnTo>
                    <a:lnTo>
                      <a:pt x="2216" y="737"/>
                    </a:lnTo>
                    <a:lnTo>
                      <a:pt x="2209" y="736"/>
                    </a:lnTo>
                    <a:lnTo>
                      <a:pt x="2201" y="732"/>
                    </a:lnTo>
                    <a:lnTo>
                      <a:pt x="2195" y="725"/>
                    </a:lnTo>
                    <a:lnTo>
                      <a:pt x="2186" y="716"/>
                    </a:lnTo>
                    <a:lnTo>
                      <a:pt x="2182" y="710"/>
                    </a:lnTo>
                    <a:lnTo>
                      <a:pt x="2177" y="706"/>
                    </a:lnTo>
                    <a:lnTo>
                      <a:pt x="2173" y="702"/>
                    </a:lnTo>
                    <a:lnTo>
                      <a:pt x="2169" y="699"/>
                    </a:lnTo>
                    <a:lnTo>
                      <a:pt x="2164" y="698"/>
                    </a:lnTo>
                    <a:lnTo>
                      <a:pt x="2160" y="697"/>
                    </a:lnTo>
                    <a:lnTo>
                      <a:pt x="2156" y="697"/>
                    </a:lnTo>
                    <a:lnTo>
                      <a:pt x="2152" y="698"/>
                    </a:lnTo>
                    <a:lnTo>
                      <a:pt x="2143" y="701"/>
                    </a:lnTo>
                    <a:lnTo>
                      <a:pt x="2135" y="704"/>
                    </a:lnTo>
                    <a:lnTo>
                      <a:pt x="2126" y="711"/>
                    </a:lnTo>
                    <a:lnTo>
                      <a:pt x="2117" y="717"/>
                    </a:lnTo>
                    <a:lnTo>
                      <a:pt x="2102" y="728"/>
                    </a:lnTo>
                    <a:lnTo>
                      <a:pt x="2094" y="737"/>
                    </a:lnTo>
                    <a:lnTo>
                      <a:pt x="2093" y="739"/>
                    </a:lnTo>
                    <a:lnTo>
                      <a:pt x="2093" y="742"/>
                    </a:lnTo>
                    <a:lnTo>
                      <a:pt x="2094" y="745"/>
                    </a:lnTo>
                    <a:lnTo>
                      <a:pt x="2095" y="746"/>
                    </a:lnTo>
                    <a:lnTo>
                      <a:pt x="2112" y="754"/>
                    </a:lnTo>
                    <a:lnTo>
                      <a:pt x="2133" y="764"/>
                    </a:lnTo>
                    <a:lnTo>
                      <a:pt x="2134" y="767"/>
                    </a:lnTo>
                    <a:lnTo>
                      <a:pt x="2134" y="768"/>
                    </a:lnTo>
                    <a:lnTo>
                      <a:pt x="2133" y="771"/>
                    </a:lnTo>
                    <a:lnTo>
                      <a:pt x="2129" y="772"/>
                    </a:lnTo>
                    <a:lnTo>
                      <a:pt x="2119" y="774"/>
                    </a:lnTo>
                    <a:lnTo>
                      <a:pt x="2104" y="777"/>
                    </a:lnTo>
                    <a:lnTo>
                      <a:pt x="2074" y="781"/>
                    </a:lnTo>
                    <a:lnTo>
                      <a:pt x="2058" y="782"/>
                    </a:lnTo>
                    <a:lnTo>
                      <a:pt x="2042" y="784"/>
                    </a:lnTo>
                    <a:lnTo>
                      <a:pt x="2027" y="786"/>
                    </a:lnTo>
                    <a:lnTo>
                      <a:pt x="2012" y="791"/>
                    </a:lnTo>
                    <a:lnTo>
                      <a:pt x="1997" y="796"/>
                    </a:lnTo>
                    <a:lnTo>
                      <a:pt x="1968" y="811"/>
                    </a:lnTo>
                    <a:lnTo>
                      <a:pt x="1940" y="824"/>
                    </a:lnTo>
                    <a:lnTo>
                      <a:pt x="1931" y="828"/>
                    </a:lnTo>
                    <a:lnTo>
                      <a:pt x="1923" y="829"/>
                    </a:lnTo>
                    <a:lnTo>
                      <a:pt x="1918" y="830"/>
                    </a:lnTo>
                    <a:lnTo>
                      <a:pt x="1913" y="830"/>
                    </a:lnTo>
                    <a:lnTo>
                      <a:pt x="1909" y="829"/>
                    </a:lnTo>
                    <a:lnTo>
                      <a:pt x="1906" y="826"/>
                    </a:lnTo>
                    <a:lnTo>
                      <a:pt x="1905" y="824"/>
                    </a:lnTo>
                    <a:lnTo>
                      <a:pt x="1903" y="821"/>
                    </a:lnTo>
                    <a:lnTo>
                      <a:pt x="1903" y="813"/>
                    </a:lnTo>
                    <a:lnTo>
                      <a:pt x="1906" y="807"/>
                    </a:lnTo>
                    <a:lnTo>
                      <a:pt x="1909" y="803"/>
                    </a:lnTo>
                    <a:lnTo>
                      <a:pt x="1911" y="800"/>
                    </a:lnTo>
                    <a:lnTo>
                      <a:pt x="1914" y="798"/>
                    </a:lnTo>
                    <a:lnTo>
                      <a:pt x="1918" y="796"/>
                    </a:lnTo>
                    <a:lnTo>
                      <a:pt x="1926" y="794"/>
                    </a:lnTo>
                    <a:lnTo>
                      <a:pt x="1932" y="791"/>
                    </a:lnTo>
                    <a:lnTo>
                      <a:pt x="1937" y="789"/>
                    </a:lnTo>
                    <a:lnTo>
                      <a:pt x="1940" y="785"/>
                    </a:lnTo>
                    <a:lnTo>
                      <a:pt x="1941" y="782"/>
                    </a:lnTo>
                    <a:lnTo>
                      <a:pt x="1941" y="780"/>
                    </a:lnTo>
                    <a:lnTo>
                      <a:pt x="1940" y="777"/>
                    </a:lnTo>
                    <a:lnTo>
                      <a:pt x="1937" y="776"/>
                    </a:lnTo>
                    <a:lnTo>
                      <a:pt x="1935" y="773"/>
                    </a:lnTo>
                    <a:lnTo>
                      <a:pt x="1931" y="772"/>
                    </a:lnTo>
                    <a:lnTo>
                      <a:pt x="1926" y="772"/>
                    </a:lnTo>
                    <a:lnTo>
                      <a:pt x="1920" y="772"/>
                    </a:lnTo>
                    <a:lnTo>
                      <a:pt x="1915" y="772"/>
                    </a:lnTo>
                    <a:lnTo>
                      <a:pt x="1910" y="773"/>
                    </a:lnTo>
                    <a:lnTo>
                      <a:pt x="1903" y="776"/>
                    </a:lnTo>
                    <a:lnTo>
                      <a:pt x="1898" y="778"/>
                    </a:lnTo>
                    <a:lnTo>
                      <a:pt x="1874" y="795"/>
                    </a:lnTo>
                    <a:lnTo>
                      <a:pt x="1850" y="813"/>
                    </a:lnTo>
                    <a:lnTo>
                      <a:pt x="1839" y="821"/>
                    </a:lnTo>
                    <a:lnTo>
                      <a:pt x="1827" y="830"/>
                    </a:lnTo>
                    <a:lnTo>
                      <a:pt x="1815" y="837"/>
                    </a:lnTo>
                    <a:lnTo>
                      <a:pt x="1802" y="844"/>
                    </a:lnTo>
                    <a:lnTo>
                      <a:pt x="1796" y="848"/>
                    </a:lnTo>
                    <a:lnTo>
                      <a:pt x="1791" y="855"/>
                    </a:lnTo>
                    <a:lnTo>
                      <a:pt x="1788" y="861"/>
                    </a:lnTo>
                    <a:lnTo>
                      <a:pt x="1787" y="869"/>
                    </a:lnTo>
                    <a:lnTo>
                      <a:pt x="1788" y="877"/>
                    </a:lnTo>
                    <a:lnTo>
                      <a:pt x="1791" y="886"/>
                    </a:lnTo>
                    <a:lnTo>
                      <a:pt x="1795" y="895"/>
                    </a:lnTo>
                    <a:lnTo>
                      <a:pt x="1799" y="904"/>
                    </a:lnTo>
                    <a:lnTo>
                      <a:pt x="1810" y="921"/>
                    </a:lnTo>
                    <a:lnTo>
                      <a:pt x="1823" y="936"/>
                    </a:lnTo>
                    <a:lnTo>
                      <a:pt x="1830" y="943"/>
                    </a:lnTo>
                    <a:lnTo>
                      <a:pt x="1836" y="948"/>
                    </a:lnTo>
                    <a:lnTo>
                      <a:pt x="1843" y="952"/>
                    </a:lnTo>
                    <a:lnTo>
                      <a:pt x="1848" y="955"/>
                    </a:lnTo>
                    <a:lnTo>
                      <a:pt x="1858" y="960"/>
                    </a:lnTo>
                    <a:lnTo>
                      <a:pt x="1867" y="966"/>
                    </a:lnTo>
                    <a:lnTo>
                      <a:pt x="1875" y="973"/>
                    </a:lnTo>
                    <a:lnTo>
                      <a:pt x="1880" y="982"/>
                    </a:lnTo>
                    <a:lnTo>
                      <a:pt x="1884" y="991"/>
                    </a:lnTo>
                    <a:lnTo>
                      <a:pt x="1888" y="1001"/>
                    </a:lnTo>
                    <a:lnTo>
                      <a:pt x="1889" y="1010"/>
                    </a:lnTo>
                    <a:lnTo>
                      <a:pt x="1889" y="1021"/>
                    </a:lnTo>
                    <a:lnTo>
                      <a:pt x="1888" y="1032"/>
                    </a:lnTo>
                    <a:lnTo>
                      <a:pt x="1887" y="1043"/>
                    </a:lnTo>
                    <a:lnTo>
                      <a:pt x="1883" y="1053"/>
                    </a:lnTo>
                    <a:lnTo>
                      <a:pt x="1879" y="1063"/>
                    </a:lnTo>
                    <a:lnTo>
                      <a:pt x="1874" y="1072"/>
                    </a:lnTo>
                    <a:lnTo>
                      <a:pt x="1868" y="1081"/>
                    </a:lnTo>
                    <a:lnTo>
                      <a:pt x="1861" y="1089"/>
                    </a:lnTo>
                    <a:lnTo>
                      <a:pt x="1854" y="1096"/>
                    </a:lnTo>
                    <a:lnTo>
                      <a:pt x="1844" y="1102"/>
                    </a:lnTo>
                    <a:lnTo>
                      <a:pt x="1835" y="1106"/>
                    </a:lnTo>
                    <a:lnTo>
                      <a:pt x="1826" y="1110"/>
                    </a:lnTo>
                    <a:lnTo>
                      <a:pt x="1818" y="1113"/>
                    </a:lnTo>
                    <a:lnTo>
                      <a:pt x="1804" y="1116"/>
                    </a:lnTo>
                    <a:lnTo>
                      <a:pt x="1793" y="1119"/>
                    </a:lnTo>
                    <a:lnTo>
                      <a:pt x="1789" y="1122"/>
                    </a:lnTo>
                    <a:lnTo>
                      <a:pt x="1787" y="1124"/>
                    </a:lnTo>
                    <a:lnTo>
                      <a:pt x="1784" y="1128"/>
                    </a:lnTo>
                    <a:lnTo>
                      <a:pt x="1783" y="1135"/>
                    </a:lnTo>
                    <a:lnTo>
                      <a:pt x="1782" y="1141"/>
                    </a:lnTo>
                    <a:lnTo>
                      <a:pt x="1783" y="1150"/>
                    </a:lnTo>
                    <a:lnTo>
                      <a:pt x="1784" y="1162"/>
                    </a:lnTo>
                    <a:lnTo>
                      <a:pt x="1787" y="1176"/>
                    </a:lnTo>
                    <a:lnTo>
                      <a:pt x="1792" y="1214"/>
                    </a:lnTo>
                    <a:lnTo>
                      <a:pt x="1796" y="1251"/>
                    </a:lnTo>
                    <a:lnTo>
                      <a:pt x="1799" y="1290"/>
                    </a:lnTo>
                    <a:lnTo>
                      <a:pt x="1804" y="1328"/>
                    </a:lnTo>
                    <a:lnTo>
                      <a:pt x="1808" y="1350"/>
                    </a:lnTo>
                    <a:lnTo>
                      <a:pt x="1814" y="1370"/>
                    </a:lnTo>
                    <a:lnTo>
                      <a:pt x="1823" y="1391"/>
                    </a:lnTo>
                    <a:lnTo>
                      <a:pt x="1832" y="1410"/>
                    </a:lnTo>
                    <a:lnTo>
                      <a:pt x="1844" y="1430"/>
                    </a:lnTo>
                    <a:lnTo>
                      <a:pt x="1857" y="1449"/>
                    </a:lnTo>
                    <a:lnTo>
                      <a:pt x="1870" y="1466"/>
                    </a:lnTo>
                    <a:lnTo>
                      <a:pt x="1885" y="1484"/>
                    </a:lnTo>
                    <a:lnTo>
                      <a:pt x="1901" y="1501"/>
                    </a:lnTo>
                    <a:lnTo>
                      <a:pt x="1916" y="1517"/>
                    </a:lnTo>
                    <a:lnTo>
                      <a:pt x="1933" y="1532"/>
                    </a:lnTo>
                    <a:lnTo>
                      <a:pt x="1950" y="1548"/>
                    </a:lnTo>
                    <a:lnTo>
                      <a:pt x="1985" y="1576"/>
                    </a:lnTo>
                    <a:lnTo>
                      <a:pt x="2020" y="1604"/>
                    </a:lnTo>
                    <a:lnTo>
                      <a:pt x="2028" y="1616"/>
                    </a:lnTo>
                    <a:lnTo>
                      <a:pt x="2040" y="1631"/>
                    </a:lnTo>
                    <a:lnTo>
                      <a:pt x="2052" y="1645"/>
                    </a:lnTo>
                    <a:lnTo>
                      <a:pt x="2067" y="1659"/>
                    </a:lnTo>
                    <a:lnTo>
                      <a:pt x="2081" y="1672"/>
                    </a:lnTo>
                    <a:lnTo>
                      <a:pt x="2097" y="1685"/>
                    </a:lnTo>
                    <a:lnTo>
                      <a:pt x="2111" y="1697"/>
                    </a:lnTo>
                    <a:lnTo>
                      <a:pt x="2124" y="1705"/>
                    </a:lnTo>
                    <a:lnTo>
                      <a:pt x="2134" y="1708"/>
                    </a:lnTo>
                    <a:lnTo>
                      <a:pt x="2147" y="1711"/>
                    </a:lnTo>
                    <a:lnTo>
                      <a:pt x="2163" y="1712"/>
                    </a:lnTo>
                    <a:lnTo>
                      <a:pt x="2178" y="1714"/>
                    </a:lnTo>
                    <a:lnTo>
                      <a:pt x="2194" y="1715"/>
                    </a:lnTo>
                    <a:lnTo>
                      <a:pt x="2207" y="1718"/>
                    </a:lnTo>
                    <a:lnTo>
                      <a:pt x="2213" y="1719"/>
                    </a:lnTo>
                    <a:lnTo>
                      <a:pt x="2217" y="1721"/>
                    </a:lnTo>
                    <a:lnTo>
                      <a:pt x="2221" y="1724"/>
                    </a:lnTo>
                    <a:lnTo>
                      <a:pt x="2223" y="1728"/>
                    </a:lnTo>
                    <a:lnTo>
                      <a:pt x="2227" y="1737"/>
                    </a:lnTo>
                    <a:lnTo>
                      <a:pt x="2230" y="1747"/>
                    </a:lnTo>
                    <a:lnTo>
                      <a:pt x="2231" y="1759"/>
                    </a:lnTo>
                    <a:lnTo>
                      <a:pt x="2233" y="1769"/>
                    </a:lnTo>
                    <a:lnTo>
                      <a:pt x="2233" y="1791"/>
                    </a:lnTo>
                    <a:lnTo>
                      <a:pt x="2234" y="1812"/>
                    </a:lnTo>
                    <a:lnTo>
                      <a:pt x="2240" y="1839"/>
                    </a:lnTo>
                    <a:lnTo>
                      <a:pt x="2248" y="1869"/>
                    </a:lnTo>
                    <a:lnTo>
                      <a:pt x="2257" y="1898"/>
                    </a:lnTo>
                    <a:lnTo>
                      <a:pt x="2266" y="1925"/>
                    </a:lnTo>
                    <a:lnTo>
                      <a:pt x="2266" y="1951"/>
                    </a:lnTo>
                    <a:lnTo>
                      <a:pt x="2268" y="1980"/>
                    </a:lnTo>
                    <a:lnTo>
                      <a:pt x="2269" y="2012"/>
                    </a:lnTo>
                    <a:lnTo>
                      <a:pt x="2270" y="2044"/>
                    </a:lnTo>
                    <a:lnTo>
                      <a:pt x="2274" y="2075"/>
                    </a:lnTo>
                    <a:lnTo>
                      <a:pt x="2280" y="2105"/>
                    </a:lnTo>
                    <a:lnTo>
                      <a:pt x="2284" y="2119"/>
                    </a:lnTo>
                    <a:lnTo>
                      <a:pt x="2290" y="2131"/>
                    </a:lnTo>
                    <a:lnTo>
                      <a:pt x="2296" y="2144"/>
                    </a:lnTo>
                    <a:lnTo>
                      <a:pt x="2302" y="2154"/>
                    </a:lnTo>
                    <a:lnTo>
                      <a:pt x="2330" y="2196"/>
                    </a:lnTo>
                    <a:lnTo>
                      <a:pt x="2354" y="2234"/>
                    </a:lnTo>
                    <a:lnTo>
                      <a:pt x="2367" y="2255"/>
                    </a:lnTo>
                    <a:lnTo>
                      <a:pt x="2382" y="2275"/>
                    </a:lnTo>
                    <a:lnTo>
                      <a:pt x="2397" y="2294"/>
                    </a:lnTo>
                    <a:lnTo>
                      <a:pt x="2415" y="2313"/>
                    </a:lnTo>
                    <a:lnTo>
                      <a:pt x="2420" y="2313"/>
                    </a:lnTo>
                    <a:lnTo>
                      <a:pt x="2426" y="2315"/>
                    </a:lnTo>
                    <a:lnTo>
                      <a:pt x="2429" y="2316"/>
                    </a:lnTo>
                    <a:lnTo>
                      <a:pt x="2433" y="2317"/>
                    </a:lnTo>
                    <a:lnTo>
                      <a:pt x="2441" y="2322"/>
                    </a:lnTo>
                    <a:lnTo>
                      <a:pt x="2449" y="2329"/>
                    </a:lnTo>
                    <a:lnTo>
                      <a:pt x="2449" y="2337"/>
                    </a:lnTo>
                    <a:lnTo>
                      <a:pt x="2450" y="2343"/>
                    </a:lnTo>
                    <a:lnTo>
                      <a:pt x="2453" y="2350"/>
                    </a:lnTo>
                    <a:lnTo>
                      <a:pt x="2455" y="2356"/>
                    </a:lnTo>
                    <a:lnTo>
                      <a:pt x="2459" y="2361"/>
                    </a:lnTo>
                    <a:lnTo>
                      <a:pt x="2463" y="2367"/>
                    </a:lnTo>
                    <a:lnTo>
                      <a:pt x="2468" y="2372"/>
                    </a:lnTo>
                    <a:lnTo>
                      <a:pt x="2473" y="2376"/>
                    </a:lnTo>
                    <a:lnTo>
                      <a:pt x="2485" y="2382"/>
                    </a:lnTo>
                    <a:lnTo>
                      <a:pt x="2498" y="2387"/>
                    </a:lnTo>
                    <a:lnTo>
                      <a:pt x="2511" y="2391"/>
                    </a:lnTo>
                    <a:lnTo>
                      <a:pt x="2525" y="2391"/>
                    </a:lnTo>
                    <a:lnTo>
                      <a:pt x="2533" y="2392"/>
                    </a:lnTo>
                    <a:lnTo>
                      <a:pt x="2540" y="2394"/>
                    </a:lnTo>
                    <a:lnTo>
                      <a:pt x="2545" y="2396"/>
                    </a:lnTo>
                    <a:lnTo>
                      <a:pt x="2551" y="2400"/>
                    </a:lnTo>
                    <a:lnTo>
                      <a:pt x="2560" y="2409"/>
                    </a:lnTo>
                    <a:lnTo>
                      <a:pt x="2569" y="2421"/>
                    </a:lnTo>
                    <a:lnTo>
                      <a:pt x="2577" y="2434"/>
                    </a:lnTo>
                    <a:lnTo>
                      <a:pt x="2586" y="2446"/>
                    </a:lnTo>
                    <a:lnTo>
                      <a:pt x="2591" y="2452"/>
                    </a:lnTo>
                    <a:lnTo>
                      <a:pt x="2597" y="2457"/>
                    </a:lnTo>
                    <a:lnTo>
                      <a:pt x="2603" y="2462"/>
                    </a:lnTo>
                    <a:lnTo>
                      <a:pt x="2610" y="2466"/>
                    </a:lnTo>
                    <a:lnTo>
                      <a:pt x="2645" y="2484"/>
                    </a:lnTo>
                    <a:lnTo>
                      <a:pt x="2677" y="2500"/>
                    </a:lnTo>
                    <a:lnTo>
                      <a:pt x="2708" y="2510"/>
                    </a:lnTo>
                    <a:lnTo>
                      <a:pt x="2739" y="2519"/>
                    </a:lnTo>
                    <a:lnTo>
                      <a:pt x="2770" y="2527"/>
                    </a:lnTo>
                    <a:lnTo>
                      <a:pt x="2801" y="2534"/>
                    </a:lnTo>
                    <a:lnTo>
                      <a:pt x="2836" y="2539"/>
                    </a:lnTo>
                    <a:lnTo>
                      <a:pt x="2874" y="2545"/>
                    </a:lnTo>
                    <a:lnTo>
                      <a:pt x="2895" y="2548"/>
                    </a:lnTo>
                    <a:lnTo>
                      <a:pt x="2917" y="2549"/>
                    </a:lnTo>
                    <a:lnTo>
                      <a:pt x="2939" y="2548"/>
                    </a:lnTo>
                    <a:lnTo>
                      <a:pt x="2961" y="2545"/>
                    </a:lnTo>
                    <a:lnTo>
                      <a:pt x="2983" y="2544"/>
                    </a:lnTo>
                    <a:lnTo>
                      <a:pt x="3003" y="2543"/>
                    </a:lnTo>
                    <a:lnTo>
                      <a:pt x="3024" y="2543"/>
                    </a:lnTo>
                    <a:lnTo>
                      <a:pt x="3044" y="2545"/>
                    </a:lnTo>
                    <a:lnTo>
                      <a:pt x="3047" y="2554"/>
                    </a:lnTo>
                    <a:lnTo>
                      <a:pt x="3047" y="2562"/>
                    </a:lnTo>
                    <a:lnTo>
                      <a:pt x="3046" y="2572"/>
                    </a:lnTo>
                    <a:lnTo>
                      <a:pt x="3045" y="2582"/>
                    </a:lnTo>
                    <a:lnTo>
                      <a:pt x="3038" y="2601"/>
                    </a:lnTo>
                    <a:lnTo>
                      <a:pt x="3034" y="2618"/>
                    </a:lnTo>
                    <a:lnTo>
                      <a:pt x="3025" y="2627"/>
                    </a:lnTo>
                    <a:lnTo>
                      <a:pt x="3019" y="2636"/>
                    </a:lnTo>
                    <a:lnTo>
                      <a:pt x="3015" y="2644"/>
                    </a:lnTo>
                    <a:lnTo>
                      <a:pt x="3010" y="2653"/>
                    </a:lnTo>
                    <a:lnTo>
                      <a:pt x="3005" y="2661"/>
                    </a:lnTo>
                    <a:lnTo>
                      <a:pt x="2997" y="2667"/>
                    </a:lnTo>
                    <a:lnTo>
                      <a:pt x="2988" y="2675"/>
                    </a:lnTo>
                    <a:lnTo>
                      <a:pt x="2974" y="2681"/>
                    </a:lnTo>
                    <a:lnTo>
                      <a:pt x="2966" y="2684"/>
                    </a:lnTo>
                    <a:lnTo>
                      <a:pt x="2959" y="2688"/>
                    </a:lnTo>
                    <a:lnTo>
                      <a:pt x="2954" y="2690"/>
                    </a:lnTo>
                    <a:lnTo>
                      <a:pt x="2950" y="2694"/>
                    </a:lnTo>
                    <a:lnTo>
                      <a:pt x="2949" y="2697"/>
                    </a:lnTo>
                    <a:lnTo>
                      <a:pt x="2948" y="2701"/>
                    </a:lnTo>
                    <a:lnTo>
                      <a:pt x="2948" y="2703"/>
                    </a:lnTo>
                    <a:lnTo>
                      <a:pt x="2949" y="2707"/>
                    </a:lnTo>
                    <a:lnTo>
                      <a:pt x="2954" y="2714"/>
                    </a:lnTo>
                    <a:lnTo>
                      <a:pt x="2962" y="2721"/>
                    </a:lnTo>
                    <a:lnTo>
                      <a:pt x="2970" y="2728"/>
                    </a:lnTo>
                    <a:lnTo>
                      <a:pt x="2980" y="2737"/>
                    </a:lnTo>
                    <a:lnTo>
                      <a:pt x="3001" y="2753"/>
                    </a:lnTo>
                    <a:lnTo>
                      <a:pt x="3023" y="2768"/>
                    </a:lnTo>
                    <a:lnTo>
                      <a:pt x="3045" y="2781"/>
                    </a:lnTo>
                    <a:lnTo>
                      <a:pt x="3068" y="2795"/>
                    </a:lnTo>
                    <a:lnTo>
                      <a:pt x="3115" y="2820"/>
                    </a:lnTo>
                    <a:lnTo>
                      <a:pt x="3161" y="2845"/>
                    </a:lnTo>
                    <a:lnTo>
                      <a:pt x="3409" y="2981"/>
                    </a:lnTo>
                    <a:lnTo>
                      <a:pt x="3432" y="2995"/>
                    </a:lnTo>
                    <a:lnTo>
                      <a:pt x="3455" y="3010"/>
                    </a:lnTo>
                    <a:lnTo>
                      <a:pt x="3478" y="3027"/>
                    </a:lnTo>
                    <a:lnTo>
                      <a:pt x="3501" y="3044"/>
                    </a:lnTo>
                    <a:lnTo>
                      <a:pt x="3524" y="3061"/>
                    </a:lnTo>
                    <a:lnTo>
                      <a:pt x="3546" y="3076"/>
                    </a:lnTo>
                    <a:lnTo>
                      <a:pt x="3569" y="3091"/>
                    </a:lnTo>
                    <a:lnTo>
                      <a:pt x="3593" y="3102"/>
                    </a:lnTo>
                    <a:lnTo>
                      <a:pt x="3614" y="3113"/>
                    </a:lnTo>
                    <a:lnTo>
                      <a:pt x="3633" y="3123"/>
                    </a:lnTo>
                    <a:lnTo>
                      <a:pt x="3651" y="3135"/>
                    </a:lnTo>
                    <a:lnTo>
                      <a:pt x="3668" y="3145"/>
                    </a:lnTo>
                    <a:lnTo>
                      <a:pt x="3683" y="3158"/>
                    </a:lnTo>
                    <a:lnTo>
                      <a:pt x="3699" y="3171"/>
                    </a:lnTo>
                    <a:lnTo>
                      <a:pt x="3713" y="3184"/>
                    </a:lnTo>
                    <a:lnTo>
                      <a:pt x="3728" y="3198"/>
                    </a:lnTo>
                    <a:lnTo>
                      <a:pt x="3740" y="3212"/>
                    </a:lnTo>
                    <a:lnTo>
                      <a:pt x="3753" y="3228"/>
                    </a:lnTo>
                    <a:lnTo>
                      <a:pt x="3765" y="3244"/>
                    </a:lnTo>
                    <a:lnTo>
                      <a:pt x="3775" y="3260"/>
                    </a:lnTo>
                    <a:lnTo>
                      <a:pt x="3797" y="3295"/>
                    </a:lnTo>
                    <a:lnTo>
                      <a:pt x="3818" y="3334"/>
                    </a:lnTo>
                    <a:lnTo>
                      <a:pt x="3822" y="3345"/>
                    </a:lnTo>
                    <a:lnTo>
                      <a:pt x="3826" y="3355"/>
                    </a:lnTo>
                    <a:lnTo>
                      <a:pt x="3827" y="3365"/>
                    </a:lnTo>
                    <a:lnTo>
                      <a:pt x="3827" y="3374"/>
                    </a:lnTo>
                    <a:lnTo>
                      <a:pt x="3827" y="3383"/>
                    </a:lnTo>
                    <a:lnTo>
                      <a:pt x="3825" y="3391"/>
                    </a:lnTo>
                    <a:lnTo>
                      <a:pt x="3822" y="3399"/>
                    </a:lnTo>
                    <a:lnTo>
                      <a:pt x="3820" y="3408"/>
                    </a:lnTo>
                    <a:lnTo>
                      <a:pt x="3813" y="3424"/>
                    </a:lnTo>
                    <a:lnTo>
                      <a:pt x="3807" y="3440"/>
                    </a:lnTo>
                    <a:lnTo>
                      <a:pt x="3804" y="3449"/>
                    </a:lnTo>
                    <a:lnTo>
                      <a:pt x="3801" y="3457"/>
                    </a:lnTo>
                    <a:lnTo>
                      <a:pt x="3800" y="3468"/>
                    </a:lnTo>
                    <a:lnTo>
                      <a:pt x="3799" y="3478"/>
                    </a:lnTo>
                    <a:lnTo>
                      <a:pt x="3801" y="3501"/>
                    </a:lnTo>
                    <a:lnTo>
                      <a:pt x="3801" y="3518"/>
                    </a:lnTo>
                    <a:lnTo>
                      <a:pt x="3801" y="3522"/>
                    </a:lnTo>
                    <a:lnTo>
                      <a:pt x="3800" y="3525"/>
                    </a:lnTo>
                    <a:lnTo>
                      <a:pt x="3797" y="3526"/>
                    </a:lnTo>
                    <a:lnTo>
                      <a:pt x="3794" y="3527"/>
                    </a:lnTo>
                    <a:lnTo>
                      <a:pt x="3790" y="3529"/>
                    </a:lnTo>
                    <a:lnTo>
                      <a:pt x="3785" y="3529"/>
                    </a:lnTo>
                    <a:lnTo>
                      <a:pt x="3778" y="3527"/>
                    </a:lnTo>
                    <a:lnTo>
                      <a:pt x="3769" y="3526"/>
                    </a:lnTo>
                    <a:lnTo>
                      <a:pt x="3759" y="3522"/>
                    </a:lnTo>
                    <a:lnTo>
                      <a:pt x="3750" y="3518"/>
                    </a:lnTo>
                    <a:lnTo>
                      <a:pt x="3740" y="3513"/>
                    </a:lnTo>
                    <a:lnTo>
                      <a:pt x="3733" y="3508"/>
                    </a:lnTo>
                    <a:lnTo>
                      <a:pt x="3725" y="3503"/>
                    </a:lnTo>
                    <a:lnTo>
                      <a:pt x="3720" y="3496"/>
                    </a:lnTo>
                    <a:lnTo>
                      <a:pt x="3713" y="3488"/>
                    </a:lnTo>
                    <a:lnTo>
                      <a:pt x="3709" y="3482"/>
                    </a:lnTo>
                    <a:lnTo>
                      <a:pt x="3702" y="3466"/>
                    </a:lnTo>
                    <a:lnTo>
                      <a:pt x="3695" y="3449"/>
                    </a:lnTo>
                    <a:lnTo>
                      <a:pt x="3690" y="3433"/>
                    </a:lnTo>
                    <a:lnTo>
                      <a:pt x="3686" y="3415"/>
                    </a:lnTo>
                    <a:lnTo>
                      <a:pt x="3682" y="3398"/>
                    </a:lnTo>
                    <a:lnTo>
                      <a:pt x="3677" y="3381"/>
                    </a:lnTo>
                    <a:lnTo>
                      <a:pt x="3672" y="3365"/>
                    </a:lnTo>
                    <a:lnTo>
                      <a:pt x="3665" y="3351"/>
                    </a:lnTo>
                    <a:lnTo>
                      <a:pt x="3660" y="3346"/>
                    </a:lnTo>
                    <a:lnTo>
                      <a:pt x="3656" y="3339"/>
                    </a:lnTo>
                    <a:lnTo>
                      <a:pt x="3650" y="3334"/>
                    </a:lnTo>
                    <a:lnTo>
                      <a:pt x="3643" y="3329"/>
                    </a:lnTo>
                    <a:lnTo>
                      <a:pt x="3637" y="3325"/>
                    </a:lnTo>
                    <a:lnTo>
                      <a:pt x="3629" y="3323"/>
                    </a:lnTo>
                    <a:lnTo>
                      <a:pt x="3620" y="3320"/>
                    </a:lnTo>
                    <a:lnTo>
                      <a:pt x="3610" y="3319"/>
                    </a:lnTo>
                    <a:lnTo>
                      <a:pt x="3593" y="3317"/>
                    </a:lnTo>
                    <a:lnTo>
                      <a:pt x="3564" y="3316"/>
                    </a:lnTo>
                    <a:lnTo>
                      <a:pt x="3529" y="3312"/>
                    </a:lnTo>
                    <a:lnTo>
                      <a:pt x="3490" y="3308"/>
                    </a:lnTo>
                    <a:lnTo>
                      <a:pt x="3472" y="3304"/>
                    </a:lnTo>
                    <a:lnTo>
                      <a:pt x="3454" y="3301"/>
                    </a:lnTo>
                    <a:lnTo>
                      <a:pt x="3439" y="3295"/>
                    </a:lnTo>
                    <a:lnTo>
                      <a:pt x="3424" y="3289"/>
                    </a:lnTo>
                    <a:lnTo>
                      <a:pt x="3419" y="3286"/>
                    </a:lnTo>
                    <a:lnTo>
                      <a:pt x="3414" y="3282"/>
                    </a:lnTo>
                    <a:lnTo>
                      <a:pt x="3409" y="3278"/>
                    </a:lnTo>
                    <a:lnTo>
                      <a:pt x="3405" y="3275"/>
                    </a:lnTo>
                    <a:lnTo>
                      <a:pt x="3404" y="3271"/>
                    </a:lnTo>
                    <a:lnTo>
                      <a:pt x="3401" y="3266"/>
                    </a:lnTo>
                    <a:lnTo>
                      <a:pt x="3401" y="3260"/>
                    </a:lnTo>
                    <a:lnTo>
                      <a:pt x="3402" y="3255"/>
                    </a:lnTo>
                    <a:lnTo>
                      <a:pt x="3406" y="3244"/>
                    </a:lnTo>
                    <a:lnTo>
                      <a:pt x="3409" y="3234"/>
                    </a:lnTo>
                    <a:lnTo>
                      <a:pt x="3410" y="3228"/>
                    </a:lnTo>
                    <a:lnTo>
                      <a:pt x="3409" y="3224"/>
                    </a:lnTo>
                    <a:lnTo>
                      <a:pt x="3405" y="3221"/>
                    </a:lnTo>
                    <a:lnTo>
                      <a:pt x="3398" y="3220"/>
                    </a:lnTo>
                    <a:lnTo>
                      <a:pt x="3387" y="3220"/>
                    </a:lnTo>
                    <a:lnTo>
                      <a:pt x="3371" y="3220"/>
                    </a:lnTo>
                    <a:lnTo>
                      <a:pt x="3358" y="3220"/>
                    </a:lnTo>
                    <a:lnTo>
                      <a:pt x="3348" y="3221"/>
                    </a:lnTo>
                    <a:lnTo>
                      <a:pt x="3338" y="3224"/>
                    </a:lnTo>
                    <a:lnTo>
                      <a:pt x="3327" y="3227"/>
                    </a:lnTo>
                    <a:lnTo>
                      <a:pt x="3318" y="3231"/>
                    </a:lnTo>
                    <a:lnTo>
                      <a:pt x="3309" y="3236"/>
                    </a:lnTo>
                    <a:lnTo>
                      <a:pt x="3300" y="3242"/>
                    </a:lnTo>
                    <a:lnTo>
                      <a:pt x="3292" y="3251"/>
                    </a:lnTo>
                    <a:lnTo>
                      <a:pt x="3268" y="3280"/>
                    </a:lnTo>
                    <a:lnTo>
                      <a:pt x="3246" y="3307"/>
                    </a:lnTo>
                    <a:lnTo>
                      <a:pt x="3226" y="3335"/>
                    </a:lnTo>
                    <a:lnTo>
                      <a:pt x="3208" y="3365"/>
                    </a:lnTo>
                    <a:lnTo>
                      <a:pt x="3191" y="3394"/>
                    </a:lnTo>
                    <a:lnTo>
                      <a:pt x="3176" y="3425"/>
                    </a:lnTo>
                    <a:lnTo>
                      <a:pt x="3159" y="3457"/>
                    </a:lnTo>
                    <a:lnTo>
                      <a:pt x="3143" y="3490"/>
                    </a:lnTo>
                    <a:lnTo>
                      <a:pt x="3142" y="3519"/>
                    </a:lnTo>
                    <a:lnTo>
                      <a:pt x="3145" y="3544"/>
                    </a:lnTo>
                    <a:lnTo>
                      <a:pt x="3146" y="3556"/>
                    </a:lnTo>
                    <a:lnTo>
                      <a:pt x="3148" y="3565"/>
                    </a:lnTo>
                    <a:lnTo>
                      <a:pt x="3152" y="3574"/>
                    </a:lnTo>
                    <a:lnTo>
                      <a:pt x="3156" y="3583"/>
                    </a:lnTo>
                    <a:lnTo>
                      <a:pt x="3161" y="3591"/>
                    </a:lnTo>
                    <a:lnTo>
                      <a:pt x="3168" y="3597"/>
                    </a:lnTo>
                    <a:lnTo>
                      <a:pt x="3176" y="3604"/>
                    </a:lnTo>
                    <a:lnTo>
                      <a:pt x="3185" y="3610"/>
                    </a:lnTo>
                    <a:lnTo>
                      <a:pt x="3195" y="3615"/>
                    </a:lnTo>
                    <a:lnTo>
                      <a:pt x="3207" y="3620"/>
                    </a:lnTo>
                    <a:lnTo>
                      <a:pt x="3220" y="3624"/>
                    </a:lnTo>
                    <a:lnTo>
                      <a:pt x="3234" y="3630"/>
                    </a:lnTo>
                    <a:lnTo>
                      <a:pt x="3242" y="3632"/>
                    </a:lnTo>
                    <a:lnTo>
                      <a:pt x="3251" y="3635"/>
                    </a:lnTo>
                    <a:lnTo>
                      <a:pt x="3259" y="3640"/>
                    </a:lnTo>
                    <a:lnTo>
                      <a:pt x="3266" y="3645"/>
                    </a:lnTo>
                    <a:lnTo>
                      <a:pt x="3283" y="3657"/>
                    </a:lnTo>
                    <a:lnTo>
                      <a:pt x="3299" y="3670"/>
                    </a:lnTo>
                    <a:lnTo>
                      <a:pt x="3331" y="3697"/>
                    </a:lnTo>
                    <a:lnTo>
                      <a:pt x="3360" y="3722"/>
                    </a:lnTo>
                    <a:lnTo>
                      <a:pt x="3361" y="3724"/>
                    </a:lnTo>
                    <a:lnTo>
                      <a:pt x="3364" y="3727"/>
                    </a:lnTo>
                    <a:lnTo>
                      <a:pt x="3365" y="3732"/>
                    </a:lnTo>
                    <a:lnTo>
                      <a:pt x="3366" y="3736"/>
                    </a:lnTo>
                    <a:lnTo>
                      <a:pt x="3367" y="3747"/>
                    </a:lnTo>
                    <a:lnTo>
                      <a:pt x="3367" y="3760"/>
                    </a:lnTo>
                    <a:lnTo>
                      <a:pt x="3366" y="3785"/>
                    </a:lnTo>
                    <a:lnTo>
                      <a:pt x="3365" y="3804"/>
                    </a:lnTo>
                    <a:lnTo>
                      <a:pt x="3366" y="3830"/>
                    </a:lnTo>
                    <a:lnTo>
                      <a:pt x="3366" y="3867"/>
                    </a:lnTo>
                    <a:lnTo>
                      <a:pt x="3366" y="3886"/>
                    </a:lnTo>
                    <a:lnTo>
                      <a:pt x="3366" y="3902"/>
                    </a:lnTo>
                    <a:lnTo>
                      <a:pt x="3365" y="3908"/>
                    </a:lnTo>
                    <a:lnTo>
                      <a:pt x="3364" y="3915"/>
                    </a:lnTo>
                    <a:lnTo>
                      <a:pt x="3361" y="3918"/>
                    </a:lnTo>
                    <a:lnTo>
                      <a:pt x="3360" y="3921"/>
                    </a:lnTo>
                    <a:lnTo>
                      <a:pt x="3307" y="3956"/>
                    </a:lnTo>
                    <a:lnTo>
                      <a:pt x="3305" y="3957"/>
                    </a:lnTo>
                    <a:lnTo>
                      <a:pt x="3303" y="3956"/>
                    </a:lnTo>
                    <a:lnTo>
                      <a:pt x="3301" y="3955"/>
                    </a:lnTo>
                    <a:lnTo>
                      <a:pt x="3299" y="3952"/>
                    </a:lnTo>
                    <a:lnTo>
                      <a:pt x="3294" y="3947"/>
                    </a:lnTo>
                    <a:lnTo>
                      <a:pt x="3288" y="3939"/>
                    </a:lnTo>
                    <a:lnTo>
                      <a:pt x="3283" y="3931"/>
                    </a:lnTo>
                    <a:lnTo>
                      <a:pt x="3278" y="3924"/>
                    </a:lnTo>
                    <a:lnTo>
                      <a:pt x="3273" y="3918"/>
                    </a:lnTo>
                    <a:lnTo>
                      <a:pt x="3268" y="3915"/>
                    </a:lnTo>
                    <a:lnTo>
                      <a:pt x="3262" y="3913"/>
                    </a:lnTo>
                    <a:lnTo>
                      <a:pt x="3256" y="3913"/>
                    </a:lnTo>
                    <a:lnTo>
                      <a:pt x="3251" y="3913"/>
                    </a:lnTo>
                    <a:lnTo>
                      <a:pt x="3244" y="3915"/>
                    </a:lnTo>
                    <a:lnTo>
                      <a:pt x="3230" y="3920"/>
                    </a:lnTo>
                    <a:lnTo>
                      <a:pt x="3217" y="3927"/>
                    </a:lnTo>
                    <a:lnTo>
                      <a:pt x="3204" y="3935"/>
                    </a:lnTo>
                    <a:lnTo>
                      <a:pt x="3193" y="3946"/>
                    </a:lnTo>
                    <a:lnTo>
                      <a:pt x="3183" y="3955"/>
                    </a:lnTo>
                    <a:lnTo>
                      <a:pt x="3176" y="3964"/>
                    </a:lnTo>
                    <a:lnTo>
                      <a:pt x="3168" y="3979"/>
                    </a:lnTo>
                    <a:lnTo>
                      <a:pt x="3161" y="3995"/>
                    </a:lnTo>
                    <a:lnTo>
                      <a:pt x="3158" y="4009"/>
                    </a:lnTo>
                    <a:lnTo>
                      <a:pt x="3155" y="4025"/>
                    </a:lnTo>
                    <a:lnTo>
                      <a:pt x="3152" y="4057"/>
                    </a:lnTo>
                    <a:lnTo>
                      <a:pt x="3154" y="4092"/>
                    </a:lnTo>
                    <a:lnTo>
                      <a:pt x="3154" y="4100"/>
                    </a:lnTo>
                    <a:lnTo>
                      <a:pt x="3154" y="4111"/>
                    </a:lnTo>
                    <a:lnTo>
                      <a:pt x="3152" y="4126"/>
                    </a:lnTo>
                    <a:lnTo>
                      <a:pt x="3151" y="4141"/>
                    </a:lnTo>
                    <a:lnTo>
                      <a:pt x="3147" y="4171"/>
                    </a:lnTo>
                    <a:lnTo>
                      <a:pt x="3143" y="4192"/>
                    </a:lnTo>
                    <a:lnTo>
                      <a:pt x="3142" y="4196"/>
                    </a:lnTo>
                    <a:lnTo>
                      <a:pt x="3139" y="4200"/>
                    </a:lnTo>
                    <a:lnTo>
                      <a:pt x="3135" y="4202"/>
                    </a:lnTo>
                    <a:lnTo>
                      <a:pt x="3132" y="4205"/>
                    </a:lnTo>
                    <a:lnTo>
                      <a:pt x="3123" y="4209"/>
                    </a:lnTo>
                    <a:lnTo>
                      <a:pt x="3112" y="4210"/>
                    </a:lnTo>
                    <a:lnTo>
                      <a:pt x="3101" y="4211"/>
                    </a:lnTo>
                    <a:lnTo>
                      <a:pt x="3089" y="4214"/>
                    </a:lnTo>
                    <a:lnTo>
                      <a:pt x="3084" y="4215"/>
                    </a:lnTo>
                    <a:lnTo>
                      <a:pt x="3078" y="4218"/>
                    </a:lnTo>
                    <a:lnTo>
                      <a:pt x="3075" y="4219"/>
                    </a:lnTo>
                    <a:lnTo>
                      <a:pt x="3071" y="4223"/>
                    </a:lnTo>
                    <a:lnTo>
                      <a:pt x="3054" y="4238"/>
                    </a:lnTo>
                    <a:lnTo>
                      <a:pt x="3038" y="4257"/>
                    </a:lnTo>
                    <a:lnTo>
                      <a:pt x="3023" y="4276"/>
                    </a:lnTo>
                    <a:lnTo>
                      <a:pt x="3009" y="4295"/>
                    </a:lnTo>
                    <a:lnTo>
                      <a:pt x="2997" y="4317"/>
                    </a:lnTo>
                    <a:lnTo>
                      <a:pt x="2987" y="4339"/>
                    </a:lnTo>
                    <a:lnTo>
                      <a:pt x="2981" y="4350"/>
                    </a:lnTo>
                    <a:lnTo>
                      <a:pt x="2977" y="4361"/>
                    </a:lnTo>
                    <a:lnTo>
                      <a:pt x="2975" y="4373"/>
                    </a:lnTo>
                    <a:lnTo>
                      <a:pt x="2972" y="4385"/>
                    </a:lnTo>
                    <a:lnTo>
                      <a:pt x="2971" y="4389"/>
                    </a:lnTo>
                    <a:lnTo>
                      <a:pt x="2968" y="4394"/>
                    </a:lnTo>
                    <a:lnTo>
                      <a:pt x="2964" y="4396"/>
                    </a:lnTo>
                    <a:lnTo>
                      <a:pt x="2959" y="4399"/>
                    </a:lnTo>
                    <a:lnTo>
                      <a:pt x="2948" y="4403"/>
                    </a:lnTo>
                    <a:lnTo>
                      <a:pt x="2935" y="4404"/>
                    </a:lnTo>
                    <a:lnTo>
                      <a:pt x="2906" y="4404"/>
                    </a:lnTo>
                    <a:lnTo>
                      <a:pt x="2883" y="4403"/>
                    </a:lnTo>
                    <a:lnTo>
                      <a:pt x="2865" y="4403"/>
                    </a:lnTo>
                    <a:lnTo>
                      <a:pt x="2850" y="4402"/>
                    </a:lnTo>
                    <a:lnTo>
                      <a:pt x="2838" y="4399"/>
                    </a:lnTo>
                    <a:lnTo>
                      <a:pt x="2828" y="4394"/>
                    </a:lnTo>
                    <a:lnTo>
                      <a:pt x="2825" y="4391"/>
                    </a:lnTo>
                    <a:lnTo>
                      <a:pt x="2821" y="4387"/>
                    </a:lnTo>
                    <a:lnTo>
                      <a:pt x="2817" y="4383"/>
                    </a:lnTo>
                    <a:lnTo>
                      <a:pt x="2813" y="4378"/>
                    </a:lnTo>
                    <a:lnTo>
                      <a:pt x="2806" y="4365"/>
                    </a:lnTo>
                    <a:lnTo>
                      <a:pt x="2800" y="4350"/>
                    </a:lnTo>
                    <a:lnTo>
                      <a:pt x="2799" y="4341"/>
                    </a:lnTo>
                    <a:lnTo>
                      <a:pt x="2797" y="4333"/>
                    </a:lnTo>
                    <a:lnTo>
                      <a:pt x="2797" y="4324"/>
                    </a:lnTo>
                    <a:lnTo>
                      <a:pt x="2797" y="4316"/>
                    </a:lnTo>
                    <a:lnTo>
                      <a:pt x="2800" y="4301"/>
                    </a:lnTo>
                    <a:lnTo>
                      <a:pt x="2801" y="4282"/>
                    </a:lnTo>
                    <a:lnTo>
                      <a:pt x="2801" y="4277"/>
                    </a:lnTo>
                    <a:lnTo>
                      <a:pt x="2800" y="4268"/>
                    </a:lnTo>
                    <a:lnTo>
                      <a:pt x="2800" y="4264"/>
                    </a:lnTo>
                    <a:lnTo>
                      <a:pt x="2800" y="4260"/>
                    </a:lnTo>
                    <a:lnTo>
                      <a:pt x="2801" y="4257"/>
                    </a:lnTo>
                    <a:lnTo>
                      <a:pt x="2803" y="4255"/>
                    </a:lnTo>
                    <a:lnTo>
                      <a:pt x="2804" y="4254"/>
                    </a:lnTo>
                    <a:lnTo>
                      <a:pt x="2810" y="4254"/>
                    </a:lnTo>
                    <a:lnTo>
                      <a:pt x="2817" y="4251"/>
                    </a:lnTo>
                    <a:lnTo>
                      <a:pt x="2823" y="4249"/>
                    </a:lnTo>
                    <a:lnTo>
                      <a:pt x="2830" y="4245"/>
                    </a:lnTo>
                    <a:lnTo>
                      <a:pt x="2841" y="4235"/>
                    </a:lnTo>
                    <a:lnTo>
                      <a:pt x="2853" y="4223"/>
                    </a:lnTo>
                    <a:lnTo>
                      <a:pt x="2874" y="4196"/>
                    </a:lnTo>
                    <a:lnTo>
                      <a:pt x="2891" y="4174"/>
                    </a:lnTo>
                    <a:lnTo>
                      <a:pt x="2905" y="4163"/>
                    </a:lnTo>
                    <a:lnTo>
                      <a:pt x="2915" y="4154"/>
                    </a:lnTo>
                    <a:lnTo>
                      <a:pt x="2918" y="4150"/>
                    </a:lnTo>
                    <a:lnTo>
                      <a:pt x="2919" y="4146"/>
                    </a:lnTo>
                    <a:lnTo>
                      <a:pt x="2920" y="4143"/>
                    </a:lnTo>
                    <a:lnTo>
                      <a:pt x="2920" y="4139"/>
                    </a:lnTo>
                    <a:lnTo>
                      <a:pt x="2918" y="4132"/>
                    </a:lnTo>
                    <a:lnTo>
                      <a:pt x="2913" y="4126"/>
                    </a:lnTo>
                    <a:lnTo>
                      <a:pt x="2906" y="4119"/>
                    </a:lnTo>
                    <a:lnTo>
                      <a:pt x="2898" y="4114"/>
                    </a:lnTo>
                    <a:lnTo>
                      <a:pt x="2882" y="4102"/>
                    </a:lnTo>
                    <a:lnTo>
                      <a:pt x="2867" y="4092"/>
                    </a:lnTo>
                    <a:lnTo>
                      <a:pt x="2865" y="4088"/>
                    </a:lnTo>
                    <a:lnTo>
                      <a:pt x="2863" y="4086"/>
                    </a:lnTo>
                    <a:lnTo>
                      <a:pt x="2862" y="4083"/>
                    </a:lnTo>
                    <a:lnTo>
                      <a:pt x="2862" y="4079"/>
                    </a:lnTo>
                    <a:lnTo>
                      <a:pt x="2862" y="4076"/>
                    </a:lnTo>
                    <a:lnTo>
                      <a:pt x="2863" y="4073"/>
                    </a:lnTo>
                    <a:lnTo>
                      <a:pt x="2866" y="4069"/>
                    </a:lnTo>
                    <a:lnTo>
                      <a:pt x="2870" y="4065"/>
                    </a:lnTo>
                    <a:lnTo>
                      <a:pt x="2892" y="4045"/>
                    </a:lnTo>
                    <a:lnTo>
                      <a:pt x="2917" y="4025"/>
                    </a:lnTo>
                    <a:lnTo>
                      <a:pt x="2931" y="4016"/>
                    </a:lnTo>
                    <a:lnTo>
                      <a:pt x="2944" y="4009"/>
                    </a:lnTo>
                    <a:lnTo>
                      <a:pt x="2957" y="4004"/>
                    </a:lnTo>
                    <a:lnTo>
                      <a:pt x="2970" y="4001"/>
                    </a:lnTo>
                    <a:lnTo>
                      <a:pt x="2997" y="4001"/>
                    </a:lnTo>
                    <a:lnTo>
                      <a:pt x="3018" y="4001"/>
                    </a:lnTo>
                    <a:lnTo>
                      <a:pt x="3021" y="4000"/>
                    </a:lnTo>
                    <a:lnTo>
                      <a:pt x="3025" y="3997"/>
                    </a:lnTo>
                    <a:lnTo>
                      <a:pt x="3028" y="3995"/>
                    </a:lnTo>
                    <a:lnTo>
                      <a:pt x="3031" y="3992"/>
                    </a:lnTo>
                    <a:lnTo>
                      <a:pt x="3033" y="3987"/>
                    </a:lnTo>
                    <a:lnTo>
                      <a:pt x="3036" y="3982"/>
                    </a:lnTo>
                    <a:lnTo>
                      <a:pt x="3037" y="3975"/>
                    </a:lnTo>
                    <a:lnTo>
                      <a:pt x="3038" y="3968"/>
                    </a:lnTo>
                    <a:lnTo>
                      <a:pt x="3040" y="3947"/>
                    </a:lnTo>
                    <a:lnTo>
                      <a:pt x="3038" y="3930"/>
                    </a:lnTo>
                    <a:lnTo>
                      <a:pt x="3038" y="3924"/>
                    </a:lnTo>
                    <a:lnTo>
                      <a:pt x="3036" y="3917"/>
                    </a:lnTo>
                    <a:lnTo>
                      <a:pt x="3034" y="3912"/>
                    </a:lnTo>
                    <a:lnTo>
                      <a:pt x="3032" y="3907"/>
                    </a:lnTo>
                    <a:lnTo>
                      <a:pt x="3024" y="3896"/>
                    </a:lnTo>
                    <a:lnTo>
                      <a:pt x="3015" y="3887"/>
                    </a:lnTo>
                    <a:lnTo>
                      <a:pt x="3005" y="3877"/>
                    </a:lnTo>
                    <a:lnTo>
                      <a:pt x="2990" y="3864"/>
                    </a:lnTo>
                    <a:lnTo>
                      <a:pt x="2983" y="3856"/>
                    </a:lnTo>
                    <a:lnTo>
                      <a:pt x="2977" y="3846"/>
                    </a:lnTo>
                    <a:lnTo>
                      <a:pt x="2972" y="3837"/>
                    </a:lnTo>
                    <a:lnTo>
                      <a:pt x="2971" y="3826"/>
                    </a:lnTo>
                    <a:lnTo>
                      <a:pt x="2970" y="3815"/>
                    </a:lnTo>
                    <a:lnTo>
                      <a:pt x="2970" y="3804"/>
                    </a:lnTo>
                    <a:lnTo>
                      <a:pt x="2971" y="3793"/>
                    </a:lnTo>
                    <a:lnTo>
                      <a:pt x="2971" y="3781"/>
                    </a:lnTo>
                    <a:lnTo>
                      <a:pt x="2974" y="3758"/>
                    </a:lnTo>
                    <a:lnTo>
                      <a:pt x="2974" y="3734"/>
                    </a:lnTo>
                    <a:lnTo>
                      <a:pt x="2972" y="3724"/>
                    </a:lnTo>
                    <a:lnTo>
                      <a:pt x="2968" y="3712"/>
                    </a:lnTo>
                    <a:lnTo>
                      <a:pt x="2963" y="3702"/>
                    </a:lnTo>
                    <a:lnTo>
                      <a:pt x="2955" y="3693"/>
                    </a:lnTo>
                    <a:lnTo>
                      <a:pt x="2933" y="3671"/>
                    </a:lnTo>
                    <a:lnTo>
                      <a:pt x="2913" y="3654"/>
                    </a:lnTo>
                    <a:lnTo>
                      <a:pt x="2902" y="3644"/>
                    </a:lnTo>
                    <a:lnTo>
                      <a:pt x="2893" y="3633"/>
                    </a:lnTo>
                    <a:lnTo>
                      <a:pt x="2884" y="3622"/>
                    </a:lnTo>
                    <a:lnTo>
                      <a:pt x="2878" y="3606"/>
                    </a:lnTo>
                    <a:lnTo>
                      <a:pt x="2875" y="3598"/>
                    </a:lnTo>
                    <a:lnTo>
                      <a:pt x="2873" y="3589"/>
                    </a:lnTo>
                    <a:lnTo>
                      <a:pt x="2873" y="3582"/>
                    </a:lnTo>
                    <a:lnTo>
                      <a:pt x="2873" y="3574"/>
                    </a:lnTo>
                    <a:lnTo>
                      <a:pt x="2875" y="3557"/>
                    </a:lnTo>
                    <a:lnTo>
                      <a:pt x="2879" y="3541"/>
                    </a:lnTo>
                    <a:lnTo>
                      <a:pt x="2883" y="3526"/>
                    </a:lnTo>
                    <a:lnTo>
                      <a:pt x="2885" y="3509"/>
                    </a:lnTo>
                    <a:lnTo>
                      <a:pt x="2885" y="3501"/>
                    </a:lnTo>
                    <a:lnTo>
                      <a:pt x="2885" y="3492"/>
                    </a:lnTo>
                    <a:lnTo>
                      <a:pt x="2884" y="3484"/>
                    </a:lnTo>
                    <a:lnTo>
                      <a:pt x="2882" y="3475"/>
                    </a:lnTo>
                    <a:lnTo>
                      <a:pt x="2880" y="3468"/>
                    </a:lnTo>
                    <a:lnTo>
                      <a:pt x="2878" y="3460"/>
                    </a:lnTo>
                    <a:lnTo>
                      <a:pt x="2874" y="3451"/>
                    </a:lnTo>
                    <a:lnTo>
                      <a:pt x="2869" y="3442"/>
                    </a:lnTo>
                    <a:lnTo>
                      <a:pt x="2862" y="3433"/>
                    </a:lnTo>
                    <a:lnTo>
                      <a:pt x="2854" y="3424"/>
                    </a:lnTo>
                    <a:lnTo>
                      <a:pt x="2847" y="3415"/>
                    </a:lnTo>
                    <a:lnTo>
                      <a:pt x="2839" y="3407"/>
                    </a:lnTo>
                    <a:lnTo>
                      <a:pt x="2830" y="3400"/>
                    </a:lnTo>
                    <a:lnTo>
                      <a:pt x="2821" y="3394"/>
                    </a:lnTo>
                    <a:lnTo>
                      <a:pt x="2812" y="3390"/>
                    </a:lnTo>
                    <a:lnTo>
                      <a:pt x="2803" y="3386"/>
                    </a:lnTo>
                    <a:lnTo>
                      <a:pt x="2793" y="3385"/>
                    </a:lnTo>
                    <a:lnTo>
                      <a:pt x="2784" y="3385"/>
                    </a:lnTo>
                    <a:lnTo>
                      <a:pt x="2775" y="3387"/>
                    </a:lnTo>
                    <a:lnTo>
                      <a:pt x="2768" y="3392"/>
                    </a:lnTo>
                    <a:lnTo>
                      <a:pt x="2740" y="3415"/>
                    </a:lnTo>
                    <a:lnTo>
                      <a:pt x="2725" y="3427"/>
                    </a:lnTo>
                    <a:lnTo>
                      <a:pt x="2720" y="3431"/>
                    </a:lnTo>
                    <a:lnTo>
                      <a:pt x="2716" y="3434"/>
                    </a:lnTo>
                    <a:lnTo>
                      <a:pt x="2713" y="3434"/>
                    </a:lnTo>
                    <a:lnTo>
                      <a:pt x="2711" y="3434"/>
                    </a:lnTo>
                    <a:lnTo>
                      <a:pt x="2705" y="3430"/>
                    </a:lnTo>
                    <a:lnTo>
                      <a:pt x="2698" y="3425"/>
                    </a:lnTo>
                    <a:lnTo>
                      <a:pt x="2691" y="3422"/>
                    </a:lnTo>
                    <a:lnTo>
                      <a:pt x="2683" y="3418"/>
                    </a:lnTo>
                    <a:lnTo>
                      <a:pt x="2672" y="3416"/>
                    </a:lnTo>
                    <a:lnTo>
                      <a:pt x="2659" y="3413"/>
                    </a:lnTo>
                    <a:lnTo>
                      <a:pt x="2659" y="3409"/>
                    </a:lnTo>
                    <a:lnTo>
                      <a:pt x="2660" y="3405"/>
                    </a:lnTo>
                    <a:lnTo>
                      <a:pt x="2661" y="3402"/>
                    </a:lnTo>
                    <a:lnTo>
                      <a:pt x="2664" y="3398"/>
                    </a:lnTo>
                    <a:lnTo>
                      <a:pt x="2665" y="3394"/>
                    </a:lnTo>
                    <a:lnTo>
                      <a:pt x="2667" y="3389"/>
                    </a:lnTo>
                    <a:lnTo>
                      <a:pt x="2667" y="3382"/>
                    </a:lnTo>
                    <a:lnTo>
                      <a:pt x="2665" y="3377"/>
                    </a:lnTo>
                    <a:lnTo>
                      <a:pt x="2660" y="3365"/>
                    </a:lnTo>
                    <a:lnTo>
                      <a:pt x="2650" y="3355"/>
                    </a:lnTo>
                    <a:lnTo>
                      <a:pt x="2641" y="3345"/>
                    </a:lnTo>
                    <a:lnTo>
                      <a:pt x="2632" y="3335"/>
                    </a:lnTo>
                    <a:lnTo>
                      <a:pt x="2626" y="3329"/>
                    </a:lnTo>
                    <a:lnTo>
                      <a:pt x="2620" y="3325"/>
                    </a:lnTo>
                    <a:lnTo>
                      <a:pt x="2612" y="3320"/>
                    </a:lnTo>
                    <a:lnTo>
                      <a:pt x="2604" y="3316"/>
                    </a:lnTo>
                    <a:lnTo>
                      <a:pt x="2586" y="3308"/>
                    </a:lnTo>
                    <a:lnTo>
                      <a:pt x="2569" y="3302"/>
                    </a:lnTo>
                    <a:lnTo>
                      <a:pt x="2562" y="3298"/>
                    </a:lnTo>
                    <a:lnTo>
                      <a:pt x="2555" y="3294"/>
                    </a:lnTo>
                    <a:lnTo>
                      <a:pt x="2550" y="3290"/>
                    </a:lnTo>
                    <a:lnTo>
                      <a:pt x="2546" y="3286"/>
                    </a:lnTo>
                    <a:lnTo>
                      <a:pt x="2543" y="3282"/>
                    </a:lnTo>
                    <a:lnTo>
                      <a:pt x="2543" y="3278"/>
                    </a:lnTo>
                    <a:lnTo>
                      <a:pt x="2546" y="3273"/>
                    </a:lnTo>
                    <a:lnTo>
                      <a:pt x="2551" y="3268"/>
                    </a:lnTo>
                    <a:lnTo>
                      <a:pt x="2558" y="3262"/>
                    </a:lnTo>
                    <a:lnTo>
                      <a:pt x="2564" y="3255"/>
                    </a:lnTo>
                    <a:lnTo>
                      <a:pt x="2568" y="3247"/>
                    </a:lnTo>
                    <a:lnTo>
                      <a:pt x="2571" y="3240"/>
                    </a:lnTo>
                    <a:lnTo>
                      <a:pt x="2572" y="3232"/>
                    </a:lnTo>
                    <a:lnTo>
                      <a:pt x="2572" y="3224"/>
                    </a:lnTo>
                    <a:lnTo>
                      <a:pt x="2571" y="3215"/>
                    </a:lnTo>
                    <a:lnTo>
                      <a:pt x="2568" y="3206"/>
                    </a:lnTo>
                    <a:lnTo>
                      <a:pt x="2559" y="3181"/>
                    </a:lnTo>
                    <a:lnTo>
                      <a:pt x="2547" y="3153"/>
                    </a:lnTo>
                    <a:lnTo>
                      <a:pt x="2540" y="3140"/>
                    </a:lnTo>
                    <a:lnTo>
                      <a:pt x="2531" y="3128"/>
                    </a:lnTo>
                    <a:lnTo>
                      <a:pt x="2525" y="3123"/>
                    </a:lnTo>
                    <a:lnTo>
                      <a:pt x="2520" y="3119"/>
                    </a:lnTo>
                    <a:lnTo>
                      <a:pt x="2515" y="3115"/>
                    </a:lnTo>
                    <a:lnTo>
                      <a:pt x="2508" y="3114"/>
                    </a:lnTo>
                    <a:lnTo>
                      <a:pt x="2499" y="3111"/>
                    </a:lnTo>
                    <a:lnTo>
                      <a:pt x="2490" y="3111"/>
                    </a:lnTo>
                    <a:lnTo>
                      <a:pt x="2481" y="3111"/>
                    </a:lnTo>
                    <a:lnTo>
                      <a:pt x="2472" y="3113"/>
                    </a:lnTo>
                    <a:lnTo>
                      <a:pt x="2454" y="3117"/>
                    </a:lnTo>
                    <a:lnTo>
                      <a:pt x="2437" y="3123"/>
                    </a:lnTo>
                    <a:lnTo>
                      <a:pt x="2419" y="3130"/>
                    </a:lnTo>
                    <a:lnTo>
                      <a:pt x="2402" y="3135"/>
                    </a:lnTo>
                    <a:lnTo>
                      <a:pt x="2384" y="3140"/>
                    </a:lnTo>
                    <a:lnTo>
                      <a:pt x="2367" y="3141"/>
                    </a:lnTo>
                    <a:lnTo>
                      <a:pt x="2367" y="3140"/>
                    </a:lnTo>
                    <a:lnTo>
                      <a:pt x="2367" y="3135"/>
                    </a:lnTo>
                    <a:lnTo>
                      <a:pt x="2370" y="3130"/>
                    </a:lnTo>
                    <a:lnTo>
                      <a:pt x="2374" y="3126"/>
                    </a:lnTo>
                    <a:lnTo>
                      <a:pt x="2379" y="3120"/>
                    </a:lnTo>
                    <a:lnTo>
                      <a:pt x="2391" y="3113"/>
                    </a:lnTo>
                    <a:lnTo>
                      <a:pt x="2405" y="3105"/>
                    </a:lnTo>
                    <a:lnTo>
                      <a:pt x="2416" y="3097"/>
                    </a:lnTo>
                    <a:lnTo>
                      <a:pt x="2427" y="3089"/>
                    </a:lnTo>
                    <a:lnTo>
                      <a:pt x="2429" y="3084"/>
                    </a:lnTo>
                    <a:lnTo>
                      <a:pt x="2431" y="3080"/>
                    </a:lnTo>
                    <a:lnTo>
                      <a:pt x="2429" y="3075"/>
                    </a:lnTo>
                    <a:lnTo>
                      <a:pt x="2427" y="3069"/>
                    </a:lnTo>
                    <a:lnTo>
                      <a:pt x="2420" y="3058"/>
                    </a:lnTo>
                    <a:lnTo>
                      <a:pt x="2413" y="3049"/>
                    </a:lnTo>
                    <a:lnTo>
                      <a:pt x="2405" y="3041"/>
                    </a:lnTo>
                    <a:lnTo>
                      <a:pt x="2398" y="3035"/>
                    </a:lnTo>
                    <a:lnTo>
                      <a:pt x="2391" y="3031"/>
                    </a:lnTo>
                    <a:lnTo>
                      <a:pt x="2383" y="3027"/>
                    </a:lnTo>
                    <a:lnTo>
                      <a:pt x="2375" y="3025"/>
                    </a:lnTo>
                    <a:lnTo>
                      <a:pt x="2367" y="3022"/>
                    </a:lnTo>
                    <a:lnTo>
                      <a:pt x="2350" y="3022"/>
                    </a:lnTo>
                    <a:lnTo>
                      <a:pt x="2332" y="3023"/>
                    </a:lnTo>
                    <a:lnTo>
                      <a:pt x="2313" y="3026"/>
                    </a:lnTo>
                    <a:lnTo>
                      <a:pt x="2292" y="3028"/>
                    </a:lnTo>
                    <a:lnTo>
                      <a:pt x="2287" y="3028"/>
                    </a:lnTo>
                    <a:lnTo>
                      <a:pt x="2283" y="3027"/>
                    </a:lnTo>
                    <a:lnTo>
                      <a:pt x="2280" y="3025"/>
                    </a:lnTo>
                    <a:lnTo>
                      <a:pt x="2278" y="3022"/>
                    </a:lnTo>
                    <a:lnTo>
                      <a:pt x="2275" y="3014"/>
                    </a:lnTo>
                    <a:lnTo>
                      <a:pt x="2275" y="3005"/>
                    </a:lnTo>
                    <a:lnTo>
                      <a:pt x="2278" y="2983"/>
                    </a:lnTo>
                    <a:lnTo>
                      <a:pt x="2280" y="2965"/>
                    </a:lnTo>
                    <a:lnTo>
                      <a:pt x="2279" y="2960"/>
                    </a:lnTo>
                    <a:lnTo>
                      <a:pt x="2275" y="2956"/>
                    </a:lnTo>
                    <a:lnTo>
                      <a:pt x="2270" y="2951"/>
                    </a:lnTo>
                    <a:lnTo>
                      <a:pt x="2264" y="2946"/>
                    </a:lnTo>
                    <a:lnTo>
                      <a:pt x="2256" y="2940"/>
                    </a:lnTo>
                    <a:lnTo>
                      <a:pt x="2249" y="2934"/>
                    </a:lnTo>
                    <a:lnTo>
                      <a:pt x="2244" y="2927"/>
                    </a:lnTo>
                    <a:lnTo>
                      <a:pt x="2242" y="2920"/>
                    </a:lnTo>
                    <a:lnTo>
                      <a:pt x="2234" y="2900"/>
                    </a:lnTo>
                    <a:lnTo>
                      <a:pt x="2226" y="2882"/>
                    </a:lnTo>
                    <a:lnTo>
                      <a:pt x="2218" y="2865"/>
                    </a:lnTo>
                    <a:lnTo>
                      <a:pt x="2208" y="2850"/>
                    </a:lnTo>
                    <a:lnTo>
                      <a:pt x="2198" y="2837"/>
                    </a:lnTo>
                    <a:lnTo>
                      <a:pt x="2186" y="2824"/>
                    </a:lnTo>
                    <a:lnTo>
                      <a:pt x="2173" y="2813"/>
                    </a:lnTo>
                    <a:lnTo>
                      <a:pt x="2160" y="2804"/>
                    </a:lnTo>
                    <a:lnTo>
                      <a:pt x="2144" y="2795"/>
                    </a:lnTo>
                    <a:lnTo>
                      <a:pt x="2130" y="2789"/>
                    </a:lnTo>
                    <a:lnTo>
                      <a:pt x="2113" y="2784"/>
                    </a:lnTo>
                    <a:lnTo>
                      <a:pt x="2097" y="2780"/>
                    </a:lnTo>
                    <a:lnTo>
                      <a:pt x="2078" y="2777"/>
                    </a:lnTo>
                    <a:lnTo>
                      <a:pt x="2059" y="2776"/>
                    </a:lnTo>
                    <a:lnTo>
                      <a:pt x="2040" y="2776"/>
                    </a:lnTo>
                    <a:lnTo>
                      <a:pt x="2019" y="2778"/>
                    </a:lnTo>
                    <a:lnTo>
                      <a:pt x="2010" y="2781"/>
                    </a:lnTo>
                    <a:lnTo>
                      <a:pt x="1999" y="2785"/>
                    </a:lnTo>
                    <a:lnTo>
                      <a:pt x="1990" y="2793"/>
                    </a:lnTo>
                    <a:lnTo>
                      <a:pt x="1980" y="2799"/>
                    </a:lnTo>
                    <a:lnTo>
                      <a:pt x="1971" y="2807"/>
                    </a:lnTo>
                    <a:lnTo>
                      <a:pt x="1963" y="2812"/>
                    </a:lnTo>
                    <a:lnTo>
                      <a:pt x="1959" y="2813"/>
                    </a:lnTo>
                    <a:lnTo>
                      <a:pt x="1955" y="2815"/>
                    </a:lnTo>
                    <a:lnTo>
                      <a:pt x="1954" y="2815"/>
                    </a:lnTo>
                    <a:lnTo>
                      <a:pt x="1951" y="2815"/>
                    </a:lnTo>
                    <a:lnTo>
                      <a:pt x="1946" y="2810"/>
                    </a:lnTo>
                    <a:lnTo>
                      <a:pt x="1940" y="2802"/>
                    </a:lnTo>
                    <a:lnTo>
                      <a:pt x="1933" y="2791"/>
                    </a:lnTo>
                    <a:lnTo>
                      <a:pt x="1927" y="2780"/>
                    </a:lnTo>
                    <a:lnTo>
                      <a:pt x="1915" y="2758"/>
                    </a:lnTo>
                    <a:lnTo>
                      <a:pt x="1905" y="2741"/>
                    </a:lnTo>
                    <a:lnTo>
                      <a:pt x="1900" y="2733"/>
                    </a:lnTo>
                    <a:lnTo>
                      <a:pt x="1893" y="2727"/>
                    </a:lnTo>
                    <a:lnTo>
                      <a:pt x="1887" y="2720"/>
                    </a:lnTo>
                    <a:lnTo>
                      <a:pt x="1879" y="2714"/>
                    </a:lnTo>
                    <a:lnTo>
                      <a:pt x="1863" y="2703"/>
                    </a:lnTo>
                    <a:lnTo>
                      <a:pt x="1846" y="2692"/>
                    </a:lnTo>
                    <a:lnTo>
                      <a:pt x="1830" y="2681"/>
                    </a:lnTo>
                    <a:lnTo>
                      <a:pt x="1813" y="2668"/>
                    </a:lnTo>
                    <a:lnTo>
                      <a:pt x="1805" y="2662"/>
                    </a:lnTo>
                    <a:lnTo>
                      <a:pt x="1797" y="2655"/>
                    </a:lnTo>
                    <a:lnTo>
                      <a:pt x="1791" y="2648"/>
                    </a:lnTo>
                    <a:lnTo>
                      <a:pt x="1786" y="2639"/>
                    </a:lnTo>
                    <a:lnTo>
                      <a:pt x="1683" y="2479"/>
                    </a:lnTo>
                    <a:lnTo>
                      <a:pt x="1672" y="2462"/>
                    </a:lnTo>
                    <a:lnTo>
                      <a:pt x="1660" y="2448"/>
                    </a:lnTo>
                    <a:lnTo>
                      <a:pt x="1647" y="2434"/>
                    </a:lnTo>
                    <a:lnTo>
                      <a:pt x="1634" y="2421"/>
                    </a:lnTo>
                    <a:lnTo>
                      <a:pt x="1607" y="2398"/>
                    </a:lnTo>
                    <a:lnTo>
                      <a:pt x="1580" y="2374"/>
                    </a:lnTo>
                    <a:lnTo>
                      <a:pt x="1567" y="2363"/>
                    </a:lnTo>
                    <a:lnTo>
                      <a:pt x="1554" y="2350"/>
                    </a:lnTo>
                    <a:lnTo>
                      <a:pt x="1541" y="2337"/>
                    </a:lnTo>
                    <a:lnTo>
                      <a:pt x="1529" y="2324"/>
                    </a:lnTo>
                    <a:lnTo>
                      <a:pt x="1519" y="2308"/>
                    </a:lnTo>
                    <a:lnTo>
                      <a:pt x="1510" y="2293"/>
                    </a:lnTo>
                    <a:lnTo>
                      <a:pt x="1502" y="2275"/>
                    </a:lnTo>
                    <a:lnTo>
                      <a:pt x="1494" y="2255"/>
                    </a:lnTo>
                    <a:lnTo>
                      <a:pt x="1489" y="2246"/>
                    </a:lnTo>
                    <a:lnTo>
                      <a:pt x="1482" y="2236"/>
                    </a:lnTo>
                    <a:lnTo>
                      <a:pt x="1473" y="2225"/>
                    </a:lnTo>
                    <a:lnTo>
                      <a:pt x="1464" y="2215"/>
                    </a:lnTo>
                    <a:lnTo>
                      <a:pt x="1454" y="2206"/>
                    </a:lnTo>
                    <a:lnTo>
                      <a:pt x="1444" y="2199"/>
                    </a:lnTo>
                    <a:lnTo>
                      <a:pt x="1433" y="2193"/>
                    </a:lnTo>
                    <a:lnTo>
                      <a:pt x="1422" y="2190"/>
                    </a:lnTo>
                    <a:lnTo>
                      <a:pt x="1415" y="2190"/>
                    </a:lnTo>
                    <a:lnTo>
                      <a:pt x="1410" y="2190"/>
                    </a:lnTo>
                    <a:lnTo>
                      <a:pt x="1405" y="2192"/>
                    </a:lnTo>
                    <a:lnTo>
                      <a:pt x="1398" y="2193"/>
                    </a:lnTo>
                    <a:lnTo>
                      <a:pt x="1388" y="2197"/>
                    </a:lnTo>
                    <a:lnTo>
                      <a:pt x="1379" y="2201"/>
                    </a:lnTo>
                    <a:lnTo>
                      <a:pt x="1375" y="2202"/>
                    </a:lnTo>
                    <a:lnTo>
                      <a:pt x="1370" y="2203"/>
                    </a:lnTo>
                    <a:lnTo>
                      <a:pt x="1366" y="2203"/>
                    </a:lnTo>
                    <a:lnTo>
                      <a:pt x="1362" y="2202"/>
                    </a:lnTo>
                    <a:lnTo>
                      <a:pt x="1358" y="2201"/>
                    </a:lnTo>
                    <a:lnTo>
                      <a:pt x="1354" y="2197"/>
                    </a:lnTo>
                    <a:lnTo>
                      <a:pt x="1352" y="2192"/>
                    </a:lnTo>
                    <a:lnTo>
                      <a:pt x="1348" y="2185"/>
                    </a:lnTo>
                    <a:lnTo>
                      <a:pt x="1344" y="2177"/>
                    </a:lnTo>
                    <a:lnTo>
                      <a:pt x="1336" y="2166"/>
                    </a:lnTo>
                    <a:lnTo>
                      <a:pt x="1333" y="2161"/>
                    </a:lnTo>
                    <a:lnTo>
                      <a:pt x="1331" y="2155"/>
                    </a:lnTo>
                    <a:lnTo>
                      <a:pt x="1331" y="2151"/>
                    </a:lnTo>
                    <a:lnTo>
                      <a:pt x="1332" y="2149"/>
                    </a:lnTo>
                    <a:lnTo>
                      <a:pt x="1337" y="2148"/>
                    </a:lnTo>
                    <a:lnTo>
                      <a:pt x="1344" y="2146"/>
                    </a:lnTo>
                    <a:lnTo>
                      <a:pt x="1350" y="2146"/>
                    </a:lnTo>
                    <a:lnTo>
                      <a:pt x="1357" y="2146"/>
                    </a:lnTo>
                    <a:lnTo>
                      <a:pt x="1370" y="2148"/>
                    </a:lnTo>
                    <a:lnTo>
                      <a:pt x="1381" y="2145"/>
                    </a:lnTo>
                    <a:lnTo>
                      <a:pt x="1380" y="2135"/>
                    </a:lnTo>
                    <a:lnTo>
                      <a:pt x="1378" y="2123"/>
                    </a:lnTo>
                    <a:lnTo>
                      <a:pt x="1371" y="2113"/>
                    </a:lnTo>
                    <a:lnTo>
                      <a:pt x="1365" y="2101"/>
                    </a:lnTo>
                    <a:lnTo>
                      <a:pt x="1355" y="2091"/>
                    </a:lnTo>
                    <a:lnTo>
                      <a:pt x="1345" y="2079"/>
                    </a:lnTo>
                    <a:lnTo>
                      <a:pt x="1335" y="2069"/>
                    </a:lnTo>
                    <a:lnTo>
                      <a:pt x="1322" y="2058"/>
                    </a:lnTo>
                    <a:lnTo>
                      <a:pt x="1273" y="2019"/>
                    </a:lnTo>
                    <a:lnTo>
                      <a:pt x="1232" y="1990"/>
                    </a:lnTo>
                    <a:lnTo>
                      <a:pt x="1226" y="1982"/>
                    </a:lnTo>
                    <a:lnTo>
                      <a:pt x="1221" y="1973"/>
                    </a:lnTo>
                    <a:lnTo>
                      <a:pt x="1217" y="1964"/>
                    </a:lnTo>
                    <a:lnTo>
                      <a:pt x="1214" y="1955"/>
                    </a:lnTo>
                    <a:lnTo>
                      <a:pt x="1212" y="1946"/>
                    </a:lnTo>
                    <a:lnTo>
                      <a:pt x="1209" y="1938"/>
                    </a:lnTo>
                    <a:lnTo>
                      <a:pt x="1206" y="1931"/>
                    </a:lnTo>
                    <a:lnTo>
                      <a:pt x="1201" y="1926"/>
                    </a:lnTo>
                    <a:lnTo>
                      <a:pt x="1197" y="1925"/>
                    </a:lnTo>
                    <a:lnTo>
                      <a:pt x="1194" y="1925"/>
                    </a:lnTo>
                    <a:lnTo>
                      <a:pt x="1190" y="1925"/>
                    </a:lnTo>
                    <a:lnTo>
                      <a:pt x="1184" y="1926"/>
                    </a:lnTo>
                    <a:lnTo>
                      <a:pt x="1174" y="1930"/>
                    </a:lnTo>
                    <a:lnTo>
                      <a:pt x="1164" y="1933"/>
                    </a:lnTo>
                    <a:lnTo>
                      <a:pt x="1159" y="1934"/>
                    </a:lnTo>
                    <a:lnTo>
                      <a:pt x="1155" y="1934"/>
                    </a:lnTo>
                    <a:lnTo>
                      <a:pt x="1151" y="1934"/>
                    </a:lnTo>
                    <a:lnTo>
                      <a:pt x="1148" y="1933"/>
                    </a:lnTo>
                    <a:lnTo>
                      <a:pt x="1146" y="1930"/>
                    </a:lnTo>
                    <a:lnTo>
                      <a:pt x="1144" y="1925"/>
                    </a:lnTo>
                    <a:lnTo>
                      <a:pt x="1144" y="1918"/>
                    </a:lnTo>
                    <a:lnTo>
                      <a:pt x="1146" y="1911"/>
                    </a:lnTo>
                    <a:lnTo>
                      <a:pt x="1152" y="1887"/>
                    </a:lnTo>
                    <a:lnTo>
                      <a:pt x="1160" y="1868"/>
                    </a:lnTo>
                    <a:lnTo>
                      <a:pt x="1162" y="1857"/>
                    </a:lnTo>
                    <a:lnTo>
                      <a:pt x="1164" y="1847"/>
                    </a:lnTo>
                    <a:lnTo>
                      <a:pt x="1164" y="1834"/>
                    </a:lnTo>
                    <a:lnTo>
                      <a:pt x="1162" y="1820"/>
                    </a:lnTo>
                    <a:lnTo>
                      <a:pt x="1159" y="1804"/>
                    </a:lnTo>
                    <a:lnTo>
                      <a:pt x="1153" y="1790"/>
                    </a:lnTo>
                    <a:lnTo>
                      <a:pt x="1148" y="1776"/>
                    </a:lnTo>
                    <a:lnTo>
                      <a:pt x="1143" y="1762"/>
                    </a:lnTo>
                    <a:lnTo>
                      <a:pt x="1129" y="1733"/>
                    </a:lnTo>
                    <a:lnTo>
                      <a:pt x="1113" y="1706"/>
                    </a:lnTo>
                    <a:lnTo>
                      <a:pt x="1099" y="1679"/>
                    </a:lnTo>
                    <a:lnTo>
                      <a:pt x="1086" y="1650"/>
                    </a:lnTo>
                    <a:lnTo>
                      <a:pt x="1080" y="1636"/>
                    </a:lnTo>
                    <a:lnTo>
                      <a:pt x="1074" y="1622"/>
                    </a:lnTo>
                    <a:lnTo>
                      <a:pt x="1070" y="1607"/>
                    </a:lnTo>
                    <a:lnTo>
                      <a:pt x="1067" y="1593"/>
                    </a:lnTo>
                    <a:lnTo>
                      <a:pt x="1065" y="1567"/>
                    </a:lnTo>
                    <a:lnTo>
                      <a:pt x="1063" y="1527"/>
                    </a:lnTo>
                    <a:lnTo>
                      <a:pt x="1059" y="1504"/>
                    </a:lnTo>
                    <a:lnTo>
                      <a:pt x="1056" y="1478"/>
                    </a:lnTo>
                    <a:lnTo>
                      <a:pt x="1051" y="1452"/>
                    </a:lnTo>
                    <a:lnTo>
                      <a:pt x="1045" y="1427"/>
                    </a:lnTo>
                    <a:lnTo>
                      <a:pt x="1038" y="1403"/>
                    </a:lnTo>
                    <a:lnTo>
                      <a:pt x="1030" y="1381"/>
                    </a:lnTo>
                    <a:lnTo>
                      <a:pt x="1025" y="1370"/>
                    </a:lnTo>
                    <a:lnTo>
                      <a:pt x="1020" y="1361"/>
                    </a:lnTo>
                    <a:lnTo>
                      <a:pt x="1015" y="1353"/>
                    </a:lnTo>
                    <a:lnTo>
                      <a:pt x="1010" y="1346"/>
                    </a:lnTo>
                    <a:lnTo>
                      <a:pt x="1003" y="1341"/>
                    </a:lnTo>
                    <a:lnTo>
                      <a:pt x="997" y="1335"/>
                    </a:lnTo>
                    <a:lnTo>
                      <a:pt x="990" y="1331"/>
                    </a:lnTo>
                    <a:lnTo>
                      <a:pt x="982" y="1330"/>
                    </a:lnTo>
                    <a:lnTo>
                      <a:pt x="975" y="1330"/>
                    </a:lnTo>
                    <a:lnTo>
                      <a:pt x="967" y="1331"/>
                    </a:lnTo>
                    <a:lnTo>
                      <a:pt x="958" y="1334"/>
                    </a:lnTo>
                    <a:lnTo>
                      <a:pt x="949" y="1339"/>
                    </a:lnTo>
                    <a:lnTo>
                      <a:pt x="942" y="1342"/>
                    </a:lnTo>
                    <a:lnTo>
                      <a:pt x="937" y="1343"/>
                    </a:lnTo>
                    <a:lnTo>
                      <a:pt x="932" y="1342"/>
                    </a:lnTo>
                    <a:lnTo>
                      <a:pt x="927" y="1341"/>
                    </a:lnTo>
                    <a:lnTo>
                      <a:pt x="921" y="1338"/>
                    </a:lnTo>
                    <a:lnTo>
                      <a:pt x="916" y="1334"/>
                    </a:lnTo>
                    <a:lnTo>
                      <a:pt x="912" y="1329"/>
                    </a:lnTo>
                    <a:lnTo>
                      <a:pt x="907" y="1324"/>
                    </a:lnTo>
                    <a:lnTo>
                      <a:pt x="889" y="1302"/>
                    </a:lnTo>
                    <a:lnTo>
                      <a:pt x="875" y="1284"/>
                    </a:lnTo>
                    <a:lnTo>
                      <a:pt x="858" y="1264"/>
                    </a:lnTo>
                    <a:lnTo>
                      <a:pt x="835" y="1236"/>
                    </a:lnTo>
                    <a:lnTo>
                      <a:pt x="822" y="1223"/>
                    </a:lnTo>
                    <a:lnTo>
                      <a:pt x="810" y="1214"/>
                    </a:lnTo>
                    <a:lnTo>
                      <a:pt x="804" y="1211"/>
                    </a:lnTo>
                    <a:lnTo>
                      <a:pt x="798" y="1208"/>
                    </a:lnTo>
                    <a:lnTo>
                      <a:pt x="793" y="1208"/>
                    </a:lnTo>
                    <a:lnTo>
                      <a:pt x="788" y="1211"/>
                    </a:lnTo>
                    <a:lnTo>
                      <a:pt x="779" y="1215"/>
                    </a:lnTo>
                    <a:lnTo>
                      <a:pt x="773" y="1217"/>
                    </a:lnTo>
                    <a:lnTo>
                      <a:pt x="766" y="1219"/>
                    </a:lnTo>
                    <a:lnTo>
                      <a:pt x="760" y="1217"/>
                    </a:lnTo>
                    <a:lnTo>
                      <a:pt x="756" y="1216"/>
                    </a:lnTo>
                    <a:lnTo>
                      <a:pt x="750" y="1214"/>
                    </a:lnTo>
                    <a:lnTo>
                      <a:pt x="745" y="1210"/>
                    </a:lnTo>
                    <a:lnTo>
                      <a:pt x="741" y="1205"/>
                    </a:lnTo>
                    <a:lnTo>
                      <a:pt x="731" y="1194"/>
                    </a:lnTo>
                    <a:lnTo>
                      <a:pt x="718" y="1183"/>
                    </a:lnTo>
                    <a:lnTo>
                      <a:pt x="710" y="1177"/>
                    </a:lnTo>
                    <a:lnTo>
                      <a:pt x="701" y="1173"/>
                    </a:lnTo>
                    <a:lnTo>
                      <a:pt x="691" y="1168"/>
                    </a:lnTo>
                    <a:lnTo>
                      <a:pt x="679" y="1166"/>
                    </a:lnTo>
                    <a:lnTo>
                      <a:pt x="664" y="1163"/>
                    </a:lnTo>
                    <a:lnTo>
                      <a:pt x="647" y="1162"/>
                    </a:lnTo>
                    <a:lnTo>
                      <a:pt x="633" y="1162"/>
                    </a:lnTo>
                    <a:lnTo>
                      <a:pt x="617" y="1163"/>
                    </a:lnTo>
                    <a:lnTo>
                      <a:pt x="603" y="1166"/>
                    </a:lnTo>
                    <a:lnTo>
                      <a:pt x="589" y="1170"/>
                    </a:lnTo>
                    <a:lnTo>
                      <a:pt x="576" y="1173"/>
                    </a:lnTo>
                    <a:lnTo>
                      <a:pt x="561" y="1179"/>
                    </a:lnTo>
                    <a:lnTo>
                      <a:pt x="548" y="1185"/>
                    </a:lnTo>
                    <a:lnTo>
                      <a:pt x="535" y="1192"/>
                    </a:lnTo>
                    <a:lnTo>
                      <a:pt x="522" y="1199"/>
                    </a:lnTo>
                    <a:lnTo>
                      <a:pt x="511" y="1207"/>
                    </a:lnTo>
                    <a:lnTo>
                      <a:pt x="486" y="1224"/>
                    </a:lnTo>
                    <a:lnTo>
                      <a:pt x="463" y="1243"/>
                    </a:lnTo>
                    <a:lnTo>
                      <a:pt x="456" y="1249"/>
                    </a:lnTo>
                    <a:lnTo>
                      <a:pt x="450" y="1255"/>
                    </a:lnTo>
                    <a:lnTo>
                      <a:pt x="445" y="1262"/>
                    </a:lnTo>
                    <a:lnTo>
                      <a:pt x="440" y="1268"/>
                    </a:lnTo>
                    <a:lnTo>
                      <a:pt x="432" y="1284"/>
                    </a:lnTo>
                    <a:lnTo>
                      <a:pt x="424" y="1298"/>
                    </a:lnTo>
                    <a:lnTo>
                      <a:pt x="416" y="1312"/>
                    </a:lnTo>
                    <a:lnTo>
                      <a:pt x="408" y="1325"/>
                    </a:lnTo>
                    <a:lnTo>
                      <a:pt x="403" y="1330"/>
                    </a:lnTo>
                    <a:lnTo>
                      <a:pt x="398" y="1337"/>
                    </a:lnTo>
                    <a:lnTo>
                      <a:pt x="393" y="1341"/>
                    </a:lnTo>
                    <a:lnTo>
                      <a:pt x="388" y="1344"/>
                    </a:lnTo>
                    <a:lnTo>
                      <a:pt x="370" y="1353"/>
                    </a:lnTo>
                    <a:lnTo>
                      <a:pt x="345" y="1361"/>
                    </a:lnTo>
                    <a:lnTo>
                      <a:pt x="318" y="1369"/>
                    </a:lnTo>
                    <a:lnTo>
                      <a:pt x="288" y="1377"/>
                    </a:lnTo>
                    <a:lnTo>
                      <a:pt x="257" y="1383"/>
                    </a:lnTo>
                    <a:lnTo>
                      <a:pt x="228" y="1388"/>
                    </a:lnTo>
                    <a:lnTo>
                      <a:pt x="204" y="1391"/>
                    </a:lnTo>
                    <a:lnTo>
                      <a:pt x="186" y="1392"/>
                    </a:lnTo>
                    <a:lnTo>
                      <a:pt x="186" y="1392"/>
                    </a:lnTo>
                    <a:lnTo>
                      <a:pt x="179" y="1366"/>
                    </a:lnTo>
                    <a:lnTo>
                      <a:pt x="173" y="1338"/>
                    </a:lnTo>
                    <a:lnTo>
                      <a:pt x="171" y="1324"/>
                    </a:lnTo>
                    <a:lnTo>
                      <a:pt x="171" y="1309"/>
                    </a:lnTo>
                    <a:lnTo>
                      <a:pt x="171" y="1295"/>
                    </a:lnTo>
                    <a:lnTo>
                      <a:pt x="174" y="1284"/>
                    </a:lnTo>
                    <a:lnTo>
                      <a:pt x="180" y="1269"/>
                    </a:lnTo>
                    <a:lnTo>
                      <a:pt x="188" y="1258"/>
                    </a:lnTo>
                    <a:lnTo>
                      <a:pt x="191" y="1252"/>
                    </a:lnTo>
                    <a:lnTo>
                      <a:pt x="193" y="1246"/>
                    </a:lnTo>
                    <a:lnTo>
                      <a:pt x="196" y="1238"/>
                    </a:lnTo>
                    <a:lnTo>
                      <a:pt x="196" y="1230"/>
                    </a:lnTo>
                    <a:lnTo>
                      <a:pt x="195" y="1225"/>
                    </a:lnTo>
                    <a:lnTo>
                      <a:pt x="195" y="1220"/>
                    </a:lnTo>
                    <a:lnTo>
                      <a:pt x="192" y="1215"/>
                    </a:lnTo>
                    <a:lnTo>
                      <a:pt x="190" y="1211"/>
                    </a:lnTo>
                    <a:lnTo>
                      <a:pt x="183" y="1203"/>
                    </a:lnTo>
                    <a:lnTo>
                      <a:pt x="175" y="1195"/>
                    </a:lnTo>
                    <a:lnTo>
                      <a:pt x="165" y="1190"/>
                    </a:lnTo>
                    <a:lnTo>
                      <a:pt x="155" y="1185"/>
                    </a:lnTo>
                    <a:lnTo>
                      <a:pt x="143" y="1181"/>
                    </a:lnTo>
                    <a:lnTo>
                      <a:pt x="130" y="1177"/>
                    </a:lnTo>
                    <a:lnTo>
                      <a:pt x="105" y="1168"/>
                    </a:lnTo>
                    <a:lnTo>
                      <a:pt x="81" y="1160"/>
                    </a:lnTo>
                    <a:lnTo>
                      <a:pt x="70" y="1154"/>
                    </a:lnTo>
                    <a:lnTo>
                      <a:pt x="61" y="1149"/>
                    </a:lnTo>
                    <a:lnTo>
                      <a:pt x="54" y="1141"/>
                    </a:lnTo>
                    <a:lnTo>
                      <a:pt x="47" y="1133"/>
                    </a:lnTo>
                    <a:lnTo>
                      <a:pt x="41" y="1116"/>
                    </a:lnTo>
                    <a:lnTo>
                      <a:pt x="35" y="1100"/>
                    </a:lnTo>
                    <a:lnTo>
                      <a:pt x="33" y="1083"/>
                    </a:lnTo>
                    <a:lnTo>
                      <a:pt x="30" y="1066"/>
                    </a:lnTo>
                    <a:lnTo>
                      <a:pt x="29" y="1048"/>
                    </a:lnTo>
                    <a:lnTo>
                      <a:pt x="28" y="1031"/>
                    </a:lnTo>
                    <a:lnTo>
                      <a:pt x="25" y="1014"/>
                    </a:lnTo>
                    <a:lnTo>
                      <a:pt x="21" y="997"/>
                    </a:lnTo>
                    <a:lnTo>
                      <a:pt x="19" y="984"/>
                    </a:lnTo>
                    <a:lnTo>
                      <a:pt x="17" y="974"/>
                    </a:lnTo>
                    <a:lnTo>
                      <a:pt x="17" y="964"/>
                    </a:lnTo>
                    <a:lnTo>
                      <a:pt x="19" y="955"/>
                    </a:lnTo>
                    <a:lnTo>
                      <a:pt x="21" y="948"/>
                    </a:lnTo>
                    <a:lnTo>
                      <a:pt x="25" y="940"/>
                    </a:lnTo>
                    <a:lnTo>
                      <a:pt x="30" y="935"/>
                    </a:lnTo>
                    <a:lnTo>
                      <a:pt x="35" y="929"/>
                    </a:lnTo>
                    <a:lnTo>
                      <a:pt x="47" y="918"/>
                    </a:lnTo>
                    <a:lnTo>
                      <a:pt x="60" y="907"/>
                    </a:lnTo>
                    <a:lnTo>
                      <a:pt x="66" y="901"/>
                    </a:lnTo>
                    <a:lnTo>
                      <a:pt x="73" y="895"/>
                    </a:lnTo>
                    <a:lnTo>
                      <a:pt x="79" y="887"/>
                    </a:lnTo>
                    <a:lnTo>
                      <a:pt x="85" y="879"/>
                    </a:lnTo>
                    <a:lnTo>
                      <a:pt x="85" y="863"/>
                    </a:lnTo>
                    <a:lnTo>
                      <a:pt x="82" y="848"/>
                    </a:lnTo>
                    <a:lnTo>
                      <a:pt x="78" y="838"/>
                    </a:lnTo>
                    <a:lnTo>
                      <a:pt x="73" y="830"/>
                    </a:lnTo>
                    <a:lnTo>
                      <a:pt x="65" y="824"/>
                    </a:lnTo>
                    <a:lnTo>
                      <a:pt x="55" y="817"/>
                    </a:lnTo>
                    <a:lnTo>
                      <a:pt x="43" y="811"/>
                    </a:lnTo>
                    <a:lnTo>
                      <a:pt x="30" y="802"/>
                    </a:lnTo>
                    <a:lnTo>
                      <a:pt x="22" y="795"/>
                    </a:lnTo>
                    <a:lnTo>
                      <a:pt x="16" y="786"/>
                    </a:lnTo>
                    <a:lnTo>
                      <a:pt x="11" y="776"/>
                    </a:lnTo>
                    <a:lnTo>
                      <a:pt x="7" y="764"/>
                    </a:lnTo>
                    <a:lnTo>
                      <a:pt x="4" y="751"/>
                    </a:lnTo>
                    <a:lnTo>
                      <a:pt x="2" y="739"/>
                    </a:lnTo>
                    <a:lnTo>
                      <a:pt x="0" y="728"/>
                    </a:lnTo>
                    <a:lnTo>
                      <a:pt x="0" y="717"/>
                    </a:lnTo>
                    <a:lnTo>
                      <a:pt x="0" y="708"/>
                    </a:lnTo>
                    <a:lnTo>
                      <a:pt x="3" y="701"/>
                    </a:lnTo>
                    <a:lnTo>
                      <a:pt x="8" y="695"/>
                    </a:lnTo>
                    <a:lnTo>
                      <a:pt x="15" y="692"/>
                    </a:lnTo>
                    <a:lnTo>
                      <a:pt x="29" y="688"/>
                    </a:lnTo>
                    <a:lnTo>
                      <a:pt x="46" y="684"/>
                    </a:lnTo>
                    <a:lnTo>
                      <a:pt x="59" y="681"/>
                    </a:lnTo>
                    <a:lnTo>
                      <a:pt x="72" y="677"/>
                    </a:lnTo>
                    <a:lnTo>
                      <a:pt x="83" y="672"/>
                    </a:lnTo>
                    <a:lnTo>
                      <a:pt x="94" y="666"/>
                    </a:lnTo>
                    <a:lnTo>
                      <a:pt x="104" y="658"/>
                    </a:lnTo>
                    <a:lnTo>
                      <a:pt x="114" y="650"/>
                    </a:lnTo>
                    <a:lnTo>
                      <a:pt x="123" y="641"/>
                    </a:lnTo>
                    <a:lnTo>
                      <a:pt x="133" y="632"/>
                    </a:lnTo>
                    <a:lnTo>
                      <a:pt x="145" y="619"/>
                    </a:lnTo>
                    <a:lnTo>
                      <a:pt x="155" y="607"/>
                    </a:lnTo>
                    <a:lnTo>
                      <a:pt x="158" y="601"/>
                    </a:lnTo>
                    <a:lnTo>
                      <a:pt x="162" y="596"/>
                    </a:lnTo>
                    <a:lnTo>
                      <a:pt x="165" y="589"/>
                    </a:lnTo>
                    <a:lnTo>
                      <a:pt x="166" y="583"/>
                    </a:lnTo>
                    <a:lnTo>
                      <a:pt x="166" y="578"/>
                    </a:lnTo>
                    <a:lnTo>
                      <a:pt x="166" y="571"/>
                    </a:lnTo>
                    <a:lnTo>
                      <a:pt x="165" y="565"/>
                    </a:lnTo>
                    <a:lnTo>
                      <a:pt x="162" y="558"/>
                    </a:lnTo>
                    <a:lnTo>
                      <a:pt x="158" y="553"/>
                    </a:lnTo>
                    <a:lnTo>
                      <a:pt x="153" y="546"/>
                    </a:lnTo>
                    <a:lnTo>
                      <a:pt x="147" y="539"/>
                    </a:lnTo>
                    <a:lnTo>
                      <a:pt x="139" y="532"/>
                    </a:lnTo>
                    <a:lnTo>
                      <a:pt x="133" y="526"/>
                    </a:lnTo>
                    <a:lnTo>
                      <a:pt x="129" y="519"/>
                    </a:lnTo>
                    <a:lnTo>
                      <a:pt x="127" y="511"/>
                    </a:lnTo>
                    <a:lnTo>
                      <a:pt x="126" y="502"/>
                    </a:lnTo>
                    <a:lnTo>
                      <a:pt x="126" y="484"/>
                    </a:lnTo>
                    <a:lnTo>
                      <a:pt x="127" y="467"/>
                    </a:lnTo>
                    <a:lnTo>
                      <a:pt x="126" y="457"/>
                    </a:lnTo>
                    <a:lnTo>
                      <a:pt x="123" y="451"/>
                    </a:lnTo>
                    <a:lnTo>
                      <a:pt x="121" y="444"/>
                    </a:lnTo>
                    <a:lnTo>
                      <a:pt x="116" y="440"/>
                    </a:lnTo>
                    <a:lnTo>
                      <a:pt x="112" y="436"/>
                    </a:lnTo>
                    <a:lnTo>
                      <a:pt x="107" y="432"/>
                    </a:lnTo>
                    <a:lnTo>
                      <a:pt x="103" y="426"/>
                    </a:lnTo>
                    <a:lnTo>
                      <a:pt x="99" y="420"/>
                    </a:lnTo>
                    <a:lnTo>
                      <a:pt x="98" y="409"/>
                    </a:lnTo>
                    <a:lnTo>
                      <a:pt x="98" y="397"/>
                    </a:lnTo>
                    <a:lnTo>
                      <a:pt x="98" y="387"/>
                    </a:lnTo>
                    <a:lnTo>
                      <a:pt x="96" y="375"/>
                    </a:lnTo>
                    <a:lnTo>
                      <a:pt x="155" y="360"/>
                    </a:lnTo>
                    <a:lnTo>
                      <a:pt x="155" y="36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3" name="Freeform 196">
                <a:extLst>
                  <a:ext uri="{FF2B5EF4-FFF2-40B4-BE49-F238E27FC236}">
                    <a16:creationId xmlns:a16="http://schemas.microsoft.com/office/drawing/2014/main" id="{F6CC528E-BAEB-0447-897E-44BF1425EE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01890" y="1815467"/>
                <a:ext cx="1082084" cy="1762953"/>
              </a:xfrm>
              <a:custGeom>
                <a:avLst/>
                <a:gdLst/>
                <a:ahLst/>
                <a:cxnLst>
                  <a:cxn ang="0">
                    <a:pos x="1694" y="1326"/>
                  </a:cxn>
                  <a:cxn ang="0">
                    <a:pos x="1541" y="1265"/>
                  </a:cxn>
                  <a:cxn ang="0">
                    <a:pos x="1708" y="1160"/>
                  </a:cxn>
                  <a:cxn ang="0">
                    <a:pos x="1830" y="1062"/>
                  </a:cxn>
                  <a:cxn ang="0">
                    <a:pos x="2118" y="689"/>
                  </a:cxn>
                  <a:cxn ang="0">
                    <a:pos x="1795" y="549"/>
                  </a:cxn>
                  <a:cxn ang="0">
                    <a:pos x="1610" y="474"/>
                  </a:cxn>
                  <a:cxn ang="0">
                    <a:pos x="1628" y="401"/>
                  </a:cxn>
                  <a:cxn ang="0">
                    <a:pos x="1991" y="212"/>
                  </a:cxn>
                  <a:cxn ang="0">
                    <a:pos x="1825" y="130"/>
                  </a:cxn>
                  <a:cxn ang="0">
                    <a:pos x="1591" y="79"/>
                  </a:cxn>
                  <a:cxn ang="0">
                    <a:pos x="1439" y="165"/>
                  </a:cxn>
                  <a:cxn ang="0">
                    <a:pos x="1387" y="283"/>
                  </a:cxn>
                  <a:cxn ang="0">
                    <a:pos x="1281" y="379"/>
                  </a:cxn>
                  <a:cxn ang="0">
                    <a:pos x="1224" y="447"/>
                  </a:cxn>
                  <a:cxn ang="0">
                    <a:pos x="1215" y="561"/>
                  </a:cxn>
                  <a:cxn ang="0">
                    <a:pos x="1128" y="664"/>
                  </a:cxn>
                  <a:cxn ang="0">
                    <a:pos x="1024" y="750"/>
                  </a:cxn>
                  <a:cxn ang="0">
                    <a:pos x="1230" y="772"/>
                  </a:cxn>
                  <a:cxn ang="0">
                    <a:pos x="1031" y="1067"/>
                  </a:cxn>
                  <a:cxn ang="0">
                    <a:pos x="1217" y="1195"/>
                  </a:cxn>
                  <a:cxn ang="0">
                    <a:pos x="1129" y="1397"/>
                  </a:cxn>
                  <a:cxn ang="0">
                    <a:pos x="969" y="1577"/>
                  </a:cxn>
                  <a:cxn ang="0">
                    <a:pos x="926" y="1691"/>
                  </a:cxn>
                  <a:cxn ang="0">
                    <a:pos x="1065" y="1786"/>
                  </a:cxn>
                  <a:cxn ang="0">
                    <a:pos x="1216" y="1750"/>
                  </a:cxn>
                  <a:cxn ang="0">
                    <a:pos x="1338" y="1799"/>
                  </a:cxn>
                  <a:cxn ang="0">
                    <a:pos x="1294" y="2052"/>
                  </a:cxn>
                  <a:cxn ang="0">
                    <a:pos x="1339" y="2194"/>
                  </a:cxn>
                  <a:cxn ang="0">
                    <a:pos x="1272" y="2287"/>
                  </a:cxn>
                  <a:cxn ang="0">
                    <a:pos x="1247" y="2496"/>
                  </a:cxn>
                  <a:cxn ang="0">
                    <a:pos x="1124" y="2491"/>
                  </a:cxn>
                  <a:cxn ang="0">
                    <a:pos x="798" y="2338"/>
                  </a:cxn>
                  <a:cxn ang="0">
                    <a:pos x="695" y="2537"/>
                  </a:cxn>
                  <a:cxn ang="0">
                    <a:pos x="815" y="2688"/>
                  </a:cxn>
                  <a:cxn ang="0">
                    <a:pos x="658" y="2848"/>
                  </a:cxn>
                  <a:cxn ang="0">
                    <a:pos x="366" y="2910"/>
                  </a:cxn>
                  <a:cxn ang="0">
                    <a:pos x="444" y="3008"/>
                  </a:cxn>
                  <a:cxn ang="0">
                    <a:pos x="463" y="3096"/>
                  </a:cxn>
                  <a:cxn ang="0">
                    <a:pos x="707" y="3125"/>
                  </a:cxn>
                  <a:cxn ang="0">
                    <a:pos x="865" y="3317"/>
                  </a:cxn>
                  <a:cxn ang="0">
                    <a:pos x="1173" y="3232"/>
                  </a:cxn>
                  <a:cxn ang="0">
                    <a:pos x="891" y="3425"/>
                  </a:cxn>
                  <a:cxn ang="0">
                    <a:pos x="562" y="3381"/>
                  </a:cxn>
                  <a:cxn ang="0">
                    <a:pos x="55" y="3611"/>
                  </a:cxn>
                  <a:cxn ang="0">
                    <a:pos x="79" y="3719"/>
                  </a:cxn>
                  <a:cxn ang="0">
                    <a:pos x="311" y="3668"/>
                  </a:cxn>
                  <a:cxn ang="0">
                    <a:pos x="452" y="3711"/>
                  </a:cxn>
                  <a:cxn ang="0">
                    <a:pos x="715" y="3622"/>
                  </a:cxn>
                  <a:cxn ang="0">
                    <a:pos x="939" y="3755"/>
                  </a:cxn>
                  <a:cxn ang="0">
                    <a:pos x="1092" y="3714"/>
                  </a:cxn>
                  <a:cxn ang="0">
                    <a:pos x="1315" y="3716"/>
                  </a:cxn>
                  <a:cxn ang="0">
                    <a:pos x="1469" y="3787"/>
                  </a:cxn>
                  <a:cxn ang="0">
                    <a:pos x="1680" y="3857"/>
                  </a:cxn>
                  <a:cxn ang="0">
                    <a:pos x="2123" y="3771"/>
                  </a:cxn>
                  <a:cxn ang="0">
                    <a:pos x="1926" y="3629"/>
                  </a:cxn>
                  <a:cxn ang="0">
                    <a:pos x="2082" y="3484"/>
                  </a:cxn>
                  <a:cxn ang="0">
                    <a:pos x="2354" y="3273"/>
                  </a:cxn>
                  <a:cxn ang="0">
                    <a:pos x="2098" y="2967"/>
                  </a:cxn>
                  <a:cxn ang="0">
                    <a:pos x="1964" y="2929"/>
                  </a:cxn>
                  <a:cxn ang="0">
                    <a:pos x="1896" y="2527"/>
                  </a:cxn>
                  <a:cxn ang="0">
                    <a:pos x="2045" y="2469"/>
                  </a:cxn>
                  <a:cxn ang="0">
                    <a:pos x="1891" y="2090"/>
                  </a:cxn>
                </a:cxnLst>
                <a:rect l="0" t="0" r="r" b="b"/>
                <a:pathLst>
                  <a:path w="2373" h="3901">
                    <a:moveTo>
                      <a:pt x="1845" y="1887"/>
                    </a:moveTo>
                    <a:lnTo>
                      <a:pt x="1843" y="1848"/>
                    </a:lnTo>
                    <a:lnTo>
                      <a:pt x="1842" y="1807"/>
                    </a:lnTo>
                    <a:lnTo>
                      <a:pt x="1843" y="1786"/>
                    </a:lnTo>
                    <a:lnTo>
                      <a:pt x="1845" y="1767"/>
                    </a:lnTo>
                    <a:lnTo>
                      <a:pt x="1848" y="1747"/>
                    </a:lnTo>
                    <a:lnTo>
                      <a:pt x="1855" y="1728"/>
                    </a:lnTo>
                    <a:lnTo>
                      <a:pt x="1860" y="1713"/>
                    </a:lnTo>
                    <a:lnTo>
                      <a:pt x="1864" y="1698"/>
                    </a:lnTo>
                    <a:lnTo>
                      <a:pt x="1867" y="1684"/>
                    </a:lnTo>
                    <a:lnTo>
                      <a:pt x="1869" y="1668"/>
                    </a:lnTo>
                    <a:lnTo>
                      <a:pt x="1872" y="1638"/>
                    </a:lnTo>
                    <a:lnTo>
                      <a:pt x="1872" y="1606"/>
                    </a:lnTo>
                    <a:lnTo>
                      <a:pt x="1870" y="1590"/>
                    </a:lnTo>
                    <a:lnTo>
                      <a:pt x="1869" y="1575"/>
                    </a:lnTo>
                    <a:lnTo>
                      <a:pt x="1867" y="1561"/>
                    </a:lnTo>
                    <a:lnTo>
                      <a:pt x="1863" y="1546"/>
                    </a:lnTo>
                    <a:lnTo>
                      <a:pt x="1857" y="1532"/>
                    </a:lnTo>
                    <a:lnTo>
                      <a:pt x="1851" y="1519"/>
                    </a:lnTo>
                    <a:lnTo>
                      <a:pt x="1845" y="1506"/>
                    </a:lnTo>
                    <a:lnTo>
                      <a:pt x="1838" y="1493"/>
                    </a:lnTo>
                    <a:lnTo>
                      <a:pt x="1821" y="1469"/>
                    </a:lnTo>
                    <a:lnTo>
                      <a:pt x="1803" y="1445"/>
                    </a:lnTo>
                    <a:lnTo>
                      <a:pt x="1782" y="1423"/>
                    </a:lnTo>
                    <a:lnTo>
                      <a:pt x="1763" y="1401"/>
                    </a:lnTo>
                    <a:lnTo>
                      <a:pt x="1727" y="1362"/>
                    </a:lnTo>
                    <a:lnTo>
                      <a:pt x="1718" y="1349"/>
                    </a:lnTo>
                    <a:lnTo>
                      <a:pt x="1710" y="1339"/>
                    </a:lnTo>
                    <a:lnTo>
                      <a:pt x="1702" y="1331"/>
                    </a:lnTo>
                    <a:lnTo>
                      <a:pt x="1694" y="1326"/>
                    </a:lnTo>
                    <a:lnTo>
                      <a:pt x="1688" y="1322"/>
                    </a:lnTo>
                    <a:lnTo>
                      <a:pt x="1681" y="1321"/>
                    </a:lnTo>
                    <a:lnTo>
                      <a:pt x="1675" y="1321"/>
                    </a:lnTo>
                    <a:lnTo>
                      <a:pt x="1667" y="1322"/>
                    </a:lnTo>
                    <a:lnTo>
                      <a:pt x="1653" y="1326"/>
                    </a:lnTo>
                    <a:lnTo>
                      <a:pt x="1636" y="1331"/>
                    </a:lnTo>
                    <a:lnTo>
                      <a:pt x="1627" y="1334"/>
                    </a:lnTo>
                    <a:lnTo>
                      <a:pt x="1616" y="1335"/>
                    </a:lnTo>
                    <a:lnTo>
                      <a:pt x="1605" y="1335"/>
                    </a:lnTo>
                    <a:lnTo>
                      <a:pt x="1593" y="1335"/>
                    </a:lnTo>
                    <a:lnTo>
                      <a:pt x="1587" y="1334"/>
                    </a:lnTo>
                    <a:lnTo>
                      <a:pt x="1578" y="1331"/>
                    </a:lnTo>
                    <a:lnTo>
                      <a:pt x="1567" y="1326"/>
                    </a:lnTo>
                    <a:lnTo>
                      <a:pt x="1556" y="1321"/>
                    </a:lnTo>
                    <a:lnTo>
                      <a:pt x="1531" y="1307"/>
                    </a:lnTo>
                    <a:lnTo>
                      <a:pt x="1504" y="1290"/>
                    </a:lnTo>
                    <a:lnTo>
                      <a:pt x="1479" y="1270"/>
                    </a:lnTo>
                    <a:lnTo>
                      <a:pt x="1457" y="1254"/>
                    </a:lnTo>
                    <a:lnTo>
                      <a:pt x="1449" y="1245"/>
                    </a:lnTo>
                    <a:lnTo>
                      <a:pt x="1443" y="1237"/>
                    </a:lnTo>
                    <a:lnTo>
                      <a:pt x="1439" y="1230"/>
                    </a:lnTo>
                    <a:lnTo>
                      <a:pt x="1438" y="1225"/>
                    </a:lnTo>
                    <a:lnTo>
                      <a:pt x="1445" y="1225"/>
                    </a:lnTo>
                    <a:lnTo>
                      <a:pt x="1453" y="1226"/>
                    </a:lnTo>
                    <a:lnTo>
                      <a:pt x="1464" y="1229"/>
                    </a:lnTo>
                    <a:lnTo>
                      <a:pt x="1474" y="1233"/>
                    </a:lnTo>
                    <a:lnTo>
                      <a:pt x="1496" y="1245"/>
                    </a:lnTo>
                    <a:lnTo>
                      <a:pt x="1519" y="1256"/>
                    </a:lnTo>
                    <a:lnTo>
                      <a:pt x="1531" y="1261"/>
                    </a:lnTo>
                    <a:lnTo>
                      <a:pt x="1541" y="1265"/>
                    </a:lnTo>
                    <a:lnTo>
                      <a:pt x="1552" y="1269"/>
                    </a:lnTo>
                    <a:lnTo>
                      <a:pt x="1562" y="1270"/>
                    </a:lnTo>
                    <a:lnTo>
                      <a:pt x="1567" y="1270"/>
                    </a:lnTo>
                    <a:lnTo>
                      <a:pt x="1571" y="1269"/>
                    </a:lnTo>
                    <a:lnTo>
                      <a:pt x="1575" y="1268"/>
                    </a:lnTo>
                    <a:lnTo>
                      <a:pt x="1579" y="1265"/>
                    </a:lnTo>
                    <a:lnTo>
                      <a:pt x="1583" y="1263"/>
                    </a:lnTo>
                    <a:lnTo>
                      <a:pt x="1587" y="1260"/>
                    </a:lnTo>
                    <a:lnTo>
                      <a:pt x="1589" y="1255"/>
                    </a:lnTo>
                    <a:lnTo>
                      <a:pt x="1592" y="1250"/>
                    </a:lnTo>
                    <a:lnTo>
                      <a:pt x="1594" y="1246"/>
                    </a:lnTo>
                    <a:lnTo>
                      <a:pt x="1597" y="1242"/>
                    </a:lnTo>
                    <a:lnTo>
                      <a:pt x="1601" y="1239"/>
                    </a:lnTo>
                    <a:lnTo>
                      <a:pt x="1605" y="1237"/>
                    </a:lnTo>
                    <a:lnTo>
                      <a:pt x="1615" y="1233"/>
                    </a:lnTo>
                    <a:lnTo>
                      <a:pt x="1628" y="1230"/>
                    </a:lnTo>
                    <a:lnTo>
                      <a:pt x="1655" y="1228"/>
                    </a:lnTo>
                    <a:lnTo>
                      <a:pt x="1685" y="1228"/>
                    </a:lnTo>
                    <a:lnTo>
                      <a:pt x="1712" y="1228"/>
                    </a:lnTo>
                    <a:lnTo>
                      <a:pt x="1733" y="1226"/>
                    </a:lnTo>
                    <a:lnTo>
                      <a:pt x="1740" y="1225"/>
                    </a:lnTo>
                    <a:lnTo>
                      <a:pt x="1745" y="1223"/>
                    </a:lnTo>
                    <a:lnTo>
                      <a:pt x="1745" y="1220"/>
                    </a:lnTo>
                    <a:lnTo>
                      <a:pt x="1745" y="1217"/>
                    </a:lnTo>
                    <a:lnTo>
                      <a:pt x="1743" y="1215"/>
                    </a:lnTo>
                    <a:lnTo>
                      <a:pt x="1742" y="1212"/>
                    </a:lnTo>
                    <a:lnTo>
                      <a:pt x="1723" y="1182"/>
                    </a:lnTo>
                    <a:lnTo>
                      <a:pt x="1714" y="1166"/>
                    </a:lnTo>
                    <a:lnTo>
                      <a:pt x="1711" y="1163"/>
                    </a:lnTo>
                    <a:lnTo>
                      <a:pt x="1708" y="1160"/>
                    </a:lnTo>
                    <a:lnTo>
                      <a:pt x="1705" y="1159"/>
                    </a:lnTo>
                    <a:lnTo>
                      <a:pt x="1698" y="1156"/>
                    </a:lnTo>
                    <a:lnTo>
                      <a:pt x="1683" y="1154"/>
                    </a:lnTo>
                    <a:lnTo>
                      <a:pt x="1658" y="1150"/>
                    </a:lnTo>
                    <a:lnTo>
                      <a:pt x="1637" y="1146"/>
                    </a:lnTo>
                    <a:lnTo>
                      <a:pt x="1624" y="1143"/>
                    </a:lnTo>
                    <a:lnTo>
                      <a:pt x="1615" y="1140"/>
                    </a:lnTo>
                    <a:lnTo>
                      <a:pt x="1611" y="1137"/>
                    </a:lnTo>
                    <a:lnTo>
                      <a:pt x="1610" y="1134"/>
                    </a:lnTo>
                    <a:lnTo>
                      <a:pt x="1610" y="1133"/>
                    </a:lnTo>
                    <a:lnTo>
                      <a:pt x="1611" y="1132"/>
                    </a:lnTo>
                    <a:lnTo>
                      <a:pt x="1614" y="1131"/>
                    </a:lnTo>
                    <a:lnTo>
                      <a:pt x="1620" y="1128"/>
                    </a:lnTo>
                    <a:lnTo>
                      <a:pt x="1628" y="1125"/>
                    </a:lnTo>
                    <a:lnTo>
                      <a:pt x="1650" y="1121"/>
                    </a:lnTo>
                    <a:lnTo>
                      <a:pt x="1675" y="1119"/>
                    </a:lnTo>
                    <a:lnTo>
                      <a:pt x="1686" y="1118"/>
                    </a:lnTo>
                    <a:lnTo>
                      <a:pt x="1697" y="1119"/>
                    </a:lnTo>
                    <a:lnTo>
                      <a:pt x="1706" y="1119"/>
                    </a:lnTo>
                    <a:lnTo>
                      <a:pt x="1712" y="1120"/>
                    </a:lnTo>
                    <a:lnTo>
                      <a:pt x="1718" y="1121"/>
                    </a:lnTo>
                    <a:lnTo>
                      <a:pt x="1723" y="1121"/>
                    </a:lnTo>
                    <a:lnTo>
                      <a:pt x="1729" y="1121"/>
                    </a:lnTo>
                    <a:lnTo>
                      <a:pt x="1736" y="1120"/>
                    </a:lnTo>
                    <a:lnTo>
                      <a:pt x="1749" y="1115"/>
                    </a:lnTo>
                    <a:lnTo>
                      <a:pt x="1764" y="1109"/>
                    </a:lnTo>
                    <a:lnTo>
                      <a:pt x="1780" y="1098"/>
                    </a:lnTo>
                    <a:lnTo>
                      <a:pt x="1797" y="1088"/>
                    </a:lnTo>
                    <a:lnTo>
                      <a:pt x="1813" y="1075"/>
                    </a:lnTo>
                    <a:lnTo>
                      <a:pt x="1830" y="1062"/>
                    </a:lnTo>
                    <a:lnTo>
                      <a:pt x="1865" y="1033"/>
                    </a:lnTo>
                    <a:lnTo>
                      <a:pt x="1895" y="1005"/>
                    </a:lnTo>
                    <a:lnTo>
                      <a:pt x="1922" y="982"/>
                    </a:lnTo>
                    <a:lnTo>
                      <a:pt x="1940" y="963"/>
                    </a:lnTo>
                    <a:lnTo>
                      <a:pt x="1953" y="949"/>
                    </a:lnTo>
                    <a:lnTo>
                      <a:pt x="1966" y="934"/>
                    </a:lnTo>
                    <a:lnTo>
                      <a:pt x="1977" y="917"/>
                    </a:lnTo>
                    <a:lnTo>
                      <a:pt x="1986" y="900"/>
                    </a:lnTo>
                    <a:lnTo>
                      <a:pt x="1996" y="883"/>
                    </a:lnTo>
                    <a:lnTo>
                      <a:pt x="2006" y="866"/>
                    </a:lnTo>
                    <a:lnTo>
                      <a:pt x="2018" y="851"/>
                    </a:lnTo>
                    <a:lnTo>
                      <a:pt x="2031" y="835"/>
                    </a:lnTo>
                    <a:lnTo>
                      <a:pt x="2039" y="829"/>
                    </a:lnTo>
                    <a:lnTo>
                      <a:pt x="2048" y="822"/>
                    </a:lnTo>
                    <a:lnTo>
                      <a:pt x="2056" y="817"/>
                    </a:lnTo>
                    <a:lnTo>
                      <a:pt x="2063" y="812"/>
                    </a:lnTo>
                    <a:lnTo>
                      <a:pt x="2080" y="803"/>
                    </a:lnTo>
                    <a:lnTo>
                      <a:pt x="2095" y="795"/>
                    </a:lnTo>
                    <a:lnTo>
                      <a:pt x="2101" y="790"/>
                    </a:lnTo>
                    <a:lnTo>
                      <a:pt x="2106" y="785"/>
                    </a:lnTo>
                    <a:lnTo>
                      <a:pt x="2110" y="778"/>
                    </a:lnTo>
                    <a:lnTo>
                      <a:pt x="2114" y="770"/>
                    </a:lnTo>
                    <a:lnTo>
                      <a:pt x="2117" y="763"/>
                    </a:lnTo>
                    <a:lnTo>
                      <a:pt x="2117" y="752"/>
                    </a:lnTo>
                    <a:lnTo>
                      <a:pt x="2117" y="741"/>
                    </a:lnTo>
                    <a:lnTo>
                      <a:pt x="2114" y="728"/>
                    </a:lnTo>
                    <a:lnTo>
                      <a:pt x="2111" y="716"/>
                    </a:lnTo>
                    <a:lnTo>
                      <a:pt x="2111" y="706"/>
                    </a:lnTo>
                    <a:lnTo>
                      <a:pt x="2114" y="698"/>
                    </a:lnTo>
                    <a:lnTo>
                      <a:pt x="2118" y="689"/>
                    </a:lnTo>
                    <a:lnTo>
                      <a:pt x="2120" y="681"/>
                    </a:lnTo>
                    <a:lnTo>
                      <a:pt x="2124" y="673"/>
                    </a:lnTo>
                    <a:lnTo>
                      <a:pt x="2127" y="664"/>
                    </a:lnTo>
                    <a:lnTo>
                      <a:pt x="2127" y="655"/>
                    </a:lnTo>
                    <a:lnTo>
                      <a:pt x="2127" y="653"/>
                    </a:lnTo>
                    <a:lnTo>
                      <a:pt x="2124" y="651"/>
                    </a:lnTo>
                    <a:lnTo>
                      <a:pt x="2120" y="650"/>
                    </a:lnTo>
                    <a:lnTo>
                      <a:pt x="2115" y="649"/>
                    </a:lnTo>
                    <a:lnTo>
                      <a:pt x="2102" y="646"/>
                    </a:lnTo>
                    <a:lnTo>
                      <a:pt x="2087" y="645"/>
                    </a:lnTo>
                    <a:lnTo>
                      <a:pt x="2071" y="643"/>
                    </a:lnTo>
                    <a:lnTo>
                      <a:pt x="2056" y="641"/>
                    </a:lnTo>
                    <a:lnTo>
                      <a:pt x="2043" y="640"/>
                    </a:lnTo>
                    <a:lnTo>
                      <a:pt x="2034" y="637"/>
                    </a:lnTo>
                    <a:lnTo>
                      <a:pt x="2016" y="632"/>
                    </a:lnTo>
                    <a:lnTo>
                      <a:pt x="2000" y="625"/>
                    </a:lnTo>
                    <a:lnTo>
                      <a:pt x="1986" y="619"/>
                    </a:lnTo>
                    <a:lnTo>
                      <a:pt x="1970" y="612"/>
                    </a:lnTo>
                    <a:lnTo>
                      <a:pt x="1955" y="606"/>
                    </a:lnTo>
                    <a:lnTo>
                      <a:pt x="1939" y="599"/>
                    </a:lnTo>
                    <a:lnTo>
                      <a:pt x="1922" y="596"/>
                    </a:lnTo>
                    <a:lnTo>
                      <a:pt x="1904" y="592"/>
                    </a:lnTo>
                    <a:lnTo>
                      <a:pt x="1890" y="589"/>
                    </a:lnTo>
                    <a:lnTo>
                      <a:pt x="1876" y="584"/>
                    </a:lnTo>
                    <a:lnTo>
                      <a:pt x="1863" y="579"/>
                    </a:lnTo>
                    <a:lnTo>
                      <a:pt x="1850" y="571"/>
                    </a:lnTo>
                    <a:lnTo>
                      <a:pt x="1837" y="564"/>
                    </a:lnTo>
                    <a:lnTo>
                      <a:pt x="1824" y="558"/>
                    </a:lnTo>
                    <a:lnTo>
                      <a:pt x="1810" y="553"/>
                    </a:lnTo>
                    <a:lnTo>
                      <a:pt x="1795" y="549"/>
                    </a:lnTo>
                    <a:lnTo>
                      <a:pt x="1778" y="546"/>
                    </a:lnTo>
                    <a:lnTo>
                      <a:pt x="1762" y="545"/>
                    </a:lnTo>
                    <a:lnTo>
                      <a:pt x="1745" y="546"/>
                    </a:lnTo>
                    <a:lnTo>
                      <a:pt x="1728" y="549"/>
                    </a:lnTo>
                    <a:lnTo>
                      <a:pt x="1693" y="555"/>
                    </a:lnTo>
                    <a:lnTo>
                      <a:pt x="1658" y="563"/>
                    </a:lnTo>
                    <a:lnTo>
                      <a:pt x="1623" y="572"/>
                    </a:lnTo>
                    <a:lnTo>
                      <a:pt x="1588" y="579"/>
                    </a:lnTo>
                    <a:lnTo>
                      <a:pt x="1571" y="580"/>
                    </a:lnTo>
                    <a:lnTo>
                      <a:pt x="1556" y="580"/>
                    </a:lnTo>
                    <a:lnTo>
                      <a:pt x="1539" y="579"/>
                    </a:lnTo>
                    <a:lnTo>
                      <a:pt x="1523" y="576"/>
                    </a:lnTo>
                    <a:lnTo>
                      <a:pt x="1523" y="572"/>
                    </a:lnTo>
                    <a:lnTo>
                      <a:pt x="1525" y="568"/>
                    </a:lnTo>
                    <a:lnTo>
                      <a:pt x="1526" y="564"/>
                    </a:lnTo>
                    <a:lnTo>
                      <a:pt x="1528" y="561"/>
                    </a:lnTo>
                    <a:lnTo>
                      <a:pt x="1535" y="554"/>
                    </a:lnTo>
                    <a:lnTo>
                      <a:pt x="1541" y="548"/>
                    </a:lnTo>
                    <a:lnTo>
                      <a:pt x="1557" y="539"/>
                    </a:lnTo>
                    <a:lnTo>
                      <a:pt x="1570" y="529"/>
                    </a:lnTo>
                    <a:lnTo>
                      <a:pt x="1576" y="520"/>
                    </a:lnTo>
                    <a:lnTo>
                      <a:pt x="1580" y="514"/>
                    </a:lnTo>
                    <a:lnTo>
                      <a:pt x="1582" y="507"/>
                    </a:lnTo>
                    <a:lnTo>
                      <a:pt x="1582" y="502"/>
                    </a:lnTo>
                    <a:lnTo>
                      <a:pt x="1583" y="497"/>
                    </a:lnTo>
                    <a:lnTo>
                      <a:pt x="1584" y="492"/>
                    </a:lnTo>
                    <a:lnTo>
                      <a:pt x="1588" y="487"/>
                    </a:lnTo>
                    <a:lnTo>
                      <a:pt x="1597" y="480"/>
                    </a:lnTo>
                    <a:lnTo>
                      <a:pt x="1604" y="476"/>
                    </a:lnTo>
                    <a:lnTo>
                      <a:pt x="1610" y="474"/>
                    </a:lnTo>
                    <a:lnTo>
                      <a:pt x="1615" y="472"/>
                    </a:lnTo>
                    <a:lnTo>
                      <a:pt x="1622" y="472"/>
                    </a:lnTo>
                    <a:lnTo>
                      <a:pt x="1633" y="474"/>
                    </a:lnTo>
                    <a:lnTo>
                      <a:pt x="1648" y="476"/>
                    </a:lnTo>
                    <a:lnTo>
                      <a:pt x="1657" y="478"/>
                    </a:lnTo>
                    <a:lnTo>
                      <a:pt x="1664" y="476"/>
                    </a:lnTo>
                    <a:lnTo>
                      <a:pt x="1673" y="475"/>
                    </a:lnTo>
                    <a:lnTo>
                      <a:pt x="1681" y="471"/>
                    </a:lnTo>
                    <a:lnTo>
                      <a:pt x="1688" y="466"/>
                    </a:lnTo>
                    <a:lnTo>
                      <a:pt x="1693" y="460"/>
                    </a:lnTo>
                    <a:lnTo>
                      <a:pt x="1696" y="452"/>
                    </a:lnTo>
                    <a:lnTo>
                      <a:pt x="1697" y="444"/>
                    </a:lnTo>
                    <a:lnTo>
                      <a:pt x="1676" y="445"/>
                    </a:lnTo>
                    <a:lnTo>
                      <a:pt x="1655" y="447"/>
                    </a:lnTo>
                    <a:lnTo>
                      <a:pt x="1645" y="445"/>
                    </a:lnTo>
                    <a:lnTo>
                      <a:pt x="1636" y="444"/>
                    </a:lnTo>
                    <a:lnTo>
                      <a:pt x="1627" y="440"/>
                    </a:lnTo>
                    <a:lnTo>
                      <a:pt x="1618" y="435"/>
                    </a:lnTo>
                    <a:lnTo>
                      <a:pt x="1606" y="426"/>
                    </a:lnTo>
                    <a:lnTo>
                      <a:pt x="1589" y="410"/>
                    </a:lnTo>
                    <a:lnTo>
                      <a:pt x="1582" y="403"/>
                    </a:lnTo>
                    <a:lnTo>
                      <a:pt x="1578" y="396"/>
                    </a:lnTo>
                    <a:lnTo>
                      <a:pt x="1576" y="393"/>
                    </a:lnTo>
                    <a:lnTo>
                      <a:pt x="1578" y="392"/>
                    </a:lnTo>
                    <a:lnTo>
                      <a:pt x="1579" y="392"/>
                    </a:lnTo>
                    <a:lnTo>
                      <a:pt x="1582" y="392"/>
                    </a:lnTo>
                    <a:lnTo>
                      <a:pt x="1593" y="395"/>
                    </a:lnTo>
                    <a:lnTo>
                      <a:pt x="1605" y="397"/>
                    </a:lnTo>
                    <a:lnTo>
                      <a:pt x="1616" y="400"/>
                    </a:lnTo>
                    <a:lnTo>
                      <a:pt x="1628" y="401"/>
                    </a:lnTo>
                    <a:lnTo>
                      <a:pt x="1636" y="401"/>
                    </a:lnTo>
                    <a:lnTo>
                      <a:pt x="1642" y="400"/>
                    </a:lnTo>
                    <a:lnTo>
                      <a:pt x="1649" y="397"/>
                    </a:lnTo>
                    <a:lnTo>
                      <a:pt x="1654" y="393"/>
                    </a:lnTo>
                    <a:lnTo>
                      <a:pt x="1664" y="386"/>
                    </a:lnTo>
                    <a:lnTo>
                      <a:pt x="1676" y="378"/>
                    </a:lnTo>
                    <a:lnTo>
                      <a:pt x="1692" y="375"/>
                    </a:lnTo>
                    <a:lnTo>
                      <a:pt x="1708" y="373"/>
                    </a:lnTo>
                    <a:lnTo>
                      <a:pt x="1720" y="368"/>
                    </a:lnTo>
                    <a:lnTo>
                      <a:pt x="1729" y="362"/>
                    </a:lnTo>
                    <a:lnTo>
                      <a:pt x="1737" y="357"/>
                    </a:lnTo>
                    <a:lnTo>
                      <a:pt x="1747" y="349"/>
                    </a:lnTo>
                    <a:lnTo>
                      <a:pt x="1782" y="327"/>
                    </a:lnTo>
                    <a:lnTo>
                      <a:pt x="1822" y="304"/>
                    </a:lnTo>
                    <a:lnTo>
                      <a:pt x="1845" y="294"/>
                    </a:lnTo>
                    <a:lnTo>
                      <a:pt x="1865" y="285"/>
                    </a:lnTo>
                    <a:lnTo>
                      <a:pt x="1886" y="277"/>
                    </a:lnTo>
                    <a:lnTo>
                      <a:pt x="1904" y="272"/>
                    </a:lnTo>
                    <a:lnTo>
                      <a:pt x="1925" y="268"/>
                    </a:lnTo>
                    <a:lnTo>
                      <a:pt x="1943" y="264"/>
                    </a:lnTo>
                    <a:lnTo>
                      <a:pt x="1951" y="261"/>
                    </a:lnTo>
                    <a:lnTo>
                      <a:pt x="1957" y="259"/>
                    </a:lnTo>
                    <a:lnTo>
                      <a:pt x="1964" y="256"/>
                    </a:lnTo>
                    <a:lnTo>
                      <a:pt x="1969" y="252"/>
                    </a:lnTo>
                    <a:lnTo>
                      <a:pt x="1974" y="247"/>
                    </a:lnTo>
                    <a:lnTo>
                      <a:pt x="1979" y="242"/>
                    </a:lnTo>
                    <a:lnTo>
                      <a:pt x="1983" y="237"/>
                    </a:lnTo>
                    <a:lnTo>
                      <a:pt x="1986" y="229"/>
                    </a:lnTo>
                    <a:lnTo>
                      <a:pt x="1988" y="221"/>
                    </a:lnTo>
                    <a:lnTo>
                      <a:pt x="1991" y="212"/>
                    </a:lnTo>
                    <a:lnTo>
                      <a:pt x="1992" y="202"/>
                    </a:lnTo>
                    <a:lnTo>
                      <a:pt x="1992" y="190"/>
                    </a:lnTo>
                    <a:lnTo>
                      <a:pt x="1993" y="181"/>
                    </a:lnTo>
                    <a:lnTo>
                      <a:pt x="1996" y="173"/>
                    </a:lnTo>
                    <a:lnTo>
                      <a:pt x="2000" y="164"/>
                    </a:lnTo>
                    <a:lnTo>
                      <a:pt x="2004" y="156"/>
                    </a:lnTo>
                    <a:lnTo>
                      <a:pt x="2006" y="149"/>
                    </a:lnTo>
                    <a:lnTo>
                      <a:pt x="2010" y="141"/>
                    </a:lnTo>
                    <a:lnTo>
                      <a:pt x="2013" y="132"/>
                    </a:lnTo>
                    <a:lnTo>
                      <a:pt x="2013" y="123"/>
                    </a:lnTo>
                    <a:lnTo>
                      <a:pt x="2001" y="124"/>
                    </a:lnTo>
                    <a:lnTo>
                      <a:pt x="1990" y="127"/>
                    </a:lnTo>
                    <a:lnTo>
                      <a:pt x="1979" y="130"/>
                    </a:lnTo>
                    <a:lnTo>
                      <a:pt x="1968" y="134"/>
                    </a:lnTo>
                    <a:lnTo>
                      <a:pt x="1955" y="140"/>
                    </a:lnTo>
                    <a:lnTo>
                      <a:pt x="1943" y="143"/>
                    </a:lnTo>
                    <a:lnTo>
                      <a:pt x="1931" y="145"/>
                    </a:lnTo>
                    <a:lnTo>
                      <a:pt x="1920" y="146"/>
                    </a:lnTo>
                    <a:lnTo>
                      <a:pt x="1908" y="145"/>
                    </a:lnTo>
                    <a:lnTo>
                      <a:pt x="1898" y="141"/>
                    </a:lnTo>
                    <a:lnTo>
                      <a:pt x="1890" y="136"/>
                    </a:lnTo>
                    <a:lnTo>
                      <a:pt x="1882" y="132"/>
                    </a:lnTo>
                    <a:lnTo>
                      <a:pt x="1873" y="128"/>
                    </a:lnTo>
                    <a:lnTo>
                      <a:pt x="1864" y="127"/>
                    </a:lnTo>
                    <a:lnTo>
                      <a:pt x="1857" y="127"/>
                    </a:lnTo>
                    <a:lnTo>
                      <a:pt x="1852" y="127"/>
                    </a:lnTo>
                    <a:lnTo>
                      <a:pt x="1845" y="128"/>
                    </a:lnTo>
                    <a:lnTo>
                      <a:pt x="1837" y="130"/>
                    </a:lnTo>
                    <a:lnTo>
                      <a:pt x="1832" y="132"/>
                    </a:lnTo>
                    <a:lnTo>
                      <a:pt x="1825" y="130"/>
                    </a:lnTo>
                    <a:lnTo>
                      <a:pt x="1817" y="128"/>
                    </a:lnTo>
                    <a:lnTo>
                      <a:pt x="1810" y="125"/>
                    </a:lnTo>
                    <a:lnTo>
                      <a:pt x="1794" y="118"/>
                    </a:lnTo>
                    <a:lnTo>
                      <a:pt x="1782" y="112"/>
                    </a:lnTo>
                    <a:lnTo>
                      <a:pt x="1772" y="111"/>
                    </a:lnTo>
                    <a:lnTo>
                      <a:pt x="1760" y="111"/>
                    </a:lnTo>
                    <a:lnTo>
                      <a:pt x="1749" y="112"/>
                    </a:lnTo>
                    <a:lnTo>
                      <a:pt x="1738" y="115"/>
                    </a:lnTo>
                    <a:lnTo>
                      <a:pt x="1727" y="115"/>
                    </a:lnTo>
                    <a:lnTo>
                      <a:pt x="1718" y="114"/>
                    </a:lnTo>
                    <a:lnTo>
                      <a:pt x="1712" y="112"/>
                    </a:lnTo>
                    <a:lnTo>
                      <a:pt x="1708" y="110"/>
                    </a:lnTo>
                    <a:lnTo>
                      <a:pt x="1705" y="106"/>
                    </a:lnTo>
                    <a:lnTo>
                      <a:pt x="1701" y="101"/>
                    </a:lnTo>
                    <a:lnTo>
                      <a:pt x="1693" y="90"/>
                    </a:lnTo>
                    <a:lnTo>
                      <a:pt x="1686" y="83"/>
                    </a:lnTo>
                    <a:lnTo>
                      <a:pt x="1679" y="77"/>
                    </a:lnTo>
                    <a:lnTo>
                      <a:pt x="1672" y="75"/>
                    </a:lnTo>
                    <a:lnTo>
                      <a:pt x="1664" y="73"/>
                    </a:lnTo>
                    <a:lnTo>
                      <a:pt x="1658" y="75"/>
                    </a:lnTo>
                    <a:lnTo>
                      <a:pt x="1650" y="76"/>
                    </a:lnTo>
                    <a:lnTo>
                      <a:pt x="1644" y="79"/>
                    </a:lnTo>
                    <a:lnTo>
                      <a:pt x="1631" y="85"/>
                    </a:lnTo>
                    <a:lnTo>
                      <a:pt x="1619" y="92"/>
                    </a:lnTo>
                    <a:lnTo>
                      <a:pt x="1614" y="94"/>
                    </a:lnTo>
                    <a:lnTo>
                      <a:pt x="1610" y="95"/>
                    </a:lnTo>
                    <a:lnTo>
                      <a:pt x="1606" y="95"/>
                    </a:lnTo>
                    <a:lnTo>
                      <a:pt x="1602" y="94"/>
                    </a:lnTo>
                    <a:lnTo>
                      <a:pt x="1596" y="86"/>
                    </a:lnTo>
                    <a:lnTo>
                      <a:pt x="1591" y="79"/>
                    </a:lnTo>
                    <a:lnTo>
                      <a:pt x="1587" y="70"/>
                    </a:lnTo>
                    <a:lnTo>
                      <a:pt x="1583" y="61"/>
                    </a:lnTo>
                    <a:lnTo>
                      <a:pt x="1578" y="41"/>
                    </a:lnTo>
                    <a:lnTo>
                      <a:pt x="1572" y="23"/>
                    </a:lnTo>
                    <a:lnTo>
                      <a:pt x="1570" y="15"/>
                    </a:lnTo>
                    <a:lnTo>
                      <a:pt x="1567" y="10"/>
                    </a:lnTo>
                    <a:lnTo>
                      <a:pt x="1565" y="6"/>
                    </a:lnTo>
                    <a:lnTo>
                      <a:pt x="1562" y="4"/>
                    </a:lnTo>
                    <a:lnTo>
                      <a:pt x="1559" y="1"/>
                    </a:lnTo>
                    <a:lnTo>
                      <a:pt x="1557" y="0"/>
                    </a:lnTo>
                    <a:lnTo>
                      <a:pt x="1554" y="0"/>
                    </a:lnTo>
                    <a:lnTo>
                      <a:pt x="1550" y="1"/>
                    </a:lnTo>
                    <a:lnTo>
                      <a:pt x="1545" y="5"/>
                    </a:lnTo>
                    <a:lnTo>
                      <a:pt x="1539" y="13"/>
                    </a:lnTo>
                    <a:lnTo>
                      <a:pt x="1532" y="22"/>
                    </a:lnTo>
                    <a:lnTo>
                      <a:pt x="1526" y="33"/>
                    </a:lnTo>
                    <a:lnTo>
                      <a:pt x="1514" y="58"/>
                    </a:lnTo>
                    <a:lnTo>
                      <a:pt x="1501" y="83"/>
                    </a:lnTo>
                    <a:lnTo>
                      <a:pt x="1496" y="94"/>
                    </a:lnTo>
                    <a:lnTo>
                      <a:pt x="1490" y="103"/>
                    </a:lnTo>
                    <a:lnTo>
                      <a:pt x="1484" y="111"/>
                    </a:lnTo>
                    <a:lnTo>
                      <a:pt x="1479" y="115"/>
                    </a:lnTo>
                    <a:lnTo>
                      <a:pt x="1470" y="133"/>
                    </a:lnTo>
                    <a:lnTo>
                      <a:pt x="1460" y="154"/>
                    </a:lnTo>
                    <a:lnTo>
                      <a:pt x="1457" y="158"/>
                    </a:lnTo>
                    <a:lnTo>
                      <a:pt x="1453" y="162"/>
                    </a:lnTo>
                    <a:lnTo>
                      <a:pt x="1451" y="164"/>
                    </a:lnTo>
                    <a:lnTo>
                      <a:pt x="1447" y="165"/>
                    </a:lnTo>
                    <a:lnTo>
                      <a:pt x="1443" y="167"/>
                    </a:lnTo>
                    <a:lnTo>
                      <a:pt x="1439" y="165"/>
                    </a:lnTo>
                    <a:lnTo>
                      <a:pt x="1434" y="164"/>
                    </a:lnTo>
                    <a:lnTo>
                      <a:pt x="1429" y="160"/>
                    </a:lnTo>
                    <a:lnTo>
                      <a:pt x="1425" y="156"/>
                    </a:lnTo>
                    <a:lnTo>
                      <a:pt x="1421" y="155"/>
                    </a:lnTo>
                    <a:lnTo>
                      <a:pt x="1418" y="155"/>
                    </a:lnTo>
                    <a:lnTo>
                      <a:pt x="1416" y="155"/>
                    </a:lnTo>
                    <a:lnTo>
                      <a:pt x="1413" y="156"/>
                    </a:lnTo>
                    <a:lnTo>
                      <a:pt x="1411" y="159"/>
                    </a:lnTo>
                    <a:lnTo>
                      <a:pt x="1409" y="162"/>
                    </a:lnTo>
                    <a:lnTo>
                      <a:pt x="1408" y="164"/>
                    </a:lnTo>
                    <a:lnTo>
                      <a:pt x="1407" y="180"/>
                    </a:lnTo>
                    <a:lnTo>
                      <a:pt x="1407" y="193"/>
                    </a:lnTo>
                    <a:lnTo>
                      <a:pt x="1408" y="206"/>
                    </a:lnTo>
                    <a:lnTo>
                      <a:pt x="1407" y="215"/>
                    </a:lnTo>
                    <a:lnTo>
                      <a:pt x="1404" y="221"/>
                    </a:lnTo>
                    <a:lnTo>
                      <a:pt x="1401" y="225"/>
                    </a:lnTo>
                    <a:lnTo>
                      <a:pt x="1396" y="226"/>
                    </a:lnTo>
                    <a:lnTo>
                      <a:pt x="1391" y="226"/>
                    </a:lnTo>
                    <a:lnTo>
                      <a:pt x="1386" y="226"/>
                    </a:lnTo>
                    <a:lnTo>
                      <a:pt x="1381" y="224"/>
                    </a:lnTo>
                    <a:lnTo>
                      <a:pt x="1376" y="222"/>
                    </a:lnTo>
                    <a:lnTo>
                      <a:pt x="1370" y="221"/>
                    </a:lnTo>
                    <a:lnTo>
                      <a:pt x="1366" y="221"/>
                    </a:lnTo>
                    <a:lnTo>
                      <a:pt x="1364" y="222"/>
                    </a:lnTo>
                    <a:lnTo>
                      <a:pt x="1363" y="225"/>
                    </a:lnTo>
                    <a:lnTo>
                      <a:pt x="1364" y="232"/>
                    </a:lnTo>
                    <a:lnTo>
                      <a:pt x="1365" y="239"/>
                    </a:lnTo>
                    <a:lnTo>
                      <a:pt x="1370" y="251"/>
                    </a:lnTo>
                    <a:lnTo>
                      <a:pt x="1378" y="265"/>
                    </a:lnTo>
                    <a:lnTo>
                      <a:pt x="1387" y="283"/>
                    </a:lnTo>
                    <a:lnTo>
                      <a:pt x="1391" y="291"/>
                    </a:lnTo>
                    <a:lnTo>
                      <a:pt x="1395" y="300"/>
                    </a:lnTo>
                    <a:lnTo>
                      <a:pt x="1396" y="308"/>
                    </a:lnTo>
                    <a:lnTo>
                      <a:pt x="1396" y="314"/>
                    </a:lnTo>
                    <a:lnTo>
                      <a:pt x="1392" y="323"/>
                    </a:lnTo>
                    <a:lnTo>
                      <a:pt x="1388" y="330"/>
                    </a:lnTo>
                    <a:lnTo>
                      <a:pt x="1383" y="334"/>
                    </a:lnTo>
                    <a:lnTo>
                      <a:pt x="1377" y="335"/>
                    </a:lnTo>
                    <a:lnTo>
                      <a:pt x="1370" y="335"/>
                    </a:lnTo>
                    <a:lnTo>
                      <a:pt x="1364" y="333"/>
                    </a:lnTo>
                    <a:lnTo>
                      <a:pt x="1356" y="330"/>
                    </a:lnTo>
                    <a:lnTo>
                      <a:pt x="1350" y="325"/>
                    </a:lnTo>
                    <a:lnTo>
                      <a:pt x="1322" y="304"/>
                    </a:lnTo>
                    <a:lnTo>
                      <a:pt x="1307" y="291"/>
                    </a:lnTo>
                    <a:lnTo>
                      <a:pt x="1303" y="290"/>
                    </a:lnTo>
                    <a:lnTo>
                      <a:pt x="1300" y="290"/>
                    </a:lnTo>
                    <a:lnTo>
                      <a:pt x="1298" y="291"/>
                    </a:lnTo>
                    <a:lnTo>
                      <a:pt x="1297" y="294"/>
                    </a:lnTo>
                    <a:lnTo>
                      <a:pt x="1294" y="299"/>
                    </a:lnTo>
                    <a:lnTo>
                      <a:pt x="1293" y="307"/>
                    </a:lnTo>
                    <a:lnTo>
                      <a:pt x="1293" y="323"/>
                    </a:lnTo>
                    <a:lnTo>
                      <a:pt x="1293" y="336"/>
                    </a:lnTo>
                    <a:lnTo>
                      <a:pt x="1294" y="353"/>
                    </a:lnTo>
                    <a:lnTo>
                      <a:pt x="1293" y="366"/>
                    </a:lnTo>
                    <a:lnTo>
                      <a:pt x="1291" y="375"/>
                    </a:lnTo>
                    <a:lnTo>
                      <a:pt x="1289" y="379"/>
                    </a:lnTo>
                    <a:lnTo>
                      <a:pt x="1287" y="380"/>
                    </a:lnTo>
                    <a:lnTo>
                      <a:pt x="1285" y="380"/>
                    </a:lnTo>
                    <a:lnTo>
                      <a:pt x="1284" y="380"/>
                    </a:lnTo>
                    <a:lnTo>
                      <a:pt x="1281" y="379"/>
                    </a:lnTo>
                    <a:lnTo>
                      <a:pt x="1277" y="375"/>
                    </a:lnTo>
                    <a:lnTo>
                      <a:pt x="1272" y="369"/>
                    </a:lnTo>
                    <a:lnTo>
                      <a:pt x="1262" y="352"/>
                    </a:lnTo>
                    <a:lnTo>
                      <a:pt x="1252" y="333"/>
                    </a:lnTo>
                    <a:lnTo>
                      <a:pt x="1245" y="313"/>
                    </a:lnTo>
                    <a:lnTo>
                      <a:pt x="1241" y="298"/>
                    </a:lnTo>
                    <a:lnTo>
                      <a:pt x="1236" y="301"/>
                    </a:lnTo>
                    <a:lnTo>
                      <a:pt x="1233" y="307"/>
                    </a:lnTo>
                    <a:lnTo>
                      <a:pt x="1230" y="312"/>
                    </a:lnTo>
                    <a:lnTo>
                      <a:pt x="1229" y="318"/>
                    </a:lnTo>
                    <a:lnTo>
                      <a:pt x="1229" y="330"/>
                    </a:lnTo>
                    <a:lnTo>
                      <a:pt x="1230" y="342"/>
                    </a:lnTo>
                    <a:lnTo>
                      <a:pt x="1230" y="349"/>
                    </a:lnTo>
                    <a:lnTo>
                      <a:pt x="1230" y="356"/>
                    </a:lnTo>
                    <a:lnTo>
                      <a:pt x="1229" y="361"/>
                    </a:lnTo>
                    <a:lnTo>
                      <a:pt x="1227" y="366"/>
                    </a:lnTo>
                    <a:lnTo>
                      <a:pt x="1223" y="374"/>
                    </a:lnTo>
                    <a:lnTo>
                      <a:pt x="1219" y="387"/>
                    </a:lnTo>
                    <a:lnTo>
                      <a:pt x="1220" y="393"/>
                    </a:lnTo>
                    <a:lnTo>
                      <a:pt x="1225" y="404"/>
                    </a:lnTo>
                    <a:lnTo>
                      <a:pt x="1232" y="417"/>
                    </a:lnTo>
                    <a:lnTo>
                      <a:pt x="1238" y="430"/>
                    </a:lnTo>
                    <a:lnTo>
                      <a:pt x="1241" y="435"/>
                    </a:lnTo>
                    <a:lnTo>
                      <a:pt x="1242" y="440"/>
                    </a:lnTo>
                    <a:lnTo>
                      <a:pt x="1243" y="445"/>
                    </a:lnTo>
                    <a:lnTo>
                      <a:pt x="1242" y="448"/>
                    </a:lnTo>
                    <a:lnTo>
                      <a:pt x="1241" y="450"/>
                    </a:lnTo>
                    <a:lnTo>
                      <a:pt x="1237" y="450"/>
                    </a:lnTo>
                    <a:lnTo>
                      <a:pt x="1232" y="449"/>
                    </a:lnTo>
                    <a:lnTo>
                      <a:pt x="1224" y="447"/>
                    </a:lnTo>
                    <a:lnTo>
                      <a:pt x="1210" y="437"/>
                    </a:lnTo>
                    <a:lnTo>
                      <a:pt x="1194" y="430"/>
                    </a:lnTo>
                    <a:lnTo>
                      <a:pt x="1186" y="428"/>
                    </a:lnTo>
                    <a:lnTo>
                      <a:pt x="1181" y="430"/>
                    </a:lnTo>
                    <a:lnTo>
                      <a:pt x="1179" y="431"/>
                    </a:lnTo>
                    <a:lnTo>
                      <a:pt x="1177" y="434"/>
                    </a:lnTo>
                    <a:lnTo>
                      <a:pt x="1176" y="437"/>
                    </a:lnTo>
                    <a:lnTo>
                      <a:pt x="1176" y="443"/>
                    </a:lnTo>
                    <a:lnTo>
                      <a:pt x="1177" y="456"/>
                    </a:lnTo>
                    <a:lnTo>
                      <a:pt x="1177" y="469"/>
                    </a:lnTo>
                    <a:lnTo>
                      <a:pt x="1179" y="479"/>
                    </a:lnTo>
                    <a:lnTo>
                      <a:pt x="1181" y="487"/>
                    </a:lnTo>
                    <a:lnTo>
                      <a:pt x="1183" y="491"/>
                    </a:lnTo>
                    <a:lnTo>
                      <a:pt x="1185" y="493"/>
                    </a:lnTo>
                    <a:lnTo>
                      <a:pt x="1188" y="496"/>
                    </a:lnTo>
                    <a:lnTo>
                      <a:pt x="1192" y="497"/>
                    </a:lnTo>
                    <a:lnTo>
                      <a:pt x="1195" y="497"/>
                    </a:lnTo>
                    <a:lnTo>
                      <a:pt x="1202" y="497"/>
                    </a:lnTo>
                    <a:lnTo>
                      <a:pt x="1208" y="496"/>
                    </a:lnTo>
                    <a:lnTo>
                      <a:pt x="1215" y="493"/>
                    </a:lnTo>
                    <a:lnTo>
                      <a:pt x="1217" y="493"/>
                    </a:lnTo>
                    <a:lnTo>
                      <a:pt x="1217" y="497"/>
                    </a:lnTo>
                    <a:lnTo>
                      <a:pt x="1217" y="501"/>
                    </a:lnTo>
                    <a:lnTo>
                      <a:pt x="1216" y="507"/>
                    </a:lnTo>
                    <a:lnTo>
                      <a:pt x="1215" y="520"/>
                    </a:lnTo>
                    <a:lnTo>
                      <a:pt x="1215" y="531"/>
                    </a:lnTo>
                    <a:lnTo>
                      <a:pt x="1216" y="537"/>
                    </a:lnTo>
                    <a:lnTo>
                      <a:pt x="1216" y="545"/>
                    </a:lnTo>
                    <a:lnTo>
                      <a:pt x="1216" y="553"/>
                    </a:lnTo>
                    <a:lnTo>
                      <a:pt x="1215" y="561"/>
                    </a:lnTo>
                    <a:lnTo>
                      <a:pt x="1212" y="567"/>
                    </a:lnTo>
                    <a:lnTo>
                      <a:pt x="1210" y="575"/>
                    </a:lnTo>
                    <a:lnTo>
                      <a:pt x="1207" y="580"/>
                    </a:lnTo>
                    <a:lnTo>
                      <a:pt x="1203" y="585"/>
                    </a:lnTo>
                    <a:lnTo>
                      <a:pt x="1195" y="590"/>
                    </a:lnTo>
                    <a:lnTo>
                      <a:pt x="1189" y="594"/>
                    </a:lnTo>
                    <a:lnTo>
                      <a:pt x="1181" y="596"/>
                    </a:lnTo>
                    <a:lnTo>
                      <a:pt x="1175" y="598"/>
                    </a:lnTo>
                    <a:lnTo>
                      <a:pt x="1172" y="599"/>
                    </a:lnTo>
                    <a:lnTo>
                      <a:pt x="1171" y="601"/>
                    </a:lnTo>
                    <a:lnTo>
                      <a:pt x="1170" y="603"/>
                    </a:lnTo>
                    <a:lnTo>
                      <a:pt x="1168" y="606"/>
                    </a:lnTo>
                    <a:lnTo>
                      <a:pt x="1170" y="612"/>
                    </a:lnTo>
                    <a:lnTo>
                      <a:pt x="1175" y="623"/>
                    </a:lnTo>
                    <a:lnTo>
                      <a:pt x="1179" y="631"/>
                    </a:lnTo>
                    <a:lnTo>
                      <a:pt x="1181" y="636"/>
                    </a:lnTo>
                    <a:lnTo>
                      <a:pt x="1181" y="640"/>
                    </a:lnTo>
                    <a:lnTo>
                      <a:pt x="1180" y="643"/>
                    </a:lnTo>
                    <a:lnTo>
                      <a:pt x="1179" y="646"/>
                    </a:lnTo>
                    <a:lnTo>
                      <a:pt x="1176" y="646"/>
                    </a:lnTo>
                    <a:lnTo>
                      <a:pt x="1172" y="646"/>
                    </a:lnTo>
                    <a:lnTo>
                      <a:pt x="1167" y="646"/>
                    </a:lnTo>
                    <a:lnTo>
                      <a:pt x="1158" y="643"/>
                    </a:lnTo>
                    <a:lnTo>
                      <a:pt x="1149" y="640"/>
                    </a:lnTo>
                    <a:lnTo>
                      <a:pt x="1142" y="636"/>
                    </a:lnTo>
                    <a:lnTo>
                      <a:pt x="1140" y="633"/>
                    </a:lnTo>
                    <a:lnTo>
                      <a:pt x="1135" y="638"/>
                    </a:lnTo>
                    <a:lnTo>
                      <a:pt x="1132" y="646"/>
                    </a:lnTo>
                    <a:lnTo>
                      <a:pt x="1129" y="655"/>
                    </a:lnTo>
                    <a:lnTo>
                      <a:pt x="1128" y="664"/>
                    </a:lnTo>
                    <a:lnTo>
                      <a:pt x="1127" y="672"/>
                    </a:lnTo>
                    <a:lnTo>
                      <a:pt x="1124" y="680"/>
                    </a:lnTo>
                    <a:lnTo>
                      <a:pt x="1123" y="684"/>
                    </a:lnTo>
                    <a:lnTo>
                      <a:pt x="1122" y="685"/>
                    </a:lnTo>
                    <a:lnTo>
                      <a:pt x="1105" y="677"/>
                    </a:lnTo>
                    <a:lnTo>
                      <a:pt x="1097" y="675"/>
                    </a:lnTo>
                    <a:lnTo>
                      <a:pt x="1096" y="676"/>
                    </a:lnTo>
                    <a:lnTo>
                      <a:pt x="1096" y="680"/>
                    </a:lnTo>
                    <a:lnTo>
                      <a:pt x="1097" y="686"/>
                    </a:lnTo>
                    <a:lnTo>
                      <a:pt x="1098" y="695"/>
                    </a:lnTo>
                    <a:lnTo>
                      <a:pt x="1100" y="704"/>
                    </a:lnTo>
                    <a:lnTo>
                      <a:pt x="1098" y="712"/>
                    </a:lnTo>
                    <a:lnTo>
                      <a:pt x="1096" y="717"/>
                    </a:lnTo>
                    <a:lnTo>
                      <a:pt x="1092" y="722"/>
                    </a:lnTo>
                    <a:lnTo>
                      <a:pt x="1085" y="724"/>
                    </a:lnTo>
                    <a:lnTo>
                      <a:pt x="1078" y="726"/>
                    </a:lnTo>
                    <a:lnTo>
                      <a:pt x="1070" y="726"/>
                    </a:lnTo>
                    <a:lnTo>
                      <a:pt x="1061" y="725"/>
                    </a:lnTo>
                    <a:lnTo>
                      <a:pt x="1041" y="724"/>
                    </a:lnTo>
                    <a:lnTo>
                      <a:pt x="1022" y="720"/>
                    </a:lnTo>
                    <a:lnTo>
                      <a:pt x="1013" y="720"/>
                    </a:lnTo>
                    <a:lnTo>
                      <a:pt x="1004" y="719"/>
                    </a:lnTo>
                    <a:lnTo>
                      <a:pt x="995" y="719"/>
                    </a:lnTo>
                    <a:lnTo>
                      <a:pt x="987" y="720"/>
                    </a:lnTo>
                    <a:lnTo>
                      <a:pt x="988" y="722"/>
                    </a:lnTo>
                    <a:lnTo>
                      <a:pt x="989" y="725"/>
                    </a:lnTo>
                    <a:lnTo>
                      <a:pt x="993" y="729"/>
                    </a:lnTo>
                    <a:lnTo>
                      <a:pt x="999" y="733"/>
                    </a:lnTo>
                    <a:lnTo>
                      <a:pt x="1010" y="741"/>
                    </a:lnTo>
                    <a:lnTo>
                      <a:pt x="1024" y="750"/>
                    </a:lnTo>
                    <a:lnTo>
                      <a:pt x="1053" y="765"/>
                    </a:lnTo>
                    <a:lnTo>
                      <a:pt x="1074" y="773"/>
                    </a:lnTo>
                    <a:lnTo>
                      <a:pt x="1063" y="778"/>
                    </a:lnTo>
                    <a:lnTo>
                      <a:pt x="1044" y="789"/>
                    </a:lnTo>
                    <a:lnTo>
                      <a:pt x="1035" y="795"/>
                    </a:lnTo>
                    <a:lnTo>
                      <a:pt x="1028" y="803"/>
                    </a:lnTo>
                    <a:lnTo>
                      <a:pt x="1027" y="807"/>
                    </a:lnTo>
                    <a:lnTo>
                      <a:pt x="1027" y="811"/>
                    </a:lnTo>
                    <a:lnTo>
                      <a:pt x="1028" y="813"/>
                    </a:lnTo>
                    <a:lnTo>
                      <a:pt x="1032" y="817"/>
                    </a:lnTo>
                    <a:lnTo>
                      <a:pt x="1049" y="831"/>
                    </a:lnTo>
                    <a:lnTo>
                      <a:pt x="1062" y="840"/>
                    </a:lnTo>
                    <a:lnTo>
                      <a:pt x="1070" y="843"/>
                    </a:lnTo>
                    <a:lnTo>
                      <a:pt x="1078" y="842"/>
                    </a:lnTo>
                    <a:lnTo>
                      <a:pt x="1088" y="839"/>
                    </a:lnTo>
                    <a:lnTo>
                      <a:pt x="1101" y="835"/>
                    </a:lnTo>
                    <a:lnTo>
                      <a:pt x="1129" y="824"/>
                    </a:lnTo>
                    <a:lnTo>
                      <a:pt x="1157" y="811"/>
                    </a:lnTo>
                    <a:lnTo>
                      <a:pt x="1170" y="803"/>
                    </a:lnTo>
                    <a:lnTo>
                      <a:pt x="1183" y="795"/>
                    </a:lnTo>
                    <a:lnTo>
                      <a:pt x="1193" y="785"/>
                    </a:lnTo>
                    <a:lnTo>
                      <a:pt x="1203" y="773"/>
                    </a:lnTo>
                    <a:lnTo>
                      <a:pt x="1210" y="769"/>
                    </a:lnTo>
                    <a:lnTo>
                      <a:pt x="1219" y="763"/>
                    </a:lnTo>
                    <a:lnTo>
                      <a:pt x="1229" y="757"/>
                    </a:lnTo>
                    <a:lnTo>
                      <a:pt x="1236" y="757"/>
                    </a:lnTo>
                    <a:lnTo>
                      <a:pt x="1236" y="759"/>
                    </a:lnTo>
                    <a:lnTo>
                      <a:pt x="1236" y="763"/>
                    </a:lnTo>
                    <a:lnTo>
                      <a:pt x="1233" y="767"/>
                    </a:lnTo>
                    <a:lnTo>
                      <a:pt x="1230" y="772"/>
                    </a:lnTo>
                    <a:lnTo>
                      <a:pt x="1224" y="781"/>
                    </a:lnTo>
                    <a:lnTo>
                      <a:pt x="1220" y="787"/>
                    </a:lnTo>
                    <a:lnTo>
                      <a:pt x="1210" y="804"/>
                    </a:lnTo>
                    <a:lnTo>
                      <a:pt x="1197" y="824"/>
                    </a:lnTo>
                    <a:lnTo>
                      <a:pt x="1190" y="831"/>
                    </a:lnTo>
                    <a:lnTo>
                      <a:pt x="1184" y="840"/>
                    </a:lnTo>
                    <a:lnTo>
                      <a:pt x="1176" y="847"/>
                    </a:lnTo>
                    <a:lnTo>
                      <a:pt x="1167" y="851"/>
                    </a:lnTo>
                    <a:lnTo>
                      <a:pt x="1140" y="865"/>
                    </a:lnTo>
                    <a:lnTo>
                      <a:pt x="1102" y="887"/>
                    </a:lnTo>
                    <a:lnTo>
                      <a:pt x="1083" y="899"/>
                    </a:lnTo>
                    <a:lnTo>
                      <a:pt x="1067" y="912"/>
                    </a:lnTo>
                    <a:lnTo>
                      <a:pt x="1059" y="917"/>
                    </a:lnTo>
                    <a:lnTo>
                      <a:pt x="1054" y="923"/>
                    </a:lnTo>
                    <a:lnTo>
                      <a:pt x="1049" y="928"/>
                    </a:lnTo>
                    <a:lnTo>
                      <a:pt x="1046" y="934"/>
                    </a:lnTo>
                    <a:lnTo>
                      <a:pt x="1041" y="945"/>
                    </a:lnTo>
                    <a:lnTo>
                      <a:pt x="1036" y="956"/>
                    </a:lnTo>
                    <a:lnTo>
                      <a:pt x="1032" y="966"/>
                    </a:lnTo>
                    <a:lnTo>
                      <a:pt x="1028" y="979"/>
                    </a:lnTo>
                    <a:lnTo>
                      <a:pt x="1027" y="984"/>
                    </a:lnTo>
                    <a:lnTo>
                      <a:pt x="1027" y="991"/>
                    </a:lnTo>
                    <a:lnTo>
                      <a:pt x="1028" y="995"/>
                    </a:lnTo>
                    <a:lnTo>
                      <a:pt x="1030" y="1000"/>
                    </a:lnTo>
                    <a:lnTo>
                      <a:pt x="1034" y="1009"/>
                    </a:lnTo>
                    <a:lnTo>
                      <a:pt x="1035" y="1018"/>
                    </a:lnTo>
                    <a:lnTo>
                      <a:pt x="1032" y="1040"/>
                    </a:lnTo>
                    <a:lnTo>
                      <a:pt x="1028" y="1061"/>
                    </a:lnTo>
                    <a:lnTo>
                      <a:pt x="1030" y="1064"/>
                    </a:lnTo>
                    <a:lnTo>
                      <a:pt x="1031" y="1067"/>
                    </a:lnTo>
                    <a:lnTo>
                      <a:pt x="1032" y="1070"/>
                    </a:lnTo>
                    <a:lnTo>
                      <a:pt x="1036" y="1071"/>
                    </a:lnTo>
                    <a:lnTo>
                      <a:pt x="1040" y="1071"/>
                    </a:lnTo>
                    <a:lnTo>
                      <a:pt x="1046" y="1071"/>
                    </a:lnTo>
                    <a:lnTo>
                      <a:pt x="1054" y="1068"/>
                    </a:lnTo>
                    <a:lnTo>
                      <a:pt x="1063" y="1066"/>
                    </a:lnTo>
                    <a:lnTo>
                      <a:pt x="1093" y="1048"/>
                    </a:lnTo>
                    <a:lnTo>
                      <a:pt x="1131" y="1026"/>
                    </a:lnTo>
                    <a:lnTo>
                      <a:pt x="1138" y="1022"/>
                    </a:lnTo>
                    <a:lnTo>
                      <a:pt x="1146" y="1019"/>
                    </a:lnTo>
                    <a:lnTo>
                      <a:pt x="1154" y="1018"/>
                    </a:lnTo>
                    <a:lnTo>
                      <a:pt x="1159" y="1018"/>
                    </a:lnTo>
                    <a:lnTo>
                      <a:pt x="1162" y="1019"/>
                    </a:lnTo>
                    <a:lnTo>
                      <a:pt x="1164" y="1020"/>
                    </a:lnTo>
                    <a:lnTo>
                      <a:pt x="1166" y="1023"/>
                    </a:lnTo>
                    <a:lnTo>
                      <a:pt x="1167" y="1026"/>
                    </a:lnTo>
                    <a:lnTo>
                      <a:pt x="1168" y="1033"/>
                    </a:lnTo>
                    <a:lnTo>
                      <a:pt x="1167" y="1044"/>
                    </a:lnTo>
                    <a:lnTo>
                      <a:pt x="1164" y="1054"/>
                    </a:lnTo>
                    <a:lnTo>
                      <a:pt x="1164" y="1063"/>
                    </a:lnTo>
                    <a:lnTo>
                      <a:pt x="1164" y="1072"/>
                    </a:lnTo>
                    <a:lnTo>
                      <a:pt x="1166" y="1081"/>
                    </a:lnTo>
                    <a:lnTo>
                      <a:pt x="1170" y="1097"/>
                    </a:lnTo>
                    <a:lnTo>
                      <a:pt x="1176" y="1111"/>
                    </a:lnTo>
                    <a:lnTo>
                      <a:pt x="1184" y="1124"/>
                    </a:lnTo>
                    <a:lnTo>
                      <a:pt x="1192" y="1138"/>
                    </a:lnTo>
                    <a:lnTo>
                      <a:pt x="1201" y="1154"/>
                    </a:lnTo>
                    <a:lnTo>
                      <a:pt x="1207" y="1172"/>
                    </a:lnTo>
                    <a:lnTo>
                      <a:pt x="1211" y="1184"/>
                    </a:lnTo>
                    <a:lnTo>
                      <a:pt x="1217" y="1195"/>
                    </a:lnTo>
                    <a:lnTo>
                      <a:pt x="1223" y="1207"/>
                    </a:lnTo>
                    <a:lnTo>
                      <a:pt x="1227" y="1217"/>
                    </a:lnTo>
                    <a:lnTo>
                      <a:pt x="1219" y="1216"/>
                    </a:lnTo>
                    <a:lnTo>
                      <a:pt x="1212" y="1215"/>
                    </a:lnTo>
                    <a:lnTo>
                      <a:pt x="1205" y="1213"/>
                    </a:lnTo>
                    <a:lnTo>
                      <a:pt x="1198" y="1211"/>
                    </a:lnTo>
                    <a:lnTo>
                      <a:pt x="1186" y="1206"/>
                    </a:lnTo>
                    <a:lnTo>
                      <a:pt x="1175" y="1202"/>
                    </a:lnTo>
                    <a:lnTo>
                      <a:pt x="1170" y="1200"/>
                    </a:lnTo>
                    <a:lnTo>
                      <a:pt x="1163" y="1200"/>
                    </a:lnTo>
                    <a:lnTo>
                      <a:pt x="1158" y="1202"/>
                    </a:lnTo>
                    <a:lnTo>
                      <a:pt x="1153" y="1203"/>
                    </a:lnTo>
                    <a:lnTo>
                      <a:pt x="1148" y="1207"/>
                    </a:lnTo>
                    <a:lnTo>
                      <a:pt x="1142" y="1212"/>
                    </a:lnTo>
                    <a:lnTo>
                      <a:pt x="1137" y="1219"/>
                    </a:lnTo>
                    <a:lnTo>
                      <a:pt x="1131" y="1228"/>
                    </a:lnTo>
                    <a:lnTo>
                      <a:pt x="1123" y="1243"/>
                    </a:lnTo>
                    <a:lnTo>
                      <a:pt x="1119" y="1256"/>
                    </a:lnTo>
                    <a:lnTo>
                      <a:pt x="1118" y="1268"/>
                    </a:lnTo>
                    <a:lnTo>
                      <a:pt x="1119" y="1278"/>
                    </a:lnTo>
                    <a:lnTo>
                      <a:pt x="1125" y="1299"/>
                    </a:lnTo>
                    <a:lnTo>
                      <a:pt x="1136" y="1327"/>
                    </a:lnTo>
                    <a:lnTo>
                      <a:pt x="1138" y="1339"/>
                    </a:lnTo>
                    <a:lnTo>
                      <a:pt x="1141" y="1349"/>
                    </a:lnTo>
                    <a:lnTo>
                      <a:pt x="1142" y="1360"/>
                    </a:lnTo>
                    <a:lnTo>
                      <a:pt x="1142" y="1370"/>
                    </a:lnTo>
                    <a:lnTo>
                      <a:pt x="1141" y="1381"/>
                    </a:lnTo>
                    <a:lnTo>
                      <a:pt x="1136" y="1390"/>
                    </a:lnTo>
                    <a:lnTo>
                      <a:pt x="1133" y="1394"/>
                    </a:lnTo>
                    <a:lnTo>
                      <a:pt x="1129" y="1397"/>
                    </a:lnTo>
                    <a:lnTo>
                      <a:pt x="1125" y="1401"/>
                    </a:lnTo>
                    <a:lnTo>
                      <a:pt x="1120" y="1405"/>
                    </a:lnTo>
                    <a:lnTo>
                      <a:pt x="1113" y="1408"/>
                    </a:lnTo>
                    <a:lnTo>
                      <a:pt x="1105" y="1408"/>
                    </a:lnTo>
                    <a:lnTo>
                      <a:pt x="1096" y="1408"/>
                    </a:lnTo>
                    <a:lnTo>
                      <a:pt x="1087" y="1406"/>
                    </a:lnTo>
                    <a:lnTo>
                      <a:pt x="1078" y="1405"/>
                    </a:lnTo>
                    <a:lnTo>
                      <a:pt x="1070" y="1405"/>
                    </a:lnTo>
                    <a:lnTo>
                      <a:pt x="1066" y="1405"/>
                    </a:lnTo>
                    <a:lnTo>
                      <a:pt x="1062" y="1406"/>
                    </a:lnTo>
                    <a:lnTo>
                      <a:pt x="1059" y="1408"/>
                    </a:lnTo>
                    <a:lnTo>
                      <a:pt x="1057" y="1410"/>
                    </a:lnTo>
                    <a:lnTo>
                      <a:pt x="1050" y="1421"/>
                    </a:lnTo>
                    <a:lnTo>
                      <a:pt x="1048" y="1430"/>
                    </a:lnTo>
                    <a:lnTo>
                      <a:pt x="1045" y="1439"/>
                    </a:lnTo>
                    <a:lnTo>
                      <a:pt x="1044" y="1448"/>
                    </a:lnTo>
                    <a:lnTo>
                      <a:pt x="1040" y="1457"/>
                    </a:lnTo>
                    <a:lnTo>
                      <a:pt x="1036" y="1465"/>
                    </a:lnTo>
                    <a:lnTo>
                      <a:pt x="1032" y="1469"/>
                    </a:lnTo>
                    <a:lnTo>
                      <a:pt x="1028" y="1473"/>
                    </a:lnTo>
                    <a:lnTo>
                      <a:pt x="1023" y="1476"/>
                    </a:lnTo>
                    <a:lnTo>
                      <a:pt x="1015" y="1479"/>
                    </a:lnTo>
                    <a:lnTo>
                      <a:pt x="1004" y="1485"/>
                    </a:lnTo>
                    <a:lnTo>
                      <a:pt x="995" y="1493"/>
                    </a:lnTo>
                    <a:lnTo>
                      <a:pt x="988" y="1501"/>
                    </a:lnTo>
                    <a:lnTo>
                      <a:pt x="983" y="1510"/>
                    </a:lnTo>
                    <a:lnTo>
                      <a:pt x="977" y="1530"/>
                    </a:lnTo>
                    <a:lnTo>
                      <a:pt x="970" y="1554"/>
                    </a:lnTo>
                    <a:lnTo>
                      <a:pt x="969" y="1566"/>
                    </a:lnTo>
                    <a:lnTo>
                      <a:pt x="969" y="1577"/>
                    </a:lnTo>
                    <a:lnTo>
                      <a:pt x="967" y="1583"/>
                    </a:lnTo>
                    <a:lnTo>
                      <a:pt x="967" y="1589"/>
                    </a:lnTo>
                    <a:lnTo>
                      <a:pt x="966" y="1594"/>
                    </a:lnTo>
                    <a:lnTo>
                      <a:pt x="964" y="1599"/>
                    </a:lnTo>
                    <a:lnTo>
                      <a:pt x="958" y="1605"/>
                    </a:lnTo>
                    <a:lnTo>
                      <a:pt x="954" y="1609"/>
                    </a:lnTo>
                    <a:lnTo>
                      <a:pt x="951" y="1609"/>
                    </a:lnTo>
                    <a:lnTo>
                      <a:pt x="948" y="1606"/>
                    </a:lnTo>
                    <a:lnTo>
                      <a:pt x="945" y="1602"/>
                    </a:lnTo>
                    <a:lnTo>
                      <a:pt x="944" y="1597"/>
                    </a:lnTo>
                    <a:lnTo>
                      <a:pt x="943" y="1589"/>
                    </a:lnTo>
                    <a:lnTo>
                      <a:pt x="942" y="1581"/>
                    </a:lnTo>
                    <a:lnTo>
                      <a:pt x="939" y="1548"/>
                    </a:lnTo>
                    <a:lnTo>
                      <a:pt x="935" y="1531"/>
                    </a:lnTo>
                    <a:lnTo>
                      <a:pt x="932" y="1536"/>
                    </a:lnTo>
                    <a:lnTo>
                      <a:pt x="927" y="1541"/>
                    </a:lnTo>
                    <a:lnTo>
                      <a:pt x="922" y="1545"/>
                    </a:lnTo>
                    <a:lnTo>
                      <a:pt x="917" y="1550"/>
                    </a:lnTo>
                    <a:lnTo>
                      <a:pt x="912" y="1555"/>
                    </a:lnTo>
                    <a:lnTo>
                      <a:pt x="909" y="1562"/>
                    </a:lnTo>
                    <a:lnTo>
                      <a:pt x="908" y="1566"/>
                    </a:lnTo>
                    <a:lnTo>
                      <a:pt x="908" y="1570"/>
                    </a:lnTo>
                    <a:lnTo>
                      <a:pt x="908" y="1574"/>
                    </a:lnTo>
                    <a:lnTo>
                      <a:pt x="910" y="1579"/>
                    </a:lnTo>
                    <a:lnTo>
                      <a:pt x="917" y="1597"/>
                    </a:lnTo>
                    <a:lnTo>
                      <a:pt x="921" y="1611"/>
                    </a:lnTo>
                    <a:lnTo>
                      <a:pt x="925" y="1624"/>
                    </a:lnTo>
                    <a:lnTo>
                      <a:pt x="926" y="1636"/>
                    </a:lnTo>
                    <a:lnTo>
                      <a:pt x="927" y="1659"/>
                    </a:lnTo>
                    <a:lnTo>
                      <a:pt x="926" y="1691"/>
                    </a:lnTo>
                    <a:lnTo>
                      <a:pt x="929" y="1706"/>
                    </a:lnTo>
                    <a:lnTo>
                      <a:pt x="934" y="1723"/>
                    </a:lnTo>
                    <a:lnTo>
                      <a:pt x="936" y="1732"/>
                    </a:lnTo>
                    <a:lnTo>
                      <a:pt x="940" y="1739"/>
                    </a:lnTo>
                    <a:lnTo>
                      <a:pt x="944" y="1746"/>
                    </a:lnTo>
                    <a:lnTo>
                      <a:pt x="948" y="1748"/>
                    </a:lnTo>
                    <a:lnTo>
                      <a:pt x="949" y="1742"/>
                    </a:lnTo>
                    <a:lnTo>
                      <a:pt x="951" y="1723"/>
                    </a:lnTo>
                    <a:lnTo>
                      <a:pt x="951" y="1711"/>
                    </a:lnTo>
                    <a:lnTo>
                      <a:pt x="951" y="1699"/>
                    </a:lnTo>
                    <a:lnTo>
                      <a:pt x="952" y="1689"/>
                    </a:lnTo>
                    <a:lnTo>
                      <a:pt x="954" y="1681"/>
                    </a:lnTo>
                    <a:lnTo>
                      <a:pt x="956" y="1676"/>
                    </a:lnTo>
                    <a:lnTo>
                      <a:pt x="958" y="1673"/>
                    </a:lnTo>
                    <a:lnTo>
                      <a:pt x="961" y="1671"/>
                    </a:lnTo>
                    <a:lnTo>
                      <a:pt x="964" y="1669"/>
                    </a:lnTo>
                    <a:lnTo>
                      <a:pt x="966" y="1669"/>
                    </a:lnTo>
                    <a:lnTo>
                      <a:pt x="970" y="1671"/>
                    </a:lnTo>
                    <a:lnTo>
                      <a:pt x="974" y="1672"/>
                    </a:lnTo>
                    <a:lnTo>
                      <a:pt x="977" y="1675"/>
                    </a:lnTo>
                    <a:lnTo>
                      <a:pt x="984" y="1681"/>
                    </a:lnTo>
                    <a:lnTo>
                      <a:pt x="992" y="1690"/>
                    </a:lnTo>
                    <a:lnTo>
                      <a:pt x="1001" y="1701"/>
                    </a:lnTo>
                    <a:lnTo>
                      <a:pt x="1009" y="1712"/>
                    </a:lnTo>
                    <a:lnTo>
                      <a:pt x="1026" y="1738"/>
                    </a:lnTo>
                    <a:lnTo>
                      <a:pt x="1041" y="1761"/>
                    </a:lnTo>
                    <a:lnTo>
                      <a:pt x="1049" y="1770"/>
                    </a:lnTo>
                    <a:lnTo>
                      <a:pt x="1056" y="1778"/>
                    </a:lnTo>
                    <a:lnTo>
                      <a:pt x="1061" y="1783"/>
                    </a:lnTo>
                    <a:lnTo>
                      <a:pt x="1065" y="1786"/>
                    </a:lnTo>
                    <a:lnTo>
                      <a:pt x="1070" y="1758"/>
                    </a:lnTo>
                    <a:lnTo>
                      <a:pt x="1076" y="1717"/>
                    </a:lnTo>
                    <a:lnTo>
                      <a:pt x="1079" y="1707"/>
                    </a:lnTo>
                    <a:lnTo>
                      <a:pt x="1081" y="1698"/>
                    </a:lnTo>
                    <a:lnTo>
                      <a:pt x="1085" y="1690"/>
                    </a:lnTo>
                    <a:lnTo>
                      <a:pt x="1089" y="1682"/>
                    </a:lnTo>
                    <a:lnTo>
                      <a:pt x="1093" y="1677"/>
                    </a:lnTo>
                    <a:lnTo>
                      <a:pt x="1098" y="1673"/>
                    </a:lnTo>
                    <a:lnTo>
                      <a:pt x="1103" y="1671"/>
                    </a:lnTo>
                    <a:lnTo>
                      <a:pt x="1110" y="1671"/>
                    </a:lnTo>
                    <a:lnTo>
                      <a:pt x="1116" y="1672"/>
                    </a:lnTo>
                    <a:lnTo>
                      <a:pt x="1120" y="1675"/>
                    </a:lnTo>
                    <a:lnTo>
                      <a:pt x="1124" y="1677"/>
                    </a:lnTo>
                    <a:lnTo>
                      <a:pt x="1128" y="1680"/>
                    </a:lnTo>
                    <a:lnTo>
                      <a:pt x="1132" y="1686"/>
                    </a:lnTo>
                    <a:lnTo>
                      <a:pt x="1136" y="1693"/>
                    </a:lnTo>
                    <a:lnTo>
                      <a:pt x="1141" y="1701"/>
                    </a:lnTo>
                    <a:lnTo>
                      <a:pt x="1148" y="1707"/>
                    </a:lnTo>
                    <a:lnTo>
                      <a:pt x="1151" y="1710"/>
                    </a:lnTo>
                    <a:lnTo>
                      <a:pt x="1157" y="1712"/>
                    </a:lnTo>
                    <a:lnTo>
                      <a:pt x="1162" y="1715"/>
                    </a:lnTo>
                    <a:lnTo>
                      <a:pt x="1170" y="1716"/>
                    </a:lnTo>
                    <a:lnTo>
                      <a:pt x="1177" y="1719"/>
                    </a:lnTo>
                    <a:lnTo>
                      <a:pt x="1184" y="1724"/>
                    </a:lnTo>
                    <a:lnTo>
                      <a:pt x="1190" y="1729"/>
                    </a:lnTo>
                    <a:lnTo>
                      <a:pt x="1195" y="1734"/>
                    </a:lnTo>
                    <a:lnTo>
                      <a:pt x="1199" y="1739"/>
                    </a:lnTo>
                    <a:lnTo>
                      <a:pt x="1205" y="1745"/>
                    </a:lnTo>
                    <a:lnTo>
                      <a:pt x="1210" y="1747"/>
                    </a:lnTo>
                    <a:lnTo>
                      <a:pt x="1216" y="1750"/>
                    </a:lnTo>
                    <a:lnTo>
                      <a:pt x="1221" y="1750"/>
                    </a:lnTo>
                    <a:lnTo>
                      <a:pt x="1225" y="1748"/>
                    </a:lnTo>
                    <a:lnTo>
                      <a:pt x="1229" y="1746"/>
                    </a:lnTo>
                    <a:lnTo>
                      <a:pt x="1232" y="1743"/>
                    </a:lnTo>
                    <a:lnTo>
                      <a:pt x="1238" y="1734"/>
                    </a:lnTo>
                    <a:lnTo>
                      <a:pt x="1245" y="1724"/>
                    </a:lnTo>
                    <a:lnTo>
                      <a:pt x="1249" y="1719"/>
                    </a:lnTo>
                    <a:lnTo>
                      <a:pt x="1252" y="1713"/>
                    </a:lnTo>
                    <a:lnTo>
                      <a:pt x="1256" y="1710"/>
                    </a:lnTo>
                    <a:lnTo>
                      <a:pt x="1262" y="1706"/>
                    </a:lnTo>
                    <a:lnTo>
                      <a:pt x="1268" y="1703"/>
                    </a:lnTo>
                    <a:lnTo>
                      <a:pt x="1276" y="1702"/>
                    </a:lnTo>
                    <a:lnTo>
                      <a:pt x="1284" y="1701"/>
                    </a:lnTo>
                    <a:lnTo>
                      <a:pt x="1293" y="1703"/>
                    </a:lnTo>
                    <a:lnTo>
                      <a:pt x="1316" y="1708"/>
                    </a:lnTo>
                    <a:lnTo>
                      <a:pt x="1338" y="1716"/>
                    </a:lnTo>
                    <a:lnTo>
                      <a:pt x="1360" y="1723"/>
                    </a:lnTo>
                    <a:lnTo>
                      <a:pt x="1385" y="1728"/>
                    </a:lnTo>
                    <a:lnTo>
                      <a:pt x="1386" y="1743"/>
                    </a:lnTo>
                    <a:lnTo>
                      <a:pt x="1387" y="1764"/>
                    </a:lnTo>
                    <a:lnTo>
                      <a:pt x="1386" y="1774"/>
                    </a:lnTo>
                    <a:lnTo>
                      <a:pt x="1383" y="1782"/>
                    </a:lnTo>
                    <a:lnTo>
                      <a:pt x="1381" y="1786"/>
                    </a:lnTo>
                    <a:lnTo>
                      <a:pt x="1378" y="1789"/>
                    </a:lnTo>
                    <a:lnTo>
                      <a:pt x="1374" y="1790"/>
                    </a:lnTo>
                    <a:lnTo>
                      <a:pt x="1370" y="1790"/>
                    </a:lnTo>
                    <a:lnTo>
                      <a:pt x="1361" y="1791"/>
                    </a:lnTo>
                    <a:lnTo>
                      <a:pt x="1354" y="1792"/>
                    </a:lnTo>
                    <a:lnTo>
                      <a:pt x="1346" y="1795"/>
                    </a:lnTo>
                    <a:lnTo>
                      <a:pt x="1338" y="1799"/>
                    </a:lnTo>
                    <a:lnTo>
                      <a:pt x="1324" y="1809"/>
                    </a:lnTo>
                    <a:lnTo>
                      <a:pt x="1312" y="1821"/>
                    </a:lnTo>
                    <a:lnTo>
                      <a:pt x="1300" y="1834"/>
                    </a:lnTo>
                    <a:lnTo>
                      <a:pt x="1289" y="1847"/>
                    </a:lnTo>
                    <a:lnTo>
                      <a:pt x="1277" y="1860"/>
                    </a:lnTo>
                    <a:lnTo>
                      <a:pt x="1264" y="1872"/>
                    </a:lnTo>
                    <a:lnTo>
                      <a:pt x="1255" y="1881"/>
                    </a:lnTo>
                    <a:lnTo>
                      <a:pt x="1247" y="1888"/>
                    </a:lnTo>
                    <a:lnTo>
                      <a:pt x="1242" y="1896"/>
                    </a:lnTo>
                    <a:lnTo>
                      <a:pt x="1240" y="1905"/>
                    </a:lnTo>
                    <a:lnTo>
                      <a:pt x="1238" y="1913"/>
                    </a:lnTo>
                    <a:lnTo>
                      <a:pt x="1238" y="1922"/>
                    </a:lnTo>
                    <a:lnTo>
                      <a:pt x="1240" y="1930"/>
                    </a:lnTo>
                    <a:lnTo>
                      <a:pt x="1242" y="1939"/>
                    </a:lnTo>
                    <a:lnTo>
                      <a:pt x="1250" y="1956"/>
                    </a:lnTo>
                    <a:lnTo>
                      <a:pt x="1256" y="1974"/>
                    </a:lnTo>
                    <a:lnTo>
                      <a:pt x="1260" y="1982"/>
                    </a:lnTo>
                    <a:lnTo>
                      <a:pt x="1263" y="1991"/>
                    </a:lnTo>
                    <a:lnTo>
                      <a:pt x="1265" y="2001"/>
                    </a:lnTo>
                    <a:lnTo>
                      <a:pt x="1267" y="2010"/>
                    </a:lnTo>
                    <a:lnTo>
                      <a:pt x="1264" y="2017"/>
                    </a:lnTo>
                    <a:lnTo>
                      <a:pt x="1263" y="2023"/>
                    </a:lnTo>
                    <a:lnTo>
                      <a:pt x="1263" y="2028"/>
                    </a:lnTo>
                    <a:lnTo>
                      <a:pt x="1263" y="2032"/>
                    </a:lnTo>
                    <a:lnTo>
                      <a:pt x="1265" y="2036"/>
                    </a:lnTo>
                    <a:lnTo>
                      <a:pt x="1268" y="2040"/>
                    </a:lnTo>
                    <a:lnTo>
                      <a:pt x="1271" y="2043"/>
                    </a:lnTo>
                    <a:lnTo>
                      <a:pt x="1274" y="2045"/>
                    </a:lnTo>
                    <a:lnTo>
                      <a:pt x="1284" y="2049"/>
                    </a:lnTo>
                    <a:lnTo>
                      <a:pt x="1294" y="2052"/>
                    </a:lnTo>
                    <a:lnTo>
                      <a:pt x="1306" y="2052"/>
                    </a:lnTo>
                    <a:lnTo>
                      <a:pt x="1316" y="2053"/>
                    </a:lnTo>
                    <a:lnTo>
                      <a:pt x="1307" y="2072"/>
                    </a:lnTo>
                    <a:lnTo>
                      <a:pt x="1302" y="2085"/>
                    </a:lnTo>
                    <a:lnTo>
                      <a:pt x="1300" y="2089"/>
                    </a:lnTo>
                    <a:lnTo>
                      <a:pt x="1302" y="2093"/>
                    </a:lnTo>
                    <a:lnTo>
                      <a:pt x="1303" y="2094"/>
                    </a:lnTo>
                    <a:lnTo>
                      <a:pt x="1304" y="2096"/>
                    </a:lnTo>
                    <a:lnTo>
                      <a:pt x="1322" y="2094"/>
                    </a:lnTo>
                    <a:lnTo>
                      <a:pt x="1351" y="2092"/>
                    </a:lnTo>
                    <a:lnTo>
                      <a:pt x="1355" y="2093"/>
                    </a:lnTo>
                    <a:lnTo>
                      <a:pt x="1357" y="2093"/>
                    </a:lnTo>
                    <a:lnTo>
                      <a:pt x="1360" y="2096"/>
                    </a:lnTo>
                    <a:lnTo>
                      <a:pt x="1363" y="2097"/>
                    </a:lnTo>
                    <a:lnTo>
                      <a:pt x="1366" y="2102"/>
                    </a:lnTo>
                    <a:lnTo>
                      <a:pt x="1372" y="2106"/>
                    </a:lnTo>
                    <a:lnTo>
                      <a:pt x="1386" y="2107"/>
                    </a:lnTo>
                    <a:lnTo>
                      <a:pt x="1405" y="2105"/>
                    </a:lnTo>
                    <a:lnTo>
                      <a:pt x="1414" y="2105"/>
                    </a:lnTo>
                    <a:lnTo>
                      <a:pt x="1420" y="2107"/>
                    </a:lnTo>
                    <a:lnTo>
                      <a:pt x="1421" y="2109"/>
                    </a:lnTo>
                    <a:lnTo>
                      <a:pt x="1421" y="2112"/>
                    </a:lnTo>
                    <a:lnTo>
                      <a:pt x="1420" y="2115"/>
                    </a:lnTo>
                    <a:lnTo>
                      <a:pt x="1417" y="2120"/>
                    </a:lnTo>
                    <a:lnTo>
                      <a:pt x="1396" y="2137"/>
                    </a:lnTo>
                    <a:lnTo>
                      <a:pt x="1361" y="2167"/>
                    </a:lnTo>
                    <a:lnTo>
                      <a:pt x="1354" y="2175"/>
                    </a:lnTo>
                    <a:lnTo>
                      <a:pt x="1347" y="2181"/>
                    </a:lnTo>
                    <a:lnTo>
                      <a:pt x="1343" y="2188"/>
                    </a:lnTo>
                    <a:lnTo>
                      <a:pt x="1339" y="2194"/>
                    </a:lnTo>
                    <a:lnTo>
                      <a:pt x="1339" y="2197"/>
                    </a:lnTo>
                    <a:lnTo>
                      <a:pt x="1339" y="2199"/>
                    </a:lnTo>
                    <a:lnTo>
                      <a:pt x="1339" y="2202"/>
                    </a:lnTo>
                    <a:lnTo>
                      <a:pt x="1342" y="2203"/>
                    </a:lnTo>
                    <a:lnTo>
                      <a:pt x="1347" y="2206"/>
                    </a:lnTo>
                    <a:lnTo>
                      <a:pt x="1356" y="2207"/>
                    </a:lnTo>
                    <a:lnTo>
                      <a:pt x="1368" y="2204"/>
                    </a:lnTo>
                    <a:lnTo>
                      <a:pt x="1379" y="2201"/>
                    </a:lnTo>
                    <a:lnTo>
                      <a:pt x="1383" y="2201"/>
                    </a:lnTo>
                    <a:lnTo>
                      <a:pt x="1386" y="2202"/>
                    </a:lnTo>
                    <a:lnTo>
                      <a:pt x="1385" y="2204"/>
                    </a:lnTo>
                    <a:lnTo>
                      <a:pt x="1382" y="2211"/>
                    </a:lnTo>
                    <a:lnTo>
                      <a:pt x="1370" y="2233"/>
                    </a:lnTo>
                    <a:lnTo>
                      <a:pt x="1364" y="2245"/>
                    </a:lnTo>
                    <a:lnTo>
                      <a:pt x="1359" y="2247"/>
                    </a:lnTo>
                    <a:lnTo>
                      <a:pt x="1351" y="2250"/>
                    </a:lnTo>
                    <a:lnTo>
                      <a:pt x="1339" y="2250"/>
                    </a:lnTo>
                    <a:lnTo>
                      <a:pt x="1322" y="2248"/>
                    </a:lnTo>
                    <a:lnTo>
                      <a:pt x="1316" y="2248"/>
                    </a:lnTo>
                    <a:lnTo>
                      <a:pt x="1308" y="2250"/>
                    </a:lnTo>
                    <a:lnTo>
                      <a:pt x="1299" y="2251"/>
                    </a:lnTo>
                    <a:lnTo>
                      <a:pt x="1289" y="2254"/>
                    </a:lnTo>
                    <a:lnTo>
                      <a:pt x="1281" y="2258"/>
                    </a:lnTo>
                    <a:lnTo>
                      <a:pt x="1274" y="2261"/>
                    </a:lnTo>
                    <a:lnTo>
                      <a:pt x="1272" y="2265"/>
                    </a:lnTo>
                    <a:lnTo>
                      <a:pt x="1269" y="2268"/>
                    </a:lnTo>
                    <a:lnTo>
                      <a:pt x="1268" y="2272"/>
                    </a:lnTo>
                    <a:lnTo>
                      <a:pt x="1268" y="2276"/>
                    </a:lnTo>
                    <a:lnTo>
                      <a:pt x="1269" y="2282"/>
                    </a:lnTo>
                    <a:lnTo>
                      <a:pt x="1272" y="2287"/>
                    </a:lnTo>
                    <a:lnTo>
                      <a:pt x="1277" y="2293"/>
                    </a:lnTo>
                    <a:lnTo>
                      <a:pt x="1282" y="2296"/>
                    </a:lnTo>
                    <a:lnTo>
                      <a:pt x="1289" y="2299"/>
                    </a:lnTo>
                    <a:lnTo>
                      <a:pt x="1294" y="2304"/>
                    </a:lnTo>
                    <a:lnTo>
                      <a:pt x="1299" y="2309"/>
                    </a:lnTo>
                    <a:lnTo>
                      <a:pt x="1303" y="2315"/>
                    </a:lnTo>
                    <a:lnTo>
                      <a:pt x="1304" y="2318"/>
                    </a:lnTo>
                    <a:lnTo>
                      <a:pt x="1303" y="2321"/>
                    </a:lnTo>
                    <a:lnTo>
                      <a:pt x="1302" y="2324"/>
                    </a:lnTo>
                    <a:lnTo>
                      <a:pt x="1299" y="2325"/>
                    </a:lnTo>
                    <a:lnTo>
                      <a:pt x="1291" y="2327"/>
                    </a:lnTo>
                    <a:lnTo>
                      <a:pt x="1282" y="2330"/>
                    </a:lnTo>
                    <a:lnTo>
                      <a:pt x="1260" y="2333"/>
                    </a:lnTo>
                    <a:lnTo>
                      <a:pt x="1245" y="2338"/>
                    </a:lnTo>
                    <a:lnTo>
                      <a:pt x="1234" y="2344"/>
                    </a:lnTo>
                    <a:lnTo>
                      <a:pt x="1225" y="2352"/>
                    </a:lnTo>
                    <a:lnTo>
                      <a:pt x="1220" y="2361"/>
                    </a:lnTo>
                    <a:lnTo>
                      <a:pt x="1215" y="2370"/>
                    </a:lnTo>
                    <a:lnTo>
                      <a:pt x="1214" y="2381"/>
                    </a:lnTo>
                    <a:lnTo>
                      <a:pt x="1212" y="2391"/>
                    </a:lnTo>
                    <a:lnTo>
                      <a:pt x="1212" y="2403"/>
                    </a:lnTo>
                    <a:lnTo>
                      <a:pt x="1215" y="2416"/>
                    </a:lnTo>
                    <a:lnTo>
                      <a:pt x="1215" y="2423"/>
                    </a:lnTo>
                    <a:lnTo>
                      <a:pt x="1216" y="2431"/>
                    </a:lnTo>
                    <a:lnTo>
                      <a:pt x="1219" y="2439"/>
                    </a:lnTo>
                    <a:lnTo>
                      <a:pt x="1221" y="2445"/>
                    </a:lnTo>
                    <a:lnTo>
                      <a:pt x="1228" y="2458"/>
                    </a:lnTo>
                    <a:lnTo>
                      <a:pt x="1234" y="2471"/>
                    </a:lnTo>
                    <a:lnTo>
                      <a:pt x="1242" y="2483"/>
                    </a:lnTo>
                    <a:lnTo>
                      <a:pt x="1247" y="2496"/>
                    </a:lnTo>
                    <a:lnTo>
                      <a:pt x="1250" y="2501"/>
                    </a:lnTo>
                    <a:lnTo>
                      <a:pt x="1252" y="2508"/>
                    </a:lnTo>
                    <a:lnTo>
                      <a:pt x="1252" y="2514"/>
                    </a:lnTo>
                    <a:lnTo>
                      <a:pt x="1254" y="2522"/>
                    </a:lnTo>
                    <a:lnTo>
                      <a:pt x="1252" y="2528"/>
                    </a:lnTo>
                    <a:lnTo>
                      <a:pt x="1251" y="2533"/>
                    </a:lnTo>
                    <a:lnTo>
                      <a:pt x="1249" y="2537"/>
                    </a:lnTo>
                    <a:lnTo>
                      <a:pt x="1246" y="2540"/>
                    </a:lnTo>
                    <a:lnTo>
                      <a:pt x="1242" y="2541"/>
                    </a:lnTo>
                    <a:lnTo>
                      <a:pt x="1238" y="2541"/>
                    </a:lnTo>
                    <a:lnTo>
                      <a:pt x="1234" y="2540"/>
                    </a:lnTo>
                    <a:lnTo>
                      <a:pt x="1229" y="2539"/>
                    </a:lnTo>
                    <a:lnTo>
                      <a:pt x="1220" y="2532"/>
                    </a:lnTo>
                    <a:lnTo>
                      <a:pt x="1211" y="2523"/>
                    </a:lnTo>
                    <a:lnTo>
                      <a:pt x="1203" y="2514"/>
                    </a:lnTo>
                    <a:lnTo>
                      <a:pt x="1198" y="2504"/>
                    </a:lnTo>
                    <a:lnTo>
                      <a:pt x="1193" y="2486"/>
                    </a:lnTo>
                    <a:lnTo>
                      <a:pt x="1190" y="2473"/>
                    </a:lnTo>
                    <a:lnTo>
                      <a:pt x="1189" y="2470"/>
                    </a:lnTo>
                    <a:lnTo>
                      <a:pt x="1188" y="2469"/>
                    </a:lnTo>
                    <a:lnTo>
                      <a:pt x="1185" y="2467"/>
                    </a:lnTo>
                    <a:lnTo>
                      <a:pt x="1183" y="2467"/>
                    </a:lnTo>
                    <a:lnTo>
                      <a:pt x="1173" y="2469"/>
                    </a:lnTo>
                    <a:lnTo>
                      <a:pt x="1163" y="2473"/>
                    </a:lnTo>
                    <a:lnTo>
                      <a:pt x="1146" y="2483"/>
                    </a:lnTo>
                    <a:lnTo>
                      <a:pt x="1136" y="2491"/>
                    </a:lnTo>
                    <a:lnTo>
                      <a:pt x="1133" y="2492"/>
                    </a:lnTo>
                    <a:lnTo>
                      <a:pt x="1131" y="2492"/>
                    </a:lnTo>
                    <a:lnTo>
                      <a:pt x="1127" y="2492"/>
                    </a:lnTo>
                    <a:lnTo>
                      <a:pt x="1124" y="2491"/>
                    </a:lnTo>
                    <a:lnTo>
                      <a:pt x="1115" y="2487"/>
                    </a:lnTo>
                    <a:lnTo>
                      <a:pt x="1103" y="2478"/>
                    </a:lnTo>
                    <a:lnTo>
                      <a:pt x="1091" y="2469"/>
                    </a:lnTo>
                    <a:lnTo>
                      <a:pt x="1078" y="2462"/>
                    </a:lnTo>
                    <a:lnTo>
                      <a:pt x="1063" y="2457"/>
                    </a:lnTo>
                    <a:lnTo>
                      <a:pt x="1048" y="2452"/>
                    </a:lnTo>
                    <a:lnTo>
                      <a:pt x="1017" y="2447"/>
                    </a:lnTo>
                    <a:lnTo>
                      <a:pt x="984" y="2443"/>
                    </a:lnTo>
                    <a:lnTo>
                      <a:pt x="967" y="2440"/>
                    </a:lnTo>
                    <a:lnTo>
                      <a:pt x="952" y="2439"/>
                    </a:lnTo>
                    <a:lnTo>
                      <a:pt x="938" y="2436"/>
                    </a:lnTo>
                    <a:lnTo>
                      <a:pt x="923" y="2432"/>
                    </a:lnTo>
                    <a:lnTo>
                      <a:pt x="910" y="2429"/>
                    </a:lnTo>
                    <a:lnTo>
                      <a:pt x="900" y="2422"/>
                    </a:lnTo>
                    <a:lnTo>
                      <a:pt x="890" y="2414"/>
                    </a:lnTo>
                    <a:lnTo>
                      <a:pt x="882" y="2405"/>
                    </a:lnTo>
                    <a:lnTo>
                      <a:pt x="870" y="2383"/>
                    </a:lnTo>
                    <a:lnTo>
                      <a:pt x="861" y="2359"/>
                    </a:lnTo>
                    <a:lnTo>
                      <a:pt x="855" y="2348"/>
                    </a:lnTo>
                    <a:lnTo>
                      <a:pt x="848" y="2338"/>
                    </a:lnTo>
                    <a:lnTo>
                      <a:pt x="843" y="2334"/>
                    </a:lnTo>
                    <a:lnTo>
                      <a:pt x="839" y="2330"/>
                    </a:lnTo>
                    <a:lnTo>
                      <a:pt x="834" y="2327"/>
                    </a:lnTo>
                    <a:lnTo>
                      <a:pt x="828" y="2325"/>
                    </a:lnTo>
                    <a:lnTo>
                      <a:pt x="824" y="2324"/>
                    </a:lnTo>
                    <a:lnTo>
                      <a:pt x="820" y="2325"/>
                    </a:lnTo>
                    <a:lnTo>
                      <a:pt x="816" y="2325"/>
                    </a:lnTo>
                    <a:lnTo>
                      <a:pt x="812" y="2327"/>
                    </a:lnTo>
                    <a:lnTo>
                      <a:pt x="804" y="2331"/>
                    </a:lnTo>
                    <a:lnTo>
                      <a:pt x="798" y="2338"/>
                    </a:lnTo>
                    <a:lnTo>
                      <a:pt x="790" y="2346"/>
                    </a:lnTo>
                    <a:lnTo>
                      <a:pt x="782" y="2353"/>
                    </a:lnTo>
                    <a:lnTo>
                      <a:pt x="773" y="2360"/>
                    </a:lnTo>
                    <a:lnTo>
                      <a:pt x="764" y="2364"/>
                    </a:lnTo>
                    <a:lnTo>
                      <a:pt x="764" y="2370"/>
                    </a:lnTo>
                    <a:lnTo>
                      <a:pt x="765" y="2378"/>
                    </a:lnTo>
                    <a:lnTo>
                      <a:pt x="768" y="2386"/>
                    </a:lnTo>
                    <a:lnTo>
                      <a:pt x="772" y="2392"/>
                    </a:lnTo>
                    <a:lnTo>
                      <a:pt x="781" y="2408"/>
                    </a:lnTo>
                    <a:lnTo>
                      <a:pt x="791" y="2422"/>
                    </a:lnTo>
                    <a:lnTo>
                      <a:pt x="804" y="2436"/>
                    </a:lnTo>
                    <a:lnTo>
                      <a:pt x="817" y="2447"/>
                    </a:lnTo>
                    <a:lnTo>
                      <a:pt x="825" y="2452"/>
                    </a:lnTo>
                    <a:lnTo>
                      <a:pt x="831" y="2456"/>
                    </a:lnTo>
                    <a:lnTo>
                      <a:pt x="838" y="2458"/>
                    </a:lnTo>
                    <a:lnTo>
                      <a:pt x="844" y="2461"/>
                    </a:lnTo>
                    <a:lnTo>
                      <a:pt x="844" y="2462"/>
                    </a:lnTo>
                    <a:lnTo>
                      <a:pt x="844" y="2462"/>
                    </a:lnTo>
                    <a:lnTo>
                      <a:pt x="844" y="2467"/>
                    </a:lnTo>
                    <a:lnTo>
                      <a:pt x="843" y="2471"/>
                    </a:lnTo>
                    <a:lnTo>
                      <a:pt x="840" y="2475"/>
                    </a:lnTo>
                    <a:lnTo>
                      <a:pt x="838" y="2479"/>
                    </a:lnTo>
                    <a:lnTo>
                      <a:pt x="829" y="2487"/>
                    </a:lnTo>
                    <a:lnTo>
                      <a:pt x="818" y="2493"/>
                    </a:lnTo>
                    <a:lnTo>
                      <a:pt x="804" y="2500"/>
                    </a:lnTo>
                    <a:lnTo>
                      <a:pt x="790" y="2506"/>
                    </a:lnTo>
                    <a:lnTo>
                      <a:pt x="774" y="2511"/>
                    </a:lnTo>
                    <a:lnTo>
                      <a:pt x="758" y="2517"/>
                    </a:lnTo>
                    <a:lnTo>
                      <a:pt x="725" y="2527"/>
                    </a:lnTo>
                    <a:lnTo>
                      <a:pt x="695" y="2537"/>
                    </a:lnTo>
                    <a:lnTo>
                      <a:pt x="684" y="2543"/>
                    </a:lnTo>
                    <a:lnTo>
                      <a:pt x="673" y="2548"/>
                    </a:lnTo>
                    <a:lnTo>
                      <a:pt x="669" y="2552"/>
                    </a:lnTo>
                    <a:lnTo>
                      <a:pt x="667" y="2554"/>
                    </a:lnTo>
                    <a:lnTo>
                      <a:pt x="664" y="2557"/>
                    </a:lnTo>
                    <a:lnTo>
                      <a:pt x="663" y="2561"/>
                    </a:lnTo>
                    <a:lnTo>
                      <a:pt x="662" y="2565"/>
                    </a:lnTo>
                    <a:lnTo>
                      <a:pt x="662" y="2570"/>
                    </a:lnTo>
                    <a:lnTo>
                      <a:pt x="663" y="2572"/>
                    </a:lnTo>
                    <a:lnTo>
                      <a:pt x="664" y="2576"/>
                    </a:lnTo>
                    <a:lnTo>
                      <a:pt x="668" y="2579"/>
                    </a:lnTo>
                    <a:lnTo>
                      <a:pt x="671" y="2581"/>
                    </a:lnTo>
                    <a:lnTo>
                      <a:pt x="676" y="2584"/>
                    </a:lnTo>
                    <a:lnTo>
                      <a:pt x="681" y="2587"/>
                    </a:lnTo>
                    <a:lnTo>
                      <a:pt x="694" y="2589"/>
                    </a:lnTo>
                    <a:lnTo>
                      <a:pt x="708" y="2592"/>
                    </a:lnTo>
                    <a:lnTo>
                      <a:pt x="724" y="2594"/>
                    </a:lnTo>
                    <a:lnTo>
                      <a:pt x="741" y="2594"/>
                    </a:lnTo>
                    <a:lnTo>
                      <a:pt x="777" y="2596"/>
                    </a:lnTo>
                    <a:lnTo>
                      <a:pt x="812" y="2596"/>
                    </a:lnTo>
                    <a:lnTo>
                      <a:pt x="828" y="2596"/>
                    </a:lnTo>
                    <a:lnTo>
                      <a:pt x="840" y="2597"/>
                    </a:lnTo>
                    <a:lnTo>
                      <a:pt x="852" y="2598"/>
                    </a:lnTo>
                    <a:lnTo>
                      <a:pt x="860" y="2600"/>
                    </a:lnTo>
                    <a:lnTo>
                      <a:pt x="859" y="2609"/>
                    </a:lnTo>
                    <a:lnTo>
                      <a:pt x="852" y="2622"/>
                    </a:lnTo>
                    <a:lnTo>
                      <a:pt x="844" y="2637"/>
                    </a:lnTo>
                    <a:lnTo>
                      <a:pt x="834" y="2653"/>
                    </a:lnTo>
                    <a:lnTo>
                      <a:pt x="824" y="2671"/>
                    </a:lnTo>
                    <a:lnTo>
                      <a:pt x="815" y="2688"/>
                    </a:lnTo>
                    <a:lnTo>
                      <a:pt x="808" y="2703"/>
                    </a:lnTo>
                    <a:lnTo>
                      <a:pt x="804" y="2716"/>
                    </a:lnTo>
                    <a:lnTo>
                      <a:pt x="804" y="2723"/>
                    </a:lnTo>
                    <a:lnTo>
                      <a:pt x="804" y="2728"/>
                    </a:lnTo>
                    <a:lnTo>
                      <a:pt x="807" y="2733"/>
                    </a:lnTo>
                    <a:lnTo>
                      <a:pt x="809" y="2738"/>
                    </a:lnTo>
                    <a:lnTo>
                      <a:pt x="816" y="2746"/>
                    </a:lnTo>
                    <a:lnTo>
                      <a:pt x="822" y="2752"/>
                    </a:lnTo>
                    <a:lnTo>
                      <a:pt x="828" y="2759"/>
                    </a:lnTo>
                    <a:lnTo>
                      <a:pt x="829" y="2764"/>
                    </a:lnTo>
                    <a:lnTo>
                      <a:pt x="828" y="2765"/>
                    </a:lnTo>
                    <a:lnTo>
                      <a:pt x="825" y="2768"/>
                    </a:lnTo>
                    <a:lnTo>
                      <a:pt x="821" y="2769"/>
                    </a:lnTo>
                    <a:lnTo>
                      <a:pt x="815" y="2772"/>
                    </a:lnTo>
                    <a:lnTo>
                      <a:pt x="803" y="2776"/>
                    </a:lnTo>
                    <a:lnTo>
                      <a:pt x="793" y="2780"/>
                    </a:lnTo>
                    <a:lnTo>
                      <a:pt x="786" y="2785"/>
                    </a:lnTo>
                    <a:lnTo>
                      <a:pt x="780" y="2790"/>
                    </a:lnTo>
                    <a:lnTo>
                      <a:pt x="769" y="2803"/>
                    </a:lnTo>
                    <a:lnTo>
                      <a:pt x="761" y="2816"/>
                    </a:lnTo>
                    <a:lnTo>
                      <a:pt x="756" y="2821"/>
                    </a:lnTo>
                    <a:lnTo>
                      <a:pt x="751" y="2828"/>
                    </a:lnTo>
                    <a:lnTo>
                      <a:pt x="745" y="2833"/>
                    </a:lnTo>
                    <a:lnTo>
                      <a:pt x="737" y="2838"/>
                    </a:lnTo>
                    <a:lnTo>
                      <a:pt x="728" y="2842"/>
                    </a:lnTo>
                    <a:lnTo>
                      <a:pt x="716" y="2844"/>
                    </a:lnTo>
                    <a:lnTo>
                      <a:pt x="702" y="2847"/>
                    </a:lnTo>
                    <a:lnTo>
                      <a:pt x="686" y="2847"/>
                    </a:lnTo>
                    <a:lnTo>
                      <a:pt x="672" y="2847"/>
                    </a:lnTo>
                    <a:lnTo>
                      <a:pt x="658" y="2848"/>
                    </a:lnTo>
                    <a:lnTo>
                      <a:pt x="645" y="2851"/>
                    </a:lnTo>
                    <a:lnTo>
                      <a:pt x="632" y="2853"/>
                    </a:lnTo>
                    <a:lnTo>
                      <a:pt x="607" y="2860"/>
                    </a:lnTo>
                    <a:lnTo>
                      <a:pt x="583" y="2866"/>
                    </a:lnTo>
                    <a:lnTo>
                      <a:pt x="558" y="2873"/>
                    </a:lnTo>
                    <a:lnTo>
                      <a:pt x="533" y="2877"/>
                    </a:lnTo>
                    <a:lnTo>
                      <a:pt x="521" y="2879"/>
                    </a:lnTo>
                    <a:lnTo>
                      <a:pt x="508" y="2879"/>
                    </a:lnTo>
                    <a:lnTo>
                      <a:pt x="495" y="2879"/>
                    </a:lnTo>
                    <a:lnTo>
                      <a:pt x="480" y="2878"/>
                    </a:lnTo>
                    <a:lnTo>
                      <a:pt x="473" y="2878"/>
                    </a:lnTo>
                    <a:lnTo>
                      <a:pt x="466" y="2875"/>
                    </a:lnTo>
                    <a:lnTo>
                      <a:pt x="458" y="2872"/>
                    </a:lnTo>
                    <a:lnTo>
                      <a:pt x="451" y="2866"/>
                    </a:lnTo>
                    <a:lnTo>
                      <a:pt x="443" y="2863"/>
                    </a:lnTo>
                    <a:lnTo>
                      <a:pt x="436" y="2861"/>
                    </a:lnTo>
                    <a:lnTo>
                      <a:pt x="432" y="2861"/>
                    </a:lnTo>
                    <a:lnTo>
                      <a:pt x="430" y="2861"/>
                    </a:lnTo>
                    <a:lnTo>
                      <a:pt x="427" y="2863"/>
                    </a:lnTo>
                    <a:lnTo>
                      <a:pt x="425" y="2865"/>
                    </a:lnTo>
                    <a:lnTo>
                      <a:pt x="417" y="2874"/>
                    </a:lnTo>
                    <a:lnTo>
                      <a:pt x="409" y="2881"/>
                    </a:lnTo>
                    <a:lnTo>
                      <a:pt x="399" y="2886"/>
                    </a:lnTo>
                    <a:lnTo>
                      <a:pt x="390" y="2888"/>
                    </a:lnTo>
                    <a:lnTo>
                      <a:pt x="369" y="2892"/>
                    </a:lnTo>
                    <a:lnTo>
                      <a:pt x="347" y="2896"/>
                    </a:lnTo>
                    <a:lnTo>
                      <a:pt x="349" y="2900"/>
                    </a:lnTo>
                    <a:lnTo>
                      <a:pt x="355" y="2904"/>
                    </a:lnTo>
                    <a:lnTo>
                      <a:pt x="361" y="2907"/>
                    </a:lnTo>
                    <a:lnTo>
                      <a:pt x="366" y="2910"/>
                    </a:lnTo>
                    <a:lnTo>
                      <a:pt x="373" y="2913"/>
                    </a:lnTo>
                    <a:lnTo>
                      <a:pt x="379" y="2918"/>
                    </a:lnTo>
                    <a:lnTo>
                      <a:pt x="384" y="2923"/>
                    </a:lnTo>
                    <a:lnTo>
                      <a:pt x="390" y="2931"/>
                    </a:lnTo>
                    <a:lnTo>
                      <a:pt x="392" y="2936"/>
                    </a:lnTo>
                    <a:lnTo>
                      <a:pt x="392" y="2942"/>
                    </a:lnTo>
                    <a:lnTo>
                      <a:pt x="391" y="2947"/>
                    </a:lnTo>
                    <a:lnTo>
                      <a:pt x="387" y="2951"/>
                    </a:lnTo>
                    <a:lnTo>
                      <a:pt x="378" y="2956"/>
                    </a:lnTo>
                    <a:lnTo>
                      <a:pt x="366" y="2960"/>
                    </a:lnTo>
                    <a:lnTo>
                      <a:pt x="356" y="2962"/>
                    </a:lnTo>
                    <a:lnTo>
                      <a:pt x="348" y="2966"/>
                    </a:lnTo>
                    <a:lnTo>
                      <a:pt x="347" y="2969"/>
                    </a:lnTo>
                    <a:lnTo>
                      <a:pt x="347" y="2971"/>
                    </a:lnTo>
                    <a:lnTo>
                      <a:pt x="348" y="2974"/>
                    </a:lnTo>
                    <a:lnTo>
                      <a:pt x="353" y="2978"/>
                    </a:lnTo>
                    <a:lnTo>
                      <a:pt x="360" y="2986"/>
                    </a:lnTo>
                    <a:lnTo>
                      <a:pt x="365" y="2995"/>
                    </a:lnTo>
                    <a:lnTo>
                      <a:pt x="370" y="3004"/>
                    </a:lnTo>
                    <a:lnTo>
                      <a:pt x="374" y="3013"/>
                    </a:lnTo>
                    <a:lnTo>
                      <a:pt x="378" y="3015"/>
                    </a:lnTo>
                    <a:lnTo>
                      <a:pt x="381" y="3019"/>
                    </a:lnTo>
                    <a:lnTo>
                      <a:pt x="384" y="3022"/>
                    </a:lnTo>
                    <a:lnTo>
                      <a:pt x="388" y="3023"/>
                    </a:lnTo>
                    <a:lnTo>
                      <a:pt x="394" y="3024"/>
                    </a:lnTo>
                    <a:lnTo>
                      <a:pt x="399" y="3023"/>
                    </a:lnTo>
                    <a:lnTo>
                      <a:pt x="406" y="3022"/>
                    </a:lnTo>
                    <a:lnTo>
                      <a:pt x="414" y="3019"/>
                    </a:lnTo>
                    <a:lnTo>
                      <a:pt x="430" y="3011"/>
                    </a:lnTo>
                    <a:lnTo>
                      <a:pt x="444" y="3008"/>
                    </a:lnTo>
                    <a:lnTo>
                      <a:pt x="447" y="3008"/>
                    </a:lnTo>
                    <a:lnTo>
                      <a:pt x="449" y="3008"/>
                    </a:lnTo>
                    <a:lnTo>
                      <a:pt x="452" y="3009"/>
                    </a:lnTo>
                    <a:lnTo>
                      <a:pt x="453" y="3010"/>
                    </a:lnTo>
                    <a:lnTo>
                      <a:pt x="454" y="3013"/>
                    </a:lnTo>
                    <a:lnTo>
                      <a:pt x="454" y="3017"/>
                    </a:lnTo>
                    <a:lnTo>
                      <a:pt x="454" y="3021"/>
                    </a:lnTo>
                    <a:lnTo>
                      <a:pt x="453" y="3026"/>
                    </a:lnTo>
                    <a:lnTo>
                      <a:pt x="452" y="3028"/>
                    </a:lnTo>
                    <a:lnTo>
                      <a:pt x="449" y="3032"/>
                    </a:lnTo>
                    <a:lnTo>
                      <a:pt x="447" y="3035"/>
                    </a:lnTo>
                    <a:lnTo>
                      <a:pt x="443" y="3036"/>
                    </a:lnTo>
                    <a:lnTo>
                      <a:pt x="435" y="3040"/>
                    </a:lnTo>
                    <a:lnTo>
                      <a:pt x="426" y="3041"/>
                    </a:lnTo>
                    <a:lnTo>
                      <a:pt x="406" y="3043"/>
                    </a:lnTo>
                    <a:lnTo>
                      <a:pt x="390" y="3044"/>
                    </a:lnTo>
                    <a:lnTo>
                      <a:pt x="384" y="3045"/>
                    </a:lnTo>
                    <a:lnTo>
                      <a:pt x="381" y="3046"/>
                    </a:lnTo>
                    <a:lnTo>
                      <a:pt x="378" y="3048"/>
                    </a:lnTo>
                    <a:lnTo>
                      <a:pt x="378" y="3049"/>
                    </a:lnTo>
                    <a:lnTo>
                      <a:pt x="381" y="3052"/>
                    </a:lnTo>
                    <a:lnTo>
                      <a:pt x="388" y="3056"/>
                    </a:lnTo>
                    <a:lnTo>
                      <a:pt x="406" y="3062"/>
                    </a:lnTo>
                    <a:lnTo>
                      <a:pt x="422" y="3070"/>
                    </a:lnTo>
                    <a:lnTo>
                      <a:pt x="434" y="3080"/>
                    </a:lnTo>
                    <a:lnTo>
                      <a:pt x="444" y="3090"/>
                    </a:lnTo>
                    <a:lnTo>
                      <a:pt x="449" y="3094"/>
                    </a:lnTo>
                    <a:lnTo>
                      <a:pt x="456" y="3097"/>
                    </a:lnTo>
                    <a:lnTo>
                      <a:pt x="460" y="3097"/>
                    </a:lnTo>
                    <a:lnTo>
                      <a:pt x="463" y="3096"/>
                    </a:lnTo>
                    <a:lnTo>
                      <a:pt x="467" y="3094"/>
                    </a:lnTo>
                    <a:lnTo>
                      <a:pt x="471" y="3093"/>
                    </a:lnTo>
                    <a:lnTo>
                      <a:pt x="484" y="3084"/>
                    </a:lnTo>
                    <a:lnTo>
                      <a:pt x="498" y="3078"/>
                    </a:lnTo>
                    <a:lnTo>
                      <a:pt x="511" y="3071"/>
                    </a:lnTo>
                    <a:lnTo>
                      <a:pt x="524" y="3065"/>
                    </a:lnTo>
                    <a:lnTo>
                      <a:pt x="539" y="3061"/>
                    </a:lnTo>
                    <a:lnTo>
                      <a:pt x="553" y="3057"/>
                    </a:lnTo>
                    <a:lnTo>
                      <a:pt x="568" y="3056"/>
                    </a:lnTo>
                    <a:lnTo>
                      <a:pt x="585" y="3054"/>
                    </a:lnTo>
                    <a:lnTo>
                      <a:pt x="593" y="3054"/>
                    </a:lnTo>
                    <a:lnTo>
                      <a:pt x="598" y="3056"/>
                    </a:lnTo>
                    <a:lnTo>
                      <a:pt x="603" y="3057"/>
                    </a:lnTo>
                    <a:lnTo>
                      <a:pt x="609" y="3058"/>
                    </a:lnTo>
                    <a:lnTo>
                      <a:pt x="611" y="3061"/>
                    </a:lnTo>
                    <a:lnTo>
                      <a:pt x="614" y="3062"/>
                    </a:lnTo>
                    <a:lnTo>
                      <a:pt x="615" y="3065"/>
                    </a:lnTo>
                    <a:lnTo>
                      <a:pt x="616" y="3068"/>
                    </a:lnTo>
                    <a:lnTo>
                      <a:pt x="618" y="3075"/>
                    </a:lnTo>
                    <a:lnTo>
                      <a:pt x="620" y="3081"/>
                    </a:lnTo>
                    <a:lnTo>
                      <a:pt x="623" y="3089"/>
                    </a:lnTo>
                    <a:lnTo>
                      <a:pt x="629" y="3097"/>
                    </a:lnTo>
                    <a:lnTo>
                      <a:pt x="633" y="3101"/>
                    </a:lnTo>
                    <a:lnTo>
                      <a:pt x="638" y="3103"/>
                    </a:lnTo>
                    <a:lnTo>
                      <a:pt x="644" y="3106"/>
                    </a:lnTo>
                    <a:lnTo>
                      <a:pt x="650" y="3109"/>
                    </a:lnTo>
                    <a:lnTo>
                      <a:pt x="663" y="3113"/>
                    </a:lnTo>
                    <a:lnTo>
                      <a:pt x="677" y="3116"/>
                    </a:lnTo>
                    <a:lnTo>
                      <a:pt x="693" y="3120"/>
                    </a:lnTo>
                    <a:lnTo>
                      <a:pt x="707" y="3125"/>
                    </a:lnTo>
                    <a:lnTo>
                      <a:pt x="714" y="3128"/>
                    </a:lnTo>
                    <a:lnTo>
                      <a:pt x="720" y="3132"/>
                    </a:lnTo>
                    <a:lnTo>
                      <a:pt x="725" y="3136"/>
                    </a:lnTo>
                    <a:lnTo>
                      <a:pt x="730" y="3141"/>
                    </a:lnTo>
                    <a:lnTo>
                      <a:pt x="734" y="3145"/>
                    </a:lnTo>
                    <a:lnTo>
                      <a:pt x="737" y="3151"/>
                    </a:lnTo>
                    <a:lnTo>
                      <a:pt x="738" y="3158"/>
                    </a:lnTo>
                    <a:lnTo>
                      <a:pt x="739" y="3164"/>
                    </a:lnTo>
                    <a:lnTo>
                      <a:pt x="741" y="3179"/>
                    </a:lnTo>
                    <a:lnTo>
                      <a:pt x="739" y="3193"/>
                    </a:lnTo>
                    <a:lnTo>
                      <a:pt x="739" y="3208"/>
                    </a:lnTo>
                    <a:lnTo>
                      <a:pt x="739" y="3223"/>
                    </a:lnTo>
                    <a:lnTo>
                      <a:pt x="742" y="3229"/>
                    </a:lnTo>
                    <a:lnTo>
                      <a:pt x="743" y="3236"/>
                    </a:lnTo>
                    <a:lnTo>
                      <a:pt x="747" y="3241"/>
                    </a:lnTo>
                    <a:lnTo>
                      <a:pt x="751" y="3247"/>
                    </a:lnTo>
                    <a:lnTo>
                      <a:pt x="754" y="3255"/>
                    </a:lnTo>
                    <a:lnTo>
                      <a:pt x="758" y="3263"/>
                    </a:lnTo>
                    <a:lnTo>
                      <a:pt x="763" y="3271"/>
                    </a:lnTo>
                    <a:lnTo>
                      <a:pt x="769" y="3277"/>
                    </a:lnTo>
                    <a:lnTo>
                      <a:pt x="777" y="3284"/>
                    </a:lnTo>
                    <a:lnTo>
                      <a:pt x="786" y="3290"/>
                    </a:lnTo>
                    <a:lnTo>
                      <a:pt x="795" y="3296"/>
                    </a:lnTo>
                    <a:lnTo>
                      <a:pt x="804" y="3302"/>
                    </a:lnTo>
                    <a:lnTo>
                      <a:pt x="815" y="3306"/>
                    </a:lnTo>
                    <a:lnTo>
                      <a:pt x="825" y="3309"/>
                    </a:lnTo>
                    <a:lnTo>
                      <a:pt x="835" y="3312"/>
                    </a:lnTo>
                    <a:lnTo>
                      <a:pt x="846" y="3315"/>
                    </a:lnTo>
                    <a:lnTo>
                      <a:pt x="855" y="3316"/>
                    </a:lnTo>
                    <a:lnTo>
                      <a:pt x="865" y="3317"/>
                    </a:lnTo>
                    <a:lnTo>
                      <a:pt x="874" y="3316"/>
                    </a:lnTo>
                    <a:lnTo>
                      <a:pt x="882" y="3315"/>
                    </a:lnTo>
                    <a:lnTo>
                      <a:pt x="895" y="3309"/>
                    </a:lnTo>
                    <a:lnTo>
                      <a:pt x="908" y="3304"/>
                    </a:lnTo>
                    <a:lnTo>
                      <a:pt x="921" y="3298"/>
                    </a:lnTo>
                    <a:lnTo>
                      <a:pt x="932" y="3291"/>
                    </a:lnTo>
                    <a:lnTo>
                      <a:pt x="945" y="3285"/>
                    </a:lnTo>
                    <a:lnTo>
                      <a:pt x="958" y="3281"/>
                    </a:lnTo>
                    <a:lnTo>
                      <a:pt x="965" y="3280"/>
                    </a:lnTo>
                    <a:lnTo>
                      <a:pt x="973" y="3278"/>
                    </a:lnTo>
                    <a:lnTo>
                      <a:pt x="979" y="3278"/>
                    </a:lnTo>
                    <a:lnTo>
                      <a:pt x="986" y="3278"/>
                    </a:lnTo>
                    <a:lnTo>
                      <a:pt x="1004" y="3281"/>
                    </a:lnTo>
                    <a:lnTo>
                      <a:pt x="1019" y="3281"/>
                    </a:lnTo>
                    <a:lnTo>
                      <a:pt x="1034" y="3280"/>
                    </a:lnTo>
                    <a:lnTo>
                      <a:pt x="1048" y="3276"/>
                    </a:lnTo>
                    <a:lnTo>
                      <a:pt x="1062" y="3272"/>
                    </a:lnTo>
                    <a:lnTo>
                      <a:pt x="1075" y="3265"/>
                    </a:lnTo>
                    <a:lnTo>
                      <a:pt x="1089" y="3258"/>
                    </a:lnTo>
                    <a:lnTo>
                      <a:pt x="1105" y="3249"/>
                    </a:lnTo>
                    <a:lnTo>
                      <a:pt x="1124" y="3236"/>
                    </a:lnTo>
                    <a:lnTo>
                      <a:pt x="1144" y="3223"/>
                    </a:lnTo>
                    <a:lnTo>
                      <a:pt x="1154" y="3217"/>
                    </a:lnTo>
                    <a:lnTo>
                      <a:pt x="1164" y="3212"/>
                    </a:lnTo>
                    <a:lnTo>
                      <a:pt x="1176" y="3210"/>
                    </a:lnTo>
                    <a:lnTo>
                      <a:pt x="1188" y="3208"/>
                    </a:lnTo>
                    <a:lnTo>
                      <a:pt x="1186" y="3214"/>
                    </a:lnTo>
                    <a:lnTo>
                      <a:pt x="1184" y="3219"/>
                    </a:lnTo>
                    <a:lnTo>
                      <a:pt x="1179" y="3225"/>
                    </a:lnTo>
                    <a:lnTo>
                      <a:pt x="1173" y="3232"/>
                    </a:lnTo>
                    <a:lnTo>
                      <a:pt x="1159" y="3247"/>
                    </a:lnTo>
                    <a:lnTo>
                      <a:pt x="1142" y="3261"/>
                    </a:lnTo>
                    <a:lnTo>
                      <a:pt x="1124" y="3277"/>
                    </a:lnTo>
                    <a:lnTo>
                      <a:pt x="1106" y="3289"/>
                    </a:lnTo>
                    <a:lnTo>
                      <a:pt x="1092" y="3299"/>
                    </a:lnTo>
                    <a:lnTo>
                      <a:pt x="1081" y="3304"/>
                    </a:lnTo>
                    <a:lnTo>
                      <a:pt x="1053" y="3318"/>
                    </a:lnTo>
                    <a:lnTo>
                      <a:pt x="1026" y="3333"/>
                    </a:lnTo>
                    <a:lnTo>
                      <a:pt x="1013" y="3339"/>
                    </a:lnTo>
                    <a:lnTo>
                      <a:pt x="999" y="3346"/>
                    </a:lnTo>
                    <a:lnTo>
                      <a:pt x="983" y="3351"/>
                    </a:lnTo>
                    <a:lnTo>
                      <a:pt x="967" y="3356"/>
                    </a:lnTo>
                    <a:lnTo>
                      <a:pt x="954" y="3359"/>
                    </a:lnTo>
                    <a:lnTo>
                      <a:pt x="936" y="3361"/>
                    </a:lnTo>
                    <a:lnTo>
                      <a:pt x="927" y="3364"/>
                    </a:lnTo>
                    <a:lnTo>
                      <a:pt x="920" y="3366"/>
                    </a:lnTo>
                    <a:lnTo>
                      <a:pt x="913" y="3369"/>
                    </a:lnTo>
                    <a:lnTo>
                      <a:pt x="910" y="3373"/>
                    </a:lnTo>
                    <a:lnTo>
                      <a:pt x="908" y="3379"/>
                    </a:lnTo>
                    <a:lnTo>
                      <a:pt x="908" y="3386"/>
                    </a:lnTo>
                    <a:lnTo>
                      <a:pt x="909" y="3394"/>
                    </a:lnTo>
                    <a:lnTo>
                      <a:pt x="909" y="3401"/>
                    </a:lnTo>
                    <a:lnTo>
                      <a:pt x="909" y="3408"/>
                    </a:lnTo>
                    <a:lnTo>
                      <a:pt x="908" y="3414"/>
                    </a:lnTo>
                    <a:lnTo>
                      <a:pt x="907" y="3418"/>
                    </a:lnTo>
                    <a:lnTo>
                      <a:pt x="905" y="3421"/>
                    </a:lnTo>
                    <a:lnTo>
                      <a:pt x="903" y="3422"/>
                    </a:lnTo>
                    <a:lnTo>
                      <a:pt x="899" y="3423"/>
                    </a:lnTo>
                    <a:lnTo>
                      <a:pt x="895" y="3425"/>
                    </a:lnTo>
                    <a:lnTo>
                      <a:pt x="891" y="3425"/>
                    </a:lnTo>
                    <a:lnTo>
                      <a:pt x="885" y="3425"/>
                    </a:lnTo>
                    <a:lnTo>
                      <a:pt x="879" y="3423"/>
                    </a:lnTo>
                    <a:lnTo>
                      <a:pt x="865" y="3420"/>
                    </a:lnTo>
                    <a:lnTo>
                      <a:pt x="851" y="3413"/>
                    </a:lnTo>
                    <a:lnTo>
                      <a:pt x="822" y="3401"/>
                    </a:lnTo>
                    <a:lnTo>
                      <a:pt x="803" y="3391"/>
                    </a:lnTo>
                    <a:lnTo>
                      <a:pt x="783" y="3381"/>
                    </a:lnTo>
                    <a:lnTo>
                      <a:pt x="764" y="3373"/>
                    </a:lnTo>
                    <a:lnTo>
                      <a:pt x="745" y="3366"/>
                    </a:lnTo>
                    <a:lnTo>
                      <a:pt x="725" y="3360"/>
                    </a:lnTo>
                    <a:lnTo>
                      <a:pt x="685" y="3348"/>
                    </a:lnTo>
                    <a:lnTo>
                      <a:pt x="645" y="3335"/>
                    </a:lnTo>
                    <a:lnTo>
                      <a:pt x="623" y="3337"/>
                    </a:lnTo>
                    <a:lnTo>
                      <a:pt x="600" y="3334"/>
                    </a:lnTo>
                    <a:lnTo>
                      <a:pt x="588" y="3334"/>
                    </a:lnTo>
                    <a:lnTo>
                      <a:pt x="576" y="3333"/>
                    </a:lnTo>
                    <a:lnTo>
                      <a:pt x="565" y="3334"/>
                    </a:lnTo>
                    <a:lnTo>
                      <a:pt x="553" y="3335"/>
                    </a:lnTo>
                    <a:lnTo>
                      <a:pt x="549" y="3337"/>
                    </a:lnTo>
                    <a:lnTo>
                      <a:pt x="546" y="3338"/>
                    </a:lnTo>
                    <a:lnTo>
                      <a:pt x="544" y="3341"/>
                    </a:lnTo>
                    <a:lnTo>
                      <a:pt x="544" y="3342"/>
                    </a:lnTo>
                    <a:lnTo>
                      <a:pt x="545" y="3347"/>
                    </a:lnTo>
                    <a:lnTo>
                      <a:pt x="550" y="3353"/>
                    </a:lnTo>
                    <a:lnTo>
                      <a:pt x="555" y="3360"/>
                    </a:lnTo>
                    <a:lnTo>
                      <a:pt x="559" y="3366"/>
                    </a:lnTo>
                    <a:lnTo>
                      <a:pt x="562" y="3370"/>
                    </a:lnTo>
                    <a:lnTo>
                      <a:pt x="563" y="3374"/>
                    </a:lnTo>
                    <a:lnTo>
                      <a:pt x="563" y="3377"/>
                    </a:lnTo>
                    <a:lnTo>
                      <a:pt x="562" y="3381"/>
                    </a:lnTo>
                    <a:lnTo>
                      <a:pt x="546" y="3378"/>
                    </a:lnTo>
                    <a:lnTo>
                      <a:pt x="533" y="3375"/>
                    </a:lnTo>
                    <a:lnTo>
                      <a:pt x="521" y="3374"/>
                    </a:lnTo>
                    <a:lnTo>
                      <a:pt x="510" y="3375"/>
                    </a:lnTo>
                    <a:lnTo>
                      <a:pt x="500" y="3377"/>
                    </a:lnTo>
                    <a:lnTo>
                      <a:pt x="491" y="3379"/>
                    </a:lnTo>
                    <a:lnTo>
                      <a:pt x="483" y="3383"/>
                    </a:lnTo>
                    <a:lnTo>
                      <a:pt x="475" y="3388"/>
                    </a:lnTo>
                    <a:lnTo>
                      <a:pt x="444" y="3416"/>
                    </a:lnTo>
                    <a:lnTo>
                      <a:pt x="403" y="3452"/>
                    </a:lnTo>
                    <a:lnTo>
                      <a:pt x="383" y="3465"/>
                    </a:lnTo>
                    <a:lnTo>
                      <a:pt x="361" y="3478"/>
                    </a:lnTo>
                    <a:lnTo>
                      <a:pt x="339" y="3489"/>
                    </a:lnTo>
                    <a:lnTo>
                      <a:pt x="316" y="3500"/>
                    </a:lnTo>
                    <a:lnTo>
                      <a:pt x="268" y="3521"/>
                    </a:lnTo>
                    <a:lnTo>
                      <a:pt x="223" y="3540"/>
                    </a:lnTo>
                    <a:lnTo>
                      <a:pt x="210" y="3548"/>
                    </a:lnTo>
                    <a:lnTo>
                      <a:pt x="198" y="3556"/>
                    </a:lnTo>
                    <a:lnTo>
                      <a:pt x="186" y="3565"/>
                    </a:lnTo>
                    <a:lnTo>
                      <a:pt x="176" y="3575"/>
                    </a:lnTo>
                    <a:lnTo>
                      <a:pt x="164" y="3584"/>
                    </a:lnTo>
                    <a:lnTo>
                      <a:pt x="153" y="3593"/>
                    </a:lnTo>
                    <a:lnTo>
                      <a:pt x="141" y="3601"/>
                    </a:lnTo>
                    <a:lnTo>
                      <a:pt x="128" y="3607"/>
                    </a:lnTo>
                    <a:lnTo>
                      <a:pt x="120" y="3610"/>
                    </a:lnTo>
                    <a:lnTo>
                      <a:pt x="112" y="3611"/>
                    </a:lnTo>
                    <a:lnTo>
                      <a:pt x="103" y="3611"/>
                    </a:lnTo>
                    <a:lnTo>
                      <a:pt x="94" y="3611"/>
                    </a:lnTo>
                    <a:lnTo>
                      <a:pt x="75" y="3611"/>
                    </a:lnTo>
                    <a:lnTo>
                      <a:pt x="55" y="3611"/>
                    </a:lnTo>
                    <a:lnTo>
                      <a:pt x="46" y="3611"/>
                    </a:lnTo>
                    <a:lnTo>
                      <a:pt x="39" y="3613"/>
                    </a:lnTo>
                    <a:lnTo>
                      <a:pt x="30" y="3615"/>
                    </a:lnTo>
                    <a:lnTo>
                      <a:pt x="22" y="3619"/>
                    </a:lnTo>
                    <a:lnTo>
                      <a:pt x="15" y="3624"/>
                    </a:lnTo>
                    <a:lnTo>
                      <a:pt x="9" y="3631"/>
                    </a:lnTo>
                    <a:lnTo>
                      <a:pt x="4" y="3638"/>
                    </a:lnTo>
                    <a:lnTo>
                      <a:pt x="0" y="3649"/>
                    </a:lnTo>
                    <a:lnTo>
                      <a:pt x="0" y="3653"/>
                    </a:lnTo>
                    <a:lnTo>
                      <a:pt x="0" y="3655"/>
                    </a:lnTo>
                    <a:lnTo>
                      <a:pt x="2" y="3657"/>
                    </a:lnTo>
                    <a:lnTo>
                      <a:pt x="5" y="3658"/>
                    </a:lnTo>
                    <a:lnTo>
                      <a:pt x="14" y="3658"/>
                    </a:lnTo>
                    <a:lnTo>
                      <a:pt x="24" y="3657"/>
                    </a:lnTo>
                    <a:lnTo>
                      <a:pt x="37" y="3655"/>
                    </a:lnTo>
                    <a:lnTo>
                      <a:pt x="49" y="3654"/>
                    </a:lnTo>
                    <a:lnTo>
                      <a:pt x="54" y="3654"/>
                    </a:lnTo>
                    <a:lnTo>
                      <a:pt x="59" y="3655"/>
                    </a:lnTo>
                    <a:lnTo>
                      <a:pt x="63" y="3657"/>
                    </a:lnTo>
                    <a:lnTo>
                      <a:pt x="67" y="3659"/>
                    </a:lnTo>
                    <a:lnTo>
                      <a:pt x="71" y="3664"/>
                    </a:lnTo>
                    <a:lnTo>
                      <a:pt x="72" y="3672"/>
                    </a:lnTo>
                    <a:lnTo>
                      <a:pt x="74" y="3681"/>
                    </a:lnTo>
                    <a:lnTo>
                      <a:pt x="74" y="3690"/>
                    </a:lnTo>
                    <a:lnTo>
                      <a:pt x="74" y="3699"/>
                    </a:lnTo>
                    <a:lnTo>
                      <a:pt x="74" y="3707"/>
                    </a:lnTo>
                    <a:lnTo>
                      <a:pt x="75" y="3712"/>
                    </a:lnTo>
                    <a:lnTo>
                      <a:pt x="76" y="3715"/>
                    </a:lnTo>
                    <a:lnTo>
                      <a:pt x="77" y="3717"/>
                    </a:lnTo>
                    <a:lnTo>
                      <a:pt x="79" y="3719"/>
                    </a:lnTo>
                    <a:lnTo>
                      <a:pt x="85" y="3720"/>
                    </a:lnTo>
                    <a:lnTo>
                      <a:pt x="93" y="3719"/>
                    </a:lnTo>
                    <a:lnTo>
                      <a:pt x="98" y="3717"/>
                    </a:lnTo>
                    <a:lnTo>
                      <a:pt x="105" y="3715"/>
                    </a:lnTo>
                    <a:lnTo>
                      <a:pt x="115" y="3707"/>
                    </a:lnTo>
                    <a:lnTo>
                      <a:pt x="124" y="3698"/>
                    </a:lnTo>
                    <a:lnTo>
                      <a:pt x="134" y="3688"/>
                    </a:lnTo>
                    <a:lnTo>
                      <a:pt x="145" y="3676"/>
                    </a:lnTo>
                    <a:lnTo>
                      <a:pt x="156" y="3666"/>
                    </a:lnTo>
                    <a:lnTo>
                      <a:pt x="171" y="3655"/>
                    </a:lnTo>
                    <a:lnTo>
                      <a:pt x="182" y="3650"/>
                    </a:lnTo>
                    <a:lnTo>
                      <a:pt x="189" y="3649"/>
                    </a:lnTo>
                    <a:lnTo>
                      <a:pt x="191" y="3650"/>
                    </a:lnTo>
                    <a:lnTo>
                      <a:pt x="193" y="3651"/>
                    </a:lnTo>
                    <a:lnTo>
                      <a:pt x="195" y="3653"/>
                    </a:lnTo>
                    <a:lnTo>
                      <a:pt x="195" y="3655"/>
                    </a:lnTo>
                    <a:lnTo>
                      <a:pt x="197" y="3662"/>
                    </a:lnTo>
                    <a:lnTo>
                      <a:pt x="198" y="3668"/>
                    </a:lnTo>
                    <a:lnTo>
                      <a:pt x="201" y="3675"/>
                    </a:lnTo>
                    <a:lnTo>
                      <a:pt x="204" y="3681"/>
                    </a:lnTo>
                    <a:lnTo>
                      <a:pt x="208" y="3685"/>
                    </a:lnTo>
                    <a:lnTo>
                      <a:pt x="212" y="3686"/>
                    </a:lnTo>
                    <a:lnTo>
                      <a:pt x="219" y="3688"/>
                    </a:lnTo>
                    <a:lnTo>
                      <a:pt x="225" y="3686"/>
                    </a:lnTo>
                    <a:lnTo>
                      <a:pt x="239" y="3683"/>
                    </a:lnTo>
                    <a:lnTo>
                      <a:pt x="256" y="3677"/>
                    </a:lnTo>
                    <a:lnTo>
                      <a:pt x="274" y="3671"/>
                    </a:lnTo>
                    <a:lnTo>
                      <a:pt x="292" y="3667"/>
                    </a:lnTo>
                    <a:lnTo>
                      <a:pt x="302" y="3667"/>
                    </a:lnTo>
                    <a:lnTo>
                      <a:pt x="311" y="3668"/>
                    </a:lnTo>
                    <a:lnTo>
                      <a:pt x="318" y="3670"/>
                    </a:lnTo>
                    <a:lnTo>
                      <a:pt x="326" y="3673"/>
                    </a:lnTo>
                    <a:lnTo>
                      <a:pt x="334" y="3677"/>
                    </a:lnTo>
                    <a:lnTo>
                      <a:pt x="340" y="3680"/>
                    </a:lnTo>
                    <a:lnTo>
                      <a:pt x="347" y="3681"/>
                    </a:lnTo>
                    <a:lnTo>
                      <a:pt x="352" y="3683"/>
                    </a:lnTo>
                    <a:lnTo>
                      <a:pt x="362" y="3683"/>
                    </a:lnTo>
                    <a:lnTo>
                      <a:pt x="373" y="3681"/>
                    </a:lnTo>
                    <a:lnTo>
                      <a:pt x="377" y="3683"/>
                    </a:lnTo>
                    <a:lnTo>
                      <a:pt x="382" y="3683"/>
                    </a:lnTo>
                    <a:lnTo>
                      <a:pt x="387" y="3684"/>
                    </a:lnTo>
                    <a:lnTo>
                      <a:pt x="392" y="3688"/>
                    </a:lnTo>
                    <a:lnTo>
                      <a:pt x="397" y="3692"/>
                    </a:lnTo>
                    <a:lnTo>
                      <a:pt x="403" y="3697"/>
                    </a:lnTo>
                    <a:lnTo>
                      <a:pt x="409" y="3705"/>
                    </a:lnTo>
                    <a:lnTo>
                      <a:pt x="416" y="3714"/>
                    </a:lnTo>
                    <a:lnTo>
                      <a:pt x="419" y="3716"/>
                    </a:lnTo>
                    <a:lnTo>
                      <a:pt x="422" y="3719"/>
                    </a:lnTo>
                    <a:lnTo>
                      <a:pt x="425" y="3717"/>
                    </a:lnTo>
                    <a:lnTo>
                      <a:pt x="429" y="3716"/>
                    </a:lnTo>
                    <a:lnTo>
                      <a:pt x="434" y="3711"/>
                    </a:lnTo>
                    <a:lnTo>
                      <a:pt x="439" y="3702"/>
                    </a:lnTo>
                    <a:lnTo>
                      <a:pt x="443" y="3694"/>
                    </a:lnTo>
                    <a:lnTo>
                      <a:pt x="447" y="3688"/>
                    </a:lnTo>
                    <a:lnTo>
                      <a:pt x="448" y="3686"/>
                    </a:lnTo>
                    <a:lnTo>
                      <a:pt x="449" y="3686"/>
                    </a:lnTo>
                    <a:lnTo>
                      <a:pt x="449" y="3688"/>
                    </a:lnTo>
                    <a:lnTo>
                      <a:pt x="449" y="3690"/>
                    </a:lnTo>
                    <a:lnTo>
                      <a:pt x="451" y="3702"/>
                    </a:lnTo>
                    <a:lnTo>
                      <a:pt x="452" y="3711"/>
                    </a:lnTo>
                    <a:lnTo>
                      <a:pt x="456" y="3720"/>
                    </a:lnTo>
                    <a:lnTo>
                      <a:pt x="460" y="3728"/>
                    </a:lnTo>
                    <a:lnTo>
                      <a:pt x="465" y="3733"/>
                    </a:lnTo>
                    <a:lnTo>
                      <a:pt x="470" y="3740"/>
                    </a:lnTo>
                    <a:lnTo>
                      <a:pt x="476" y="3743"/>
                    </a:lnTo>
                    <a:lnTo>
                      <a:pt x="484" y="3749"/>
                    </a:lnTo>
                    <a:lnTo>
                      <a:pt x="517" y="3763"/>
                    </a:lnTo>
                    <a:lnTo>
                      <a:pt x="550" y="3781"/>
                    </a:lnTo>
                    <a:lnTo>
                      <a:pt x="555" y="3784"/>
                    </a:lnTo>
                    <a:lnTo>
                      <a:pt x="561" y="3785"/>
                    </a:lnTo>
                    <a:lnTo>
                      <a:pt x="566" y="3786"/>
                    </a:lnTo>
                    <a:lnTo>
                      <a:pt x="571" y="3786"/>
                    </a:lnTo>
                    <a:lnTo>
                      <a:pt x="576" y="3785"/>
                    </a:lnTo>
                    <a:lnTo>
                      <a:pt x="583" y="3782"/>
                    </a:lnTo>
                    <a:lnTo>
                      <a:pt x="588" y="3780"/>
                    </a:lnTo>
                    <a:lnTo>
                      <a:pt x="593" y="3776"/>
                    </a:lnTo>
                    <a:lnTo>
                      <a:pt x="603" y="3765"/>
                    </a:lnTo>
                    <a:lnTo>
                      <a:pt x="615" y="3754"/>
                    </a:lnTo>
                    <a:lnTo>
                      <a:pt x="625" y="3740"/>
                    </a:lnTo>
                    <a:lnTo>
                      <a:pt x="635" y="3725"/>
                    </a:lnTo>
                    <a:lnTo>
                      <a:pt x="654" y="3693"/>
                    </a:lnTo>
                    <a:lnTo>
                      <a:pt x="671" y="3662"/>
                    </a:lnTo>
                    <a:lnTo>
                      <a:pt x="684" y="3636"/>
                    </a:lnTo>
                    <a:lnTo>
                      <a:pt x="695" y="3620"/>
                    </a:lnTo>
                    <a:lnTo>
                      <a:pt x="698" y="3618"/>
                    </a:lnTo>
                    <a:lnTo>
                      <a:pt x="701" y="3616"/>
                    </a:lnTo>
                    <a:lnTo>
                      <a:pt x="703" y="3615"/>
                    </a:lnTo>
                    <a:lnTo>
                      <a:pt x="706" y="3615"/>
                    </a:lnTo>
                    <a:lnTo>
                      <a:pt x="710" y="3618"/>
                    </a:lnTo>
                    <a:lnTo>
                      <a:pt x="715" y="3622"/>
                    </a:lnTo>
                    <a:lnTo>
                      <a:pt x="719" y="3627"/>
                    </a:lnTo>
                    <a:lnTo>
                      <a:pt x="724" y="3632"/>
                    </a:lnTo>
                    <a:lnTo>
                      <a:pt x="729" y="3636"/>
                    </a:lnTo>
                    <a:lnTo>
                      <a:pt x="734" y="3638"/>
                    </a:lnTo>
                    <a:lnTo>
                      <a:pt x="746" y="3640"/>
                    </a:lnTo>
                    <a:lnTo>
                      <a:pt x="759" y="3638"/>
                    </a:lnTo>
                    <a:lnTo>
                      <a:pt x="765" y="3638"/>
                    </a:lnTo>
                    <a:lnTo>
                      <a:pt x="771" y="3638"/>
                    </a:lnTo>
                    <a:lnTo>
                      <a:pt x="777" y="3640"/>
                    </a:lnTo>
                    <a:lnTo>
                      <a:pt x="782" y="3641"/>
                    </a:lnTo>
                    <a:lnTo>
                      <a:pt x="790" y="3646"/>
                    </a:lnTo>
                    <a:lnTo>
                      <a:pt x="795" y="3651"/>
                    </a:lnTo>
                    <a:lnTo>
                      <a:pt x="796" y="3655"/>
                    </a:lnTo>
                    <a:lnTo>
                      <a:pt x="799" y="3659"/>
                    </a:lnTo>
                    <a:lnTo>
                      <a:pt x="802" y="3662"/>
                    </a:lnTo>
                    <a:lnTo>
                      <a:pt x="808" y="3663"/>
                    </a:lnTo>
                    <a:lnTo>
                      <a:pt x="818" y="3664"/>
                    </a:lnTo>
                    <a:lnTo>
                      <a:pt x="837" y="3666"/>
                    </a:lnTo>
                    <a:lnTo>
                      <a:pt x="847" y="3666"/>
                    </a:lnTo>
                    <a:lnTo>
                      <a:pt x="857" y="3667"/>
                    </a:lnTo>
                    <a:lnTo>
                      <a:pt x="868" y="3670"/>
                    </a:lnTo>
                    <a:lnTo>
                      <a:pt x="878" y="3673"/>
                    </a:lnTo>
                    <a:lnTo>
                      <a:pt x="888" y="3677"/>
                    </a:lnTo>
                    <a:lnTo>
                      <a:pt x="899" y="3683"/>
                    </a:lnTo>
                    <a:lnTo>
                      <a:pt x="908" y="3688"/>
                    </a:lnTo>
                    <a:lnTo>
                      <a:pt x="916" y="3694"/>
                    </a:lnTo>
                    <a:lnTo>
                      <a:pt x="925" y="3719"/>
                    </a:lnTo>
                    <a:lnTo>
                      <a:pt x="934" y="3745"/>
                    </a:lnTo>
                    <a:lnTo>
                      <a:pt x="936" y="3750"/>
                    </a:lnTo>
                    <a:lnTo>
                      <a:pt x="939" y="3755"/>
                    </a:lnTo>
                    <a:lnTo>
                      <a:pt x="943" y="3759"/>
                    </a:lnTo>
                    <a:lnTo>
                      <a:pt x="947" y="3762"/>
                    </a:lnTo>
                    <a:lnTo>
                      <a:pt x="951" y="3764"/>
                    </a:lnTo>
                    <a:lnTo>
                      <a:pt x="956" y="3765"/>
                    </a:lnTo>
                    <a:lnTo>
                      <a:pt x="961" y="3765"/>
                    </a:lnTo>
                    <a:lnTo>
                      <a:pt x="967" y="3764"/>
                    </a:lnTo>
                    <a:lnTo>
                      <a:pt x="980" y="3760"/>
                    </a:lnTo>
                    <a:lnTo>
                      <a:pt x="992" y="3759"/>
                    </a:lnTo>
                    <a:lnTo>
                      <a:pt x="1004" y="3759"/>
                    </a:lnTo>
                    <a:lnTo>
                      <a:pt x="1014" y="3760"/>
                    </a:lnTo>
                    <a:lnTo>
                      <a:pt x="1024" y="3762"/>
                    </a:lnTo>
                    <a:lnTo>
                      <a:pt x="1034" y="3765"/>
                    </a:lnTo>
                    <a:lnTo>
                      <a:pt x="1044" y="3768"/>
                    </a:lnTo>
                    <a:lnTo>
                      <a:pt x="1053" y="3773"/>
                    </a:lnTo>
                    <a:lnTo>
                      <a:pt x="1071" y="3781"/>
                    </a:lnTo>
                    <a:lnTo>
                      <a:pt x="1089" y="3790"/>
                    </a:lnTo>
                    <a:lnTo>
                      <a:pt x="1098" y="3794"/>
                    </a:lnTo>
                    <a:lnTo>
                      <a:pt x="1107" y="3796"/>
                    </a:lnTo>
                    <a:lnTo>
                      <a:pt x="1118" y="3798"/>
                    </a:lnTo>
                    <a:lnTo>
                      <a:pt x="1128" y="3799"/>
                    </a:lnTo>
                    <a:lnTo>
                      <a:pt x="1133" y="3799"/>
                    </a:lnTo>
                    <a:lnTo>
                      <a:pt x="1136" y="3798"/>
                    </a:lnTo>
                    <a:lnTo>
                      <a:pt x="1137" y="3794"/>
                    </a:lnTo>
                    <a:lnTo>
                      <a:pt x="1137" y="3790"/>
                    </a:lnTo>
                    <a:lnTo>
                      <a:pt x="1133" y="3780"/>
                    </a:lnTo>
                    <a:lnTo>
                      <a:pt x="1125" y="3768"/>
                    </a:lnTo>
                    <a:lnTo>
                      <a:pt x="1106" y="3742"/>
                    </a:lnTo>
                    <a:lnTo>
                      <a:pt x="1093" y="3725"/>
                    </a:lnTo>
                    <a:lnTo>
                      <a:pt x="1092" y="3719"/>
                    </a:lnTo>
                    <a:lnTo>
                      <a:pt x="1092" y="3714"/>
                    </a:lnTo>
                    <a:lnTo>
                      <a:pt x="1093" y="3711"/>
                    </a:lnTo>
                    <a:lnTo>
                      <a:pt x="1096" y="3708"/>
                    </a:lnTo>
                    <a:lnTo>
                      <a:pt x="1098" y="3708"/>
                    </a:lnTo>
                    <a:lnTo>
                      <a:pt x="1103" y="3710"/>
                    </a:lnTo>
                    <a:lnTo>
                      <a:pt x="1109" y="3711"/>
                    </a:lnTo>
                    <a:lnTo>
                      <a:pt x="1115" y="3714"/>
                    </a:lnTo>
                    <a:lnTo>
                      <a:pt x="1140" y="3728"/>
                    </a:lnTo>
                    <a:lnTo>
                      <a:pt x="1157" y="3738"/>
                    </a:lnTo>
                    <a:lnTo>
                      <a:pt x="1166" y="3743"/>
                    </a:lnTo>
                    <a:lnTo>
                      <a:pt x="1175" y="3747"/>
                    </a:lnTo>
                    <a:lnTo>
                      <a:pt x="1184" y="3749"/>
                    </a:lnTo>
                    <a:lnTo>
                      <a:pt x="1192" y="3750"/>
                    </a:lnTo>
                    <a:lnTo>
                      <a:pt x="1199" y="3750"/>
                    </a:lnTo>
                    <a:lnTo>
                      <a:pt x="1207" y="3749"/>
                    </a:lnTo>
                    <a:lnTo>
                      <a:pt x="1215" y="3747"/>
                    </a:lnTo>
                    <a:lnTo>
                      <a:pt x="1221" y="3745"/>
                    </a:lnTo>
                    <a:lnTo>
                      <a:pt x="1236" y="3740"/>
                    </a:lnTo>
                    <a:lnTo>
                      <a:pt x="1249" y="3736"/>
                    </a:lnTo>
                    <a:lnTo>
                      <a:pt x="1255" y="3733"/>
                    </a:lnTo>
                    <a:lnTo>
                      <a:pt x="1262" y="3733"/>
                    </a:lnTo>
                    <a:lnTo>
                      <a:pt x="1268" y="3733"/>
                    </a:lnTo>
                    <a:lnTo>
                      <a:pt x="1274" y="3734"/>
                    </a:lnTo>
                    <a:lnTo>
                      <a:pt x="1287" y="3737"/>
                    </a:lnTo>
                    <a:lnTo>
                      <a:pt x="1297" y="3737"/>
                    </a:lnTo>
                    <a:lnTo>
                      <a:pt x="1304" y="3737"/>
                    </a:lnTo>
                    <a:lnTo>
                      <a:pt x="1308" y="3734"/>
                    </a:lnTo>
                    <a:lnTo>
                      <a:pt x="1312" y="3730"/>
                    </a:lnTo>
                    <a:lnTo>
                      <a:pt x="1315" y="3727"/>
                    </a:lnTo>
                    <a:lnTo>
                      <a:pt x="1315" y="3721"/>
                    </a:lnTo>
                    <a:lnTo>
                      <a:pt x="1315" y="3716"/>
                    </a:lnTo>
                    <a:lnTo>
                      <a:pt x="1313" y="3705"/>
                    </a:lnTo>
                    <a:lnTo>
                      <a:pt x="1313" y="3694"/>
                    </a:lnTo>
                    <a:lnTo>
                      <a:pt x="1313" y="3690"/>
                    </a:lnTo>
                    <a:lnTo>
                      <a:pt x="1315" y="3688"/>
                    </a:lnTo>
                    <a:lnTo>
                      <a:pt x="1319" y="3685"/>
                    </a:lnTo>
                    <a:lnTo>
                      <a:pt x="1322" y="3684"/>
                    </a:lnTo>
                    <a:lnTo>
                      <a:pt x="1325" y="3686"/>
                    </a:lnTo>
                    <a:lnTo>
                      <a:pt x="1325" y="3693"/>
                    </a:lnTo>
                    <a:lnTo>
                      <a:pt x="1326" y="3699"/>
                    </a:lnTo>
                    <a:lnTo>
                      <a:pt x="1329" y="3705"/>
                    </a:lnTo>
                    <a:lnTo>
                      <a:pt x="1333" y="3710"/>
                    </a:lnTo>
                    <a:lnTo>
                      <a:pt x="1337" y="3715"/>
                    </a:lnTo>
                    <a:lnTo>
                      <a:pt x="1342" y="3719"/>
                    </a:lnTo>
                    <a:lnTo>
                      <a:pt x="1347" y="3723"/>
                    </a:lnTo>
                    <a:lnTo>
                      <a:pt x="1354" y="3725"/>
                    </a:lnTo>
                    <a:lnTo>
                      <a:pt x="1366" y="3730"/>
                    </a:lnTo>
                    <a:lnTo>
                      <a:pt x="1382" y="3734"/>
                    </a:lnTo>
                    <a:lnTo>
                      <a:pt x="1399" y="3737"/>
                    </a:lnTo>
                    <a:lnTo>
                      <a:pt x="1416" y="3740"/>
                    </a:lnTo>
                    <a:lnTo>
                      <a:pt x="1448" y="3743"/>
                    </a:lnTo>
                    <a:lnTo>
                      <a:pt x="1478" y="3749"/>
                    </a:lnTo>
                    <a:lnTo>
                      <a:pt x="1490" y="3752"/>
                    </a:lnTo>
                    <a:lnTo>
                      <a:pt x="1499" y="3759"/>
                    </a:lnTo>
                    <a:lnTo>
                      <a:pt x="1501" y="3762"/>
                    </a:lnTo>
                    <a:lnTo>
                      <a:pt x="1504" y="3765"/>
                    </a:lnTo>
                    <a:lnTo>
                      <a:pt x="1505" y="3771"/>
                    </a:lnTo>
                    <a:lnTo>
                      <a:pt x="1506" y="3776"/>
                    </a:lnTo>
                    <a:lnTo>
                      <a:pt x="1490" y="3782"/>
                    </a:lnTo>
                    <a:lnTo>
                      <a:pt x="1474" y="3785"/>
                    </a:lnTo>
                    <a:lnTo>
                      <a:pt x="1469" y="3787"/>
                    </a:lnTo>
                    <a:lnTo>
                      <a:pt x="1465" y="3791"/>
                    </a:lnTo>
                    <a:lnTo>
                      <a:pt x="1464" y="3795"/>
                    </a:lnTo>
                    <a:lnTo>
                      <a:pt x="1464" y="3798"/>
                    </a:lnTo>
                    <a:lnTo>
                      <a:pt x="1464" y="3803"/>
                    </a:lnTo>
                    <a:lnTo>
                      <a:pt x="1465" y="3808"/>
                    </a:lnTo>
                    <a:lnTo>
                      <a:pt x="1468" y="3815"/>
                    </a:lnTo>
                    <a:lnTo>
                      <a:pt x="1471" y="3820"/>
                    </a:lnTo>
                    <a:lnTo>
                      <a:pt x="1477" y="3824"/>
                    </a:lnTo>
                    <a:lnTo>
                      <a:pt x="1483" y="3826"/>
                    </a:lnTo>
                    <a:lnTo>
                      <a:pt x="1491" y="3828"/>
                    </a:lnTo>
                    <a:lnTo>
                      <a:pt x="1499" y="3828"/>
                    </a:lnTo>
                    <a:lnTo>
                      <a:pt x="1508" y="3826"/>
                    </a:lnTo>
                    <a:lnTo>
                      <a:pt x="1518" y="3825"/>
                    </a:lnTo>
                    <a:lnTo>
                      <a:pt x="1537" y="3822"/>
                    </a:lnTo>
                    <a:lnTo>
                      <a:pt x="1558" y="3820"/>
                    </a:lnTo>
                    <a:lnTo>
                      <a:pt x="1569" y="3819"/>
                    </a:lnTo>
                    <a:lnTo>
                      <a:pt x="1579" y="3819"/>
                    </a:lnTo>
                    <a:lnTo>
                      <a:pt x="1588" y="3820"/>
                    </a:lnTo>
                    <a:lnTo>
                      <a:pt x="1597" y="3822"/>
                    </a:lnTo>
                    <a:lnTo>
                      <a:pt x="1606" y="3825"/>
                    </a:lnTo>
                    <a:lnTo>
                      <a:pt x="1616" y="3826"/>
                    </a:lnTo>
                    <a:lnTo>
                      <a:pt x="1627" y="3826"/>
                    </a:lnTo>
                    <a:lnTo>
                      <a:pt x="1639" y="3825"/>
                    </a:lnTo>
                    <a:lnTo>
                      <a:pt x="1648" y="3826"/>
                    </a:lnTo>
                    <a:lnTo>
                      <a:pt x="1657" y="3829"/>
                    </a:lnTo>
                    <a:lnTo>
                      <a:pt x="1661" y="3830"/>
                    </a:lnTo>
                    <a:lnTo>
                      <a:pt x="1664" y="3833"/>
                    </a:lnTo>
                    <a:lnTo>
                      <a:pt x="1668" y="3837"/>
                    </a:lnTo>
                    <a:lnTo>
                      <a:pt x="1671" y="3841"/>
                    </a:lnTo>
                    <a:lnTo>
                      <a:pt x="1680" y="3857"/>
                    </a:lnTo>
                    <a:lnTo>
                      <a:pt x="1692" y="3876"/>
                    </a:lnTo>
                    <a:lnTo>
                      <a:pt x="1698" y="3883"/>
                    </a:lnTo>
                    <a:lnTo>
                      <a:pt x="1706" y="3890"/>
                    </a:lnTo>
                    <a:lnTo>
                      <a:pt x="1714" y="3895"/>
                    </a:lnTo>
                    <a:lnTo>
                      <a:pt x="1721" y="3896"/>
                    </a:lnTo>
                    <a:lnTo>
                      <a:pt x="1728" y="3899"/>
                    </a:lnTo>
                    <a:lnTo>
                      <a:pt x="1734" y="3901"/>
                    </a:lnTo>
                    <a:lnTo>
                      <a:pt x="1742" y="3901"/>
                    </a:lnTo>
                    <a:lnTo>
                      <a:pt x="1751" y="3901"/>
                    </a:lnTo>
                    <a:lnTo>
                      <a:pt x="1771" y="3899"/>
                    </a:lnTo>
                    <a:lnTo>
                      <a:pt x="1790" y="3895"/>
                    </a:lnTo>
                    <a:lnTo>
                      <a:pt x="1812" y="3890"/>
                    </a:lnTo>
                    <a:lnTo>
                      <a:pt x="1833" y="3885"/>
                    </a:lnTo>
                    <a:lnTo>
                      <a:pt x="1851" y="3881"/>
                    </a:lnTo>
                    <a:lnTo>
                      <a:pt x="1867" y="3879"/>
                    </a:lnTo>
                    <a:lnTo>
                      <a:pt x="1889" y="3879"/>
                    </a:lnTo>
                    <a:lnTo>
                      <a:pt x="1911" y="3878"/>
                    </a:lnTo>
                    <a:lnTo>
                      <a:pt x="1933" y="3876"/>
                    </a:lnTo>
                    <a:lnTo>
                      <a:pt x="1955" y="3872"/>
                    </a:lnTo>
                    <a:lnTo>
                      <a:pt x="1977" y="3868"/>
                    </a:lnTo>
                    <a:lnTo>
                      <a:pt x="1999" y="3861"/>
                    </a:lnTo>
                    <a:lnTo>
                      <a:pt x="2019" y="3855"/>
                    </a:lnTo>
                    <a:lnTo>
                      <a:pt x="2039" y="3846"/>
                    </a:lnTo>
                    <a:lnTo>
                      <a:pt x="2058" y="3835"/>
                    </a:lnTo>
                    <a:lnTo>
                      <a:pt x="2076" y="3824"/>
                    </a:lnTo>
                    <a:lnTo>
                      <a:pt x="2092" y="3811"/>
                    </a:lnTo>
                    <a:lnTo>
                      <a:pt x="2106" y="3796"/>
                    </a:lnTo>
                    <a:lnTo>
                      <a:pt x="2113" y="3787"/>
                    </a:lnTo>
                    <a:lnTo>
                      <a:pt x="2118" y="3780"/>
                    </a:lnTo>
                    <a:lnTo>
                      <a:pt x="2123" y="3771"/>
                    </a:lnTo>
                    <a:lnTo>
                      <a:pt x="2128" y="3762"/>
                    </a:lnTo>
                    <a:lnTo>
                      <a:pt x="2132" y="3751"/>
                    </a:lnTo>
                    <a:lnTo>
                      <a:pt x="2135" y="3741"/>
                    </a:lnTo>
                    <a:lnTo>
                      <a:pt x="2137" y="3729"/>
                    </a:lnTo>
                    <a:lnTo>
                      <a:pt x="2140" y="3719"/>
                    </a:lnTo>
                    <a:lnTo>
                      <a:pt x="2140" y="3708"/>
                    </a:lnTo>
                    <a:lnTo>
                      <a:pt x="2137" y="3701"/>
                    </a:lnTo>
                    <a:lnTo>
                      <a:pt x="2133" y="3695"/>
                    </a:lnTo>
                    <a:lnTo>
                      <a:pt x="2128" y="3690"/>
                    </a:lnTo>
                    <a:lnTo>
                      <a:pt x="2120" y="3688"/>
                    </a:lnTo>
                    <a:lnTo>
                      <a:pt x="2111" y="3685"/>
                    </a:lnTo>
                    <a:lnTo>
                      <a:pt x="2101" y="3684"/>
                    </a:lnTo>
                    <a:lnTo>
                      <a:pt x="2091" y="3684"/>
                    </a:lnTo>
                    <a:lnTo>
                      <a:pt x="2067" y="3684"/>
                    </a:lnTo>
                    <a:lnTo>
                      <a:pt x="2044" y="3684"/>
                    </a:lnTo>
                    <a:lnTo>
                      <a:pt x="2032" y="3684"/>
                    </a:lnTo>
                    <a:lnTo>
                      <a:pt x="2022" y="3683"/>
                    </a:lnTo>
                    <a:lnTo>
                      <a:pt x="2012" y="3681"/>
                    </a:lnTo>
                    <a:lnTo>
                      <a:pt x="2003" y="3679"/>
                    </a:lnTo>
                    <a:lnTo>
                      <a:pt x="1996" y="3675"/>
                    </a:lnTo>
                    <a:lnTo>
                      <a:pt x="1991" y="3671"/>
                    </a:lnTo>
                    <a:lnTo>
                      <a:pt x="1986" y="3666"/>
                    </a:lnTo>
                    <a:lnTo>
                      <a:pt x="1981" y="3660"/>
                    </a:lnTo>
                    <a:lnTo>
                      <a:pt x="1977" y="3655"/>
                    </a:lnTo>
                    <a:lnTo>
                      <a:pt x="1971" y="3650"/>
                    </a:lnTo>
                    <a:lnTo>
                      <a:pt x="1966" y="3646"/>
                    </a:lnTo>
                    <a:lnTo>
                      <a:pt x="1960" y="3642"/>
                    </a:lnTo>
                    <a:lnTo>
                      <a:pt x="1946" y="3637"/>
                    </a:lnTo>
                    <a:lnTo>
                      <a:pt x="1933" y="3632"/>
                    </a:lnTo>
                    <a:lnTo>
                      <a:pt x="1926" y="3629"/>
                    </a:lnTo>
                    <a:lnTo>
                      <a:pt x="1921" y="3626"/>
                    </a:lnTo>
                    <a:lnTo>
                      <a:pt x="1914" y="3622"/>
                    </a:lnTo>
                    <a:lnTo>
                      <a:pt x="1908" y="3616"/>
                    </a:lnTo>
                    <a:lnTo>
                      <a:pt x="1908" y="3615"/>
                    </a:lnTo>
                    <a:lnTo>
                      <a:pt x="1909" y="3614"/>
                    </a:lnTo>
                    <a:lnTo>
                      <a:pt x="1924" y="3613"/>
                    </a:lnTo>
                    <a:lnTo>
                      <a:pt x="1934" y="3610"/>
                    </a:lnTo>
                    <a:lnTo>
                      <a:pt x="1944" y="3606"/>
                    </a:lnTo>
                    <a:lnTo>
                      <a:pt x="1953" y="3601"/>
                    </a:lnTo>
                    <a:lnTo>
                      <a:pt x="1961" y="3596"/>
                    </a:lnTo>
                    <a:lnTo>
                      <a:pt x="1970" y="3592"/>
                    </a:lnTo>
                    <a:lnTo>
                      <a:pt x="1981" y="3589"/>
                    </a:lnTo>
                    <a:lnTo>
                      <a:pt x="1995" y="3588"/>
                    </a:lnTo>
                    <a:lnTo>
                      <a:pt x="2014" y="3585"/>
                    </a:lnTo>
                    <a:lnTo>
                      <a:pt x="2034" y="3581"/>
                    </a:lnTo>
                    <a:lnTo>
                      <a:pt x="2041" y="3579"/>
                    </a:lnTo>
                    <a:lnTo>
                      <a:pt x="2050" y="3575"/>
                    </a:lnTo>
                    <a:lnTo>
                      <a:pt x="2058" y="3571"/>
                    </a:lnTo>
                    <a:lnTo>
                      <a:pt x="2065" y="3566"/>
                    </a:lnTo>
                    <a:lnTo>
                      <a:pt x="2070" y="3561"/>
                    </a:lnTo>
                    <a:lnTo>
                      <a:pt x="2075" y="3556"/>
                    </a:lnTo>
                    <a:lnTo>
                      <a:pt x="2079" y="3549"/>
                    </a:lnTo>
                    <a:lnTo>
                      <a:pt x="2083" y="3541"/>
                    </a:lnTo>
                    <a:lnTo>
                      <a:pt x="2084" y="3534"/>
                    </a:lnTo>
                    <a:lnTo>
                      <a:pt x="2084" y="3524"/>
                    </a:lnTo>
                    <a:lnTo>
                      <a:pt x="2083" y="3515"/>
                    </a:lnTo>
                    <a:lnTo>
                      <a:pt x="2082" y="3505"/>
                    </a:lnTo>
                    <a:lnTo>
                      <a:pt x="2079" y="3496"/>
                    </a:lnTo>
                    <a:lnTo>
                      <a:pt x="2079" y="3488"/>
                    </a:lnTo>
                    <a:lnTo>
                      <a:pt x="2082" y="3484"/>
                    </a:lnTo>
                    <a:lnTo>
                      <a:pt x="2085" y="3480"/>
                    </a:lnTo>
                    <a:lnTo>
                      <a:pt x="2092" y="3479"/>
                    </a:lnTo>
                    <a:lnTo>
                      <a:pt x="2098" y="3479"/>
                    </a:lnTo>
                    <a:lnTo>
                      <a:pt x="2105" y="3479"/>
                    </a:lnTo>
                    <a:lnTo>
                      <a:pt x="2113" y="3480"/>
                    </a:lnTo>
                    <a:lnTo>
                      <a:pt x="2128" y="3480"/>
                    </a:lnTo>
                    <a:lnTo>
                      <a:pt x="2144" y="3479"/>
                    </a:lnTo>
                    <a:lnTo>
                      <a:pt x="2158" y="3475"/>
                    </a:lnTo>
                    <a:lnTo>
                      <a:pt x="2172" y="3469"/>
                    </a:lnTo>
                    <a:lnTo>
                      <a:pt x="2185" y="3461"/>
                    </a:lnTo>
                    <a:lnTo>
                      <a:pt x="2197" y="3452"/>
                    </a:lnTo>
                    <a:lnTo>
                      <a:pt x="2209" y="3442"/>
                    </a:lnTo>
                    <a:lnTo>
                      <a:pt x="2219" y="3430"/>
                    </a:lnTo>
                    <a:lnTo>
                      <a:pt x="2216" y="3432"/>
                    </a:lnTo>
                    <a:lnTo>
                      <a:pt x="2216" y="3435"/>
                    </a:lnTo>
                    <a:lnTo>
                      <a:pt x="2223" y="3427"/>
                    </a:lnTo>
                    <a:lnTo>
                      <a:pt x="2229" y="3422"/>
                    </a:lnTo>
                    <a:lnTo>
                      <a:pt x="2236" y="3417"/>
                    </a:lnTo>
                    <a:lnTo>
                      <a:pt x="2244" y="3412"/>
                    </a:lnTo>
                    <a:lnTo>
                      <a:pt x="2256" y="3405"/>
                    </a:lnTo>
                    <a:lnTo>
                      <a:pt x="2271" y="3398"/>
                    </a:lnTo>
                    <a:lnTo>
                      <a:pt x="2284" y="3391"/>
                    </a:lnTo>
                    <a:lnTo>
                      <a:pt x="2297" y="3382"/>
                    </a:lnTo>
                    <a:lnTo>
                      <a:pt x="2303" y="3375"/>
                    </a:lnTo>
                    <a:lnTo>
                      <a:pt x="2308" y="3369"/>
                    </a:lnTo>
                    <a:lnTo>
                      <a:pt x="2313" y="3360"/>
                    </a:lnTo>
                    <a:lnTo>
                      <a:pt x="2319" y="3351"/>
                    </a:lnTo>
                    <a:lnTo>
                      <a:pt x="2332" y="3324"/>
                    </a:lnTo>
                    <a:lnTo>
                      <a:pt x="2343" y="3298"/>
                    </a:lnTo>
                    <a:lnTo>
                      <a:pt x="2354" y="3273"/>
                    </a:lnTo>
                    <a:lnTo>
                      <a:pt x="2363" y="3249"/>
                    </a:lnTo>
                    <a:lnTo>
                      <a:pt x="2365" y="3237"/>
                    </a:lnTo>
                    <a:lnTo>
                      <a:pt x="2369" y="3224"/>
                    </a:lnTo>
                    <a:lnTo>
                      <a:pt x="2372" y="3211"/>
                    </a:lnTo>
                    <a:lnTo>
                      <a:pt x="2373" y="3198"/>
                    </a:lnTo>
                    <a:lnTo>
                      <a:pt x="2373" y="3184"/>
                    </a:lnTo>
                    <a:lnTo>
                      <a:pt x="2373" y="3168"/>
                    </a:lnTo>
                    <a:lnTo>
                      <a:pt x="2373" y="3153"/>
                    </a:lnTo>
                    <a:lnTo>
                      <a:pt x="2370" y="3136"/>
                    </a:lnTo>
                    <a:lnTo>
                      <a:pt x="2369" y="3128"/>
                    </a:lnTo>
                    <a:lnTo>
                      <a:pt x="2367" y="3119"/>
                    </a:lnTo>
                    <a:lnTo>
                      <a:pt x="2363" y="3110"/>
                    </a:lnTo>
                    <a:lnTo>
                      <a:pt x="2359" y="3100"/>
                    </a:lnTo>
                    <a:lnTo>
                      <a:pt x="2347" y="3081"/>
                    </a:lnTo>
                    <a:lnTo>
                      <a:pt x="2333" y="3063"/>
                    </a:lnTo>
                    <a:lnTo>
                      <a:pt x="2316" y="3045"/>
                    </a:lnTo>
                    <a:lnTo>
                      <a:pt x="2298" y="3027"/>
                    </a:lnTo>
                    <a:lnTo>
                      <a:pt x="2278" y="3011"/>
                    </a:lnTo>
                    <a:lnTo>
                      <a:pt x="2256" y="2997"/>
                    </a:lnTo>
                    <a:lnTo>
                      <a:pt x="2234" y="2984"/>
                    </a:lnTo>
                    <a:lnTo>
                      <a:pt x="2212" y="2973"/>
                    </a:lnTo>
                    <a:lnTo>
                      <a:pt x="2190" y="2965"/>
                    </a:lnTo>
                    <a:lnTo>
                      <a:pt x="2167" y="2960"/>
                    </a:lnTo>
                    <a:lnTo>
                      <a:pt x="2157" y="2957"/>
                    </a:lnTo>
                    <a:lnTo>
                      <a:pt x="2146" y="2957"/>
                    </a:lnTo>
                    <a:lnTo>
                      <a:pt x="2136" y="2957"/>
                    </a:lnTo>
                    <a:lnTo>
                      <a:pt x="2126" y="2958"/>
                    </a:lnTo>
                    <a:lnTo>
                      <a:pt x="2117" y="2960"/>
                    </a:lnTo>
                    <a:lnTo>
                      <a:pt x="2107" y="2964"/>
                    </a:lnTo>
                    <a:lnTo>
                      <a:pt x="2098" y="2967"/>
                    </a:lnTo>
                    <a:lnTo>
                      <a:pt x="2091" y="2973"/>
                    </a:lnTo>
                    <a:lnTo>
                      <a:pt x="2079" y="2983"/>
                    </a:lnTo>
                    <a:lnTo>
                      <a:pt x="2066" y="2996"/>
                    </a:lnTo>
                    <a:lnTo>
                      <a:pt x="2058" y="3001"/>
                    </a:lnTo>
                    <a:lnTo>
                      <a:pt x="2050" y="3004"/>
                    </a:lnTo>
                    <a:lnTo>
                      <a:pt x="2047" y="3005"/>
                    </a:lnTo>
                    <a:lnTo>
                      <a:pt x="2043" y="3005"/>
                    </a:lnTo>
                    <a:lnTo>
                      <a:pt x="2038" y="3005"/>
                    </a:lnTo>
                    <a:lnTo>
                      <a:pt x="2032" y="3004"/>
                    </a:lnTo>
                    <a:lnTo>
                      <a:pt x="2026" y="3001"/>
                    </a:lnTo>
                    <a:lnTo>
                      <a:pt x="2021" y="2999"/>
                    </a:lnTo>
                    <a:lnTo>
                      <a:pt x="2017" y="2996"/>
                    </a:lnTo>
                    <a:lnTo>
                      <a:pt x="2013" y="2993"/>
                    </a:lnTo>
                    <a:lnTo>
                      <a:pt x="2008" y="2986"/>
                    </a:lnTo>
                    <a:lnTo>
                      <a:pt x="1999" y="2978"/>
                    </a:lnTo>
                    <a:lnTo>
                      <a:pt x="1992" y="2975"/>
                    </a:lnTo>
                    <a:lnTo>
                      <a:pt x="1986" y="2974"/>
                    </a:lnTo>
                    <a:lnTo>
                      <a:pt x="1977" y="2973"/>
                    </a:lnTo>
                    <a:lnTo>
                      <a:pt x="1969" y="2971"/>
                    </a:lnTo>
                    <a:lnTo>
                      <a:pt x="1961" y="2970"/>
                    </a:lnTo>
                    <a:lnTo>
                      <a:pt x="1953" y="2967"/>
                    </a:lnTo>
                    <a:lnTo>
                      <a:pt x="1951" y="2966"/>
                    </a:lnTo>
                    <a:lnTo>
                      <a:pt x="1949" y="2965"/>
                    </a:lnTo>
                    <a:lnTo>
                      <a:pt x="1948" y="2962"/>
                    </a:lnTo>
                    <a:lnTo>
                      <a:pt x="1947" y="2960"/>
                    </a:lnTo>
                    <a:lnTo>
                      <a:pt x="1947" y="2954"/>
                    </a:lnTo>
                    <a:lnTo>
                      <a:pt x="1948" y="2949"/>
                    </a:lnTo>
                    <a:lnTo>
                      <a:pt x="1951" y="2944"/>
                    </a:lnTo>
                    <a:lnTo>
                      <a:pt x="1955" y="2939"/>
                    </a:lnTo>
                    <a:lnTo>
                      <a:pt x="1964" y="2929"/>
                    </a:lnTo>
                    <a:lnTo>
                      <a:pt x="1975" y="2917"/>
                    </a:lnTo>
                    <a:lnTo>
                      <a:pt x="1999" y="2897"/>
                    </a:lnTo>
                    <a:lnTo>
                      <a:pt x="2017" y="2881"/>
                    </a:lnTo>
                    <a:lnTo>
                      <a:pt x="2034" y="2875"/>
                    </a:lnTo>
                    <a:lnTo>
                      <a:pt x="2056" y="2866"/>
                    </a:lnTo>
                    <a:lnTo>
                      <a:pt x="2067" y="2861"/>
                    </a:lnTo>
                    <a:lnTo>
                      <a:pt x="2078" y="2856"/>
                    </a:lnTo>
                    <a:lnTo>
                      <a:pt x="2084" y="2851"/>
                    </a:lnTo>
                    <a:lnTo>
                      <a:pt x="2089" y="2847"/>
                    </a:lnTo>
                    <a:lnTo>
                      <a:pt x="2089" y="2840"/>
                    </a:lnTo>
                    <a:lnTo>
                      <a:pt x="2087" y="2829"/>
                    </a:lnTo>
                    <a:lnTo>
                      <a:pt x="2083" y="2813"/>
                    </a:lnTo>
                    <a:lnTo>
                      <a:pt x="2078" y="2795"/>
                    </a:lnTo>
                    <a:lnTo>
                      <a:pt x="2067" y="2760"/>
                    </a:lnTo>
                    <a:lnTo>
                      <a:pt x="2061" y="2736"/>
                    </a:lnTo>
                    <a:lnTo>
                      <a:pt x="2058" y="2717"/>
                    </a:lnTo>
                    <a:lnTo>
                      <a:pt x="2053" y="2693"/>
                    </a:lnTo>
                    <a:lnTo>
                      <a:pt x="2044" y="2666"/>
                    </a:lnTo>
                    <a:lnTo>
                      <a:pt x="2034" y="2637"/>
                    </a:lnTo>
                    <a:lnTo>
                      <a:pt x="2021" y="2609"/>
                    </a:lnTo>
                    <a:lnTo>
                      <a:pt x="2008" y="2584"/>
                    </a:lnTo>
                    <a:lnTo>
                      <a:pt x="2001" y="2574"/>
                    </a:lnTo>
                    <a:lnTo>
                      <a:pt x="1993" y="2565"/>
                    </a:lnTo>
                    <a:lnTo>
                      <a:pt x="1987" y="2558"/>
                    </a:lnTo>
                    <a:lnTo>
                      <a:pt x="1981" y="2553"/>
                    </a:lnTo>
                    <a:lnTo>
                      <a:pt x="1966" y="2545"/>
                    </a:lnTo>
                    <a:lnTo>
                      <a:pt x="1949" y="2540"/>
                    </a:lnTo>
                    <a:lnTo>
                      <a:pt x="1931" y="2535"/>
                    </a:lnTo>
                    <a:lnTo>
                      <a:pt x="1913" y="2531"/>
                    </a:lnTo>
                    <a:lnTo>
                      <a:pt x="1896" y="2527"/>
                    </a:lnTo>
                    <a:lnTo>
                      <a:pt x="1879" y="2522"/>
                    </a:lnTo>
                    <a:lnTo>
                      <a:pt x="1864" y="2515"/>
                    </a:lnTo>
                    <a:lnTo>
                      <a:pt x="1850" y="2508"/>
                    </a:lnTo>
                    <a:lnTo>
                      <a:pt x="1864" y="2504"/>
                    </a:lnTo>
                    <a:lnTo>
                      <a:pt x="1879" y="2502"/>
                    </a:lnTo>
                    <a:lnTo>
                      <a:pt x="1896" y="2502"/>
                    </a:lnTo>
                    <a:lnTo>
                      <a:pt x="1912" y="2505"/>
                    </a:lnTo>
                    <a:lnTo>
                      <a:pt x="1929" y="2508"/>
                    </a:lnTo>
                    <a:lnTo>
                      <a:pt x="1944" y="2511"/>
                    </a:lnTo>
                    <a:lnTo>
                      <a:pt x="1960" y="2515"/>
                    </a:lnTo>
                    <a:lnTo>
                      <a:pt x="1974" y="2521"/>
                    </a:lnTo>
                    <a:lnTo>
                      <a:pt x="1992" y="2530"/>
                    </a:lnTo>
                    <a:lnTo>
                      <a:pt x="2014" y="2543"/>
                    </a:lnTo>
                    <a:lnTo>
                      <a:pt x="2036" y="2557"/>
                    </a:lnTo>
                    <a:lnTo>
                      <a:pt x="2057" y="2568"/>
                    </a:lnTo>
                    <a:lnTo>
                      <a:pt x="2065" y="2572"/>
                    </a:lnTo>
                    <a:lnTo>
                      <a:pt x="2071" y="2574"/>
                    </a:lnTo>
                    <a:lnTo>
                      <a:pt x="2074" y="2574"/>
                    </a:lnTo>
                    <a:lnTo>
                      <a:pt x="2076" y="2574"/>
                    </a:lnTo>
                    <a:lnTo>
                      <a:pt x="2078" y="2572"/>
                    </a:lnTo>
                    <a:lnTo>
                      <a:pt x="2079" y="2571"/>
                    </a:lnTo>
                    <a:lnTo>
                      <a:pt x="2080" y="2565"/>
                    </a:lnTo>
                    <a:lnTo>
                      <a:pt x="2078" y="2555"/>
                    </a:lnTo>
                    <a:lnTo>
                      <a:pt x="2073" y="2543"/>
                    </a:lnTo>
                    <a:lnTo>
                      <a:pt x="2063" y="2524"/>
                    </a:lnTo>
                    <a:lnTo>
                      <a:pt x="2058" y="2513"/>
                    </a:lnTo>
                    <a:lnTo>
                      <a:pt x="2053" y="2501"/>
                    </a:lnTo>
                    <a:lnTo>
                      <a:pt x="2049" y="2491"/>
                    </a:lnTo>
                    <a:lnTo>
                      <a:pt x="2047" y="2479"/>
                    </a:lnTo>
                    <a:lnTo>
                      <a:pt x="2045" y="2469"/>
                    </a:lnTo>
                    <a:lnTo>
                      <a:pt x="2045" y="2457"/>
                    </a:lnTo>
                    <a:lnTo>
                      <a:pt x="2048" y="2444"/>
                    </a:lnTo>
                    <a:lnTo>
                      <a:pt x="2053" y="2431"/>
                    </a:lnTo>
                    <a:lnTo>
                      <a:pt x="2057" y="2421"/>
                    </a:lnTo>
                    <a:lnTo>
                      <a:pt x="2060" y="2412"/>
                    </a:lnTo>
                    <a:lnTo>
                      <a:pt x="2061" y="2403"/>
                    </a:lnTo>
                    <a:lnTo>
                      <a:pt x="2062" y="2394"/>
                    </a:lnTo>
                    <a:lnTo>
                      <a:pt x="2062" y="2377"/>
                    </a:lnTo>
                    <a:lnTo>
                      <a:pt x="2060" y="2360"/>
                    </a:lnTo>
                    <a:lnTo>
                      <a:pt x="2054" y="2343"/>
                    </a:lnTo>
                    <a:lnTo>
                      <a:pt x="2048" y="2326"/>
                    </a:lnTo>
                    <a:lnTo>
                      <a:pt x="2041" y="2309"/>
                    </a:lnTo>
                    <a:lnTo>
                      <a:pt x="2034" y="2290"/>
                    </a:lnTo>
                    <a:lnTo>
                      <a:pt x="2028" y="2276"/>
                    </a:lnTo>
                    <a:lnTo>
                      <a:pt x="2023" y="2260"/>
                    </a:lnTo>
                    <a:lnTo>
                      <a:pt x="2021" y="2246"/>
                    </a:lnTo>
                    <a:lnTo>
                      <a:pt x="2018" y="2230"/>
                    </a:lnTo>
                    <a:lnTo>
                      <a:pt x="2016" y="2215"/>
                    </a:lnTo>
                    <a:lnTo>
                      <a:pt x="2012" y="2199"/>
                    </a:lnTo>
                    <a:lnTo>
                      <a:pt x="2008" y="2185"/>
                    </a:lnTo>
                    <a:lnTo>
                      <a:pt x="2003" y="2169"/>
                    </a:lnTo>
                    <a:lnTo>
                      <a:pt x="1997" y="2160"/>
                    </a:lnTo>
                    <a:lnTo>
                      <a:pt x="1992" y="2151"/>
                    </a:lnTo>
                    <a:lnTo>
                      <a:pt x="1986" y="2144"/>
                    </a:lnTo>
                    <a:lnTo>
                      <a:pt x="1977" y="2137"/>
                    </a:lnTo>
                    <a:lnTo>
                      <a:pt x="1960" y="2125"/>
                    </a:lnTo>
                    <a:lnTo>
                      <a:pt x="1940" y="2115"/>
                    </a:lnTo>
                    <a:lnTo>
                      <a:pt x="1920" y="2106"/>
                    </a:lnTo>
                    <a:lnTo>
                      <a:pt x="1900" y="2096"/>
                    </a:lnTo>
                    <a:lnTo>
                      <a:pt x="1891" y="2090"/>
                    </a:lnTo>
                    <a:lnTo>
                      <a:pt x="1883" y="2085"/>
                    </a:lnTo>
                    <a:lnTo>
                      <a:pt x="1876" y="2079"/>
                    </a:lnTo>
                    <a:lnTo>
                      <a:pt x="1869" y="2072"/>
                    </a:lnTo>
                    <a:lnTo>
                      <a:pt x="1864" y="2065"/>
                    </a:lnTo>
                    <a:lnTo>
                      <a:pt x="1860" y="2055"/>
                    </a:lnTo>
                    <a:lnTo>
                      <a:pt x="1857" y="2046"/>
                    </a:lnTo>
                    <a:lnTo>
                      <a:pt x="1855" y="2036"/>
                    </a:lnTo>
                    <a:lnTo>
                      <a:pt x="1854" y="2017"/>
                    </a:lnTo>
                    <a:lnTo>
                      <a:pt x="1852" y="1997"/>
                    </a:lnTo>
                    <a:lnTo>
                      <a:pt x="1852" y="1987"/>
                    </a:lnTo>
                    <a:lnTo>
                      <a:pt x="1854" y="1978"/>
                    </a:lnTo>
                    <a:lnTo>
                      <a:pt x="1854" y="1967"/>
                    </a:lnTo>
                    <a:lnTo>
                      <a:pt x="1855" y="1958"/>
                    </a:lnTo>
                    <a:lnTo>
                      <a:pt x="1852" y="1947"/>
                    </a:lnTo>
                    <a:lnTo>
                      <a:pt x="1850" y="1936"/>
                    </a:lnTo>
                    <a:lnTo>
                      <a:pt x="1846" y="1925"/>
                    </a:lnTo>
                    <a:lnTo>
                      <a:pt x="1843" y="1913"/>
                    </a:lnTo>
                    <a:lnTo>
                      <a:pt x="1845" y="188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noFill/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4" name="Freeform 197">
                <a:extLst>
                  <a:ext uri="{FF2B5EF4-FFF2-40B4-BE49-F238E27FC236}">
                    <a16:creationId xmlns:a16="http://schemas.microsoft.com/office/drawing/2014/main" id="{50F16D6C-940F-C442-8E26-733E003F98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012736" y="1777535"/>
                <a:ext cx="61937" cy="61414"/>
              </a:xfrm>
              <a:custGeom>
                <a:avLst/>
                <a:gdLst/>
                <a:ahLst/>
                <a:cxnLst>
                  <a:cxn ang="0">
                    <a:pos x="38" y="94"/>
                  </a:cxn>
                  <a:cxn ang="0">
                    <a:pos x="35" y="76"/>
                  </a:cxn>
                  <a:cxn ang="0">
                    <a:pos x="32" y="65"/>
                  </a:cxn>
                  <a:cxn ang="0">
                    <a:pos x="23" y="63"/>
                  </a:cxn>
                  <a:cxn ang="0">
                    <a:pos x="16" y="63"/>
                  </a:cxn>
                  <a:cxn ang="0">
                    <a:pos x="10" y="63"/>
                  </a:cxn>
                  <a:cxn ang="0">
                    <a:pos x="8" y="61"/>
                  </a:cxn>
                  <a:cxn ang="0">
                    <a:pos x="4" y="58"/>
                  </a:cxn>
                  <a:cxn ang="0">
                    <a:pos x="1" y="54"/>
                  </a:cxn>
                  <a:cxn ang="0">
                    <a:pos x="0" y="46"/>
                  </a:cxn>
                  <a:cxn ang="0">
                    <a:pos x="1" y="39"/>
                  </a:cxn>
                  <a:cxn ang="0">
                    <a:pos x="5" y="30"/>
                  </a:cxn>
                  <a:cxn ang="0">
                    <a:pos x="9" y="22"/>
                  </a:cxn>
                  <a:cxn ang="0">
                    <a:pos x="16" y="14"/>
                  </a:cxn>
                  <a:cxn ang="0">
                    <a:pos x="22" y="8"/>
                  </a:cxn>
                  <a:cxn ang="0">
                    <a:pos x="30" y="2"/>
                  </a:cxn>
                  <a:cxn ang="0">
                    <a:pos x="36" y="0"/>
                  </a:cxn>
                  <a:cxn ang="0">
                    <a:pos x="39" y="0"/>
                  </a:cxn>
                  <a:cxn ang="0">
                    <a:pos x="41" y="1"/>
                  </a:cxn>
                  <a:cxn ang="0">
                    <a:pos x="43" y="2"/>
                  </a:cxn>
                  <a:cxn ang="0">
                    <a:pos x="45" y="4"/>
                  </a:cxn>
                  <a:cxn ang="0">
                    <a:pos x="49" y="10"/>
                  </a:cxn>
                  <a:cxn ang="0">
                    <a:pos x="53" y="17"/>
                  </a:cxn>
                  <a:cxn ang="0">
                    <a:pos x="60" y="32"/>
                  </a:cxn>
                  <a:cxn ang="0">
                    <a:pos x="65" y="44"/>
                  </a:cxn>
                  <a:cxn ang="0">
                    <a:pos x="70" y="53"/>
                  </a:cxn>
                  <a:cxn ang="0">
                    <a:pos x="76" y="61"/>
                  </a:cxn>
                  <a:cxn ang="0">
                    <a:pos x="83" y="66"/>
                  </a:cxn>
                  <a:cxn ang="0">
                    <a:pos x="92" y="72"/>
                  </a:cxn>
                  <a:cxn ang="0">
                    <a:pos x="107" y="80"/>
                  </a:cxn>
                  <a:cxn ang="0">
                    <a:pos x="118" y="85"/>
                  </a:cxn>
                  <a:cxn ang="0">
                    <a:pos x="122" y="89"/>
                  </a:cxn>
                  <a:cxn ang="0">
                    <a:pos x="126" y="96"/>
                  </a:cxn>
                  <a:cxn ang="0">
                    <a:pos x="127" y="102"/>
                  </a:cxn>
                  <a:cxn ang="0">
                    <a:pos x="130" y="111"/>
                  </a:cxn>
                  <a:cxn ang="0">
                    <a:pos x="132" y="123"/>
                  </a:cxn>
                  <a:cxn ang="0">
                    <a:pos x="132" y="134"/>
                  </a:cxn>
                  <a:cxn ang="0">
                    <a:pos x="131" y="136"/>
                  </a:cxn>
                  <a:cxn ang="0">
                    <a:pos x="127" y="136"/>
                  </a:cxn>
                  <a:cxn ang="0">
                    <a:pos x="122" y="136"/>
                  </a:cxn>
                  <a:cxn ang="0">
                    <a:pos x="115" y="134"/>
                  </a:cxn>
                  <a:cxn ang="0">
                    <a:pos x="105" y="133"/>
                  </a:cxn>
                  <a:cxn ang="0">
                    <a:pos x="97" y="131"/>
                  </a:cxn>
                  <a:cxn ang="0">
                    <a:pos x="89" y="123"/>
                  </a:cxn>
                  <a:cxn ang="0">
                    <a:pos x="82" y="118"/>
                  </a:cxn>
                  <a:cxn ang="0">
                    <a:pos x="74" y="112"/>
                  </a:cxn>
                  <a:cxn ang="0">
                    <a:pos x="66" y="110"/>
                  </a:cxn>
                  <a:cxn ang="0">
                    <a:pos x="58" y="107"/>
                  </a:cxn>
                  <a:cxn ang="0">
                    <a:pos x="52" y="103"/>
                  </a:cxn>
                  <a:cxn ang="0">
                    <a:pos x="44" y="99"/>
                  </a:cxn>
                  <a:cxn ang="0">
                    <a:pos x="38" y="94"/>
                  </a:cxn>
                </a:cxnLst>
                <a:rect l="0" t="0" r="r" b="b"/>
                <a:pathLst>
                  <a:path w="132" h="136">
                    <a:moveTo>
                      <a:pt x="38" y="94"/>
                    </a:moveTo>
                    <a:lnTo>
                      <a:pt x="35" y="76"/>
                    </a:lnTo>
                    <a:lnTo>
                      <a:pt x="32" y="65"/>
                    </a:lnTo>
                    <a:lnTo>
                      <a:pt x="23" y="63"/>
                    </a:lnTo>
                    <a:lnTo>
                      <a:pt x="16" y="63"/>
                    </a:lnTo>
                    <a:lnTo>
                      <a:pt x="10" y="63"/>
                    </a:lnTo>
                    <a:lnTo>
                      <a:pt x="8" y="61"/>
                    </a:lnTo>
                    <a:lnTo>
                      <a:pt x="4" y="58"/>
                    </a:lnTo>
                    <a:lnTo>
                      <a:pt x="1" y="54"/>
                    </a:lnTo>
                    <a:lnTo>
                      <a:pt x="0" y="46"/>
                    </a:lnTo>
                    <a:lnTo>
                      <a:pt x="1" y="39"/>
                    </a:lnTo>
                    <a:lnTo>
                      <a:pt x="5" y="30"/>
                    </a:lnTo>
                    <a:lnTo>
                      <a:pt x="9" y="22"/>
                    </a:lnTo>
                    <a:lnTo>
                      <a:pt x="16" y="14"/>
                    </a:lnTo>
                    <a:lnTo>
                      <a:pt x="22" y="8"/>
                    </a:lnTo>
                    <a:lnTo>
                      <a:pt x="30" y="2"/>
                    </a:lnTo>
                    <a:lnTo>
                      <a:pt x="36" y="0"/>
                    </a:lnTo>
                    <a:lnTo>
                      <a:pt x="39" y="0"/>
                    </a:lnTo>
                    <a:lnTo>
                      <a:pt x="41" y="1"/>
                    </a:lnTo>
                    <a:lnTo>
                      <a:pt x="43" y="2"/>
                    </a:lnTo>
                    <a:lnTo>
                      <a:pt x="45" y="4"/>
                    </a:lnTo>
                    <a:lnTo>
                      <a:pt x="49" y="10"/>
                    </a:lnTo>
                    <a:lnTo>
                      <a:pt x="53" y="17"/>
                    </a:lnTo>
                    <a:lnTo>
                      <a:pt x="60" y="32"/>
                    </a:lnTo>
                    <a:lnTo>
                      <a:pt x="65" y="44"/>
                    </a:lnTo>
                    <a:lnTo>
                      <a:pt x="70" y="53"/>
                    </a:lnTo>
                    <a:lnTo>
                      <a:pt x="76" y="61"/>
                    </a:lnTo>
                    <a:lnTo>
                      <a:pt x="83" y="66"/>
                    </a:lnTo>
                    <a:lnTo>
                      <a:pt x="92" y="72"/>
                    </a:lnTo>
                    <a:lnTo>
                      <a:pt x="107" y="80"/>
                    </a:lnTo>
                    <a:lnTo>
                      <a:pt x="118" y="85"/>
                    </a:lnTo>
                    <a:lnTo>
                      <a:pt x="122" y="89"/>
                    </a:lnTo>
                    <a:lnTo>
                      <a:pt x="126" y="96"/>
                    </a:lnTo>
                    <a:lnTo>
                      <a:pt x="127" y="102"/>
                    </a:lnTo>
                    <a:lnTo>
                      <a:pt x="130" y="111"/>
                    </a:lnTo>
                    <a:lnTo>
                      <a:pt x="132" y="123"/>
                    </a:lnTo>
                    <a:lnTo>
                      <a:pt x="132" y="134"/>
                    </a:lnTo>
                    <a:lnTo>
                      <a:pt x="131" y="136"/>
                    </a:lnTo>
                    <a:lnTo>
                      <a:pt x="127" y="136"/>
                    </a:lnTo>
                    <a:lnTo>
                      <a:pt x="122" y="136"/>
                    </a:lnTo>
                    <a:lnTo>
                      <a:pt x="115" y="134"/>
                    </a:lnTo>
                    <a:lnTo>
                      <a:pt x="105" y="133"/>
                    </a:lnTo>
                    <a:lnTo>
                      <a:pt x="97" y="131"/>
                    </a:lnTo>
                    <a:lnTo>
                      <a:pt x="89" y="123"/>
                    </a:lnTo>
                    <a:lnTo>
                      <a:pt x="82" y="118"/>
                    </a:lnTo>
                    <a:lnTo>
                      <a:pt x="74" y="112"/>
                    </a:lnTo>
                    <a:lnTo>
                      <a:pt x="66" y="110"/>
                    </a:lnTo>
                    <a:lnTo>
                      <a:pt x="58" y="107"/>
                    </a:lnTo>
                    <a:lnTo>
                      <a:pt x="52" y="103"/>
                    </a:lnTo>
                    <a:lnTo>
                      <a:pt x="44" y="99"/>
                    </a:lnTo>
                    <a:lnTo>
                      <a:pt x="38" y="9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5" name="Freeform 199">
                <a:extLst>
                  <a:ext uri="{FF2B5EF4-FFF2-40B4-BE49-F238E27FC236}">
                    <a16:creationId xmlns:a16="http://schemas.microsoft.com/office/drawing/2014/main" id="{8F6BE9BB-D6EA-5945-A978-E2BDE6A2D9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92696" y="1822692"/>
                <a:ext cx="27326" cy="23483"/>
              </a:xfrm>
              <a:custGeom>
                <a:avLst/>
                <a:gdLst/>
                <a:ahLst/>
                <a:cxnLst>
                  <a:cxn ang="0">
                    <a:pos x="23" y="52"/>
                  </a:cxn>
                  <a:cxn ang="0">
                    <a:pos x="16" y="46"/>
                  </a:cxn>
                  <a:cxn ang="0">
                    <a:pos x="11" y="38"/>
                  </a:cxn>
                  <a:cxn ang="0">
                    <a:pos x="6" y="30"/>
                  </a:cxn>
                  <a:cxn ang="0">
                    <a:pos x="2" y="21"/>
                  </a:cxn>
                  <a:cxn ang="0">
                    <a:pos x="1" y="17"/>
                  </a:cxn>
                  <a:cxn ang="0">
                    <a:pos x="0" y="14"/>
                  </a:cxn>
                  <a:cxn ang="0">
                    <a:pos x="1" y="11"/>
                  </a:cxn>
                  <a:cxn ang="0">
                    <a:pos x="4" y="7"/>
                  </a:cxn>
                  <a:cxn ang="0">
                    <a:pos x="7" y="3"/>
                  </a:cxn>
                  <a:cxn ang="0">
                    <a:pos x="13" y="0"/>
                  </a:cxn>
                  <a:cxn ang="0">
                    <a:pos x="19" y="0"/>
                  </a:cxn>
                  <a:cxn ang="0">
                    <a:pos x="24" y="1"/>
                  </a:cxn>
                  <a:cxn ang="0">
                    <a:pos x="33" y="5"/>
                  </a:cxn>
                  <a:cxn ang="0">
                    <a:pos x="42" y="8"/>
                  </a:cxn>
                  <a:cxn ang="0">
                    <a:pos x="46" y="13"/>
                  </a:cxn>
                  <a:cxn ang="0">
                    <a:pos x="50" y="21"/>
                  </a:cxn>
                  <a:cxn ang="0">
                    <a:pos x="54" y="29"/>
                  </a:cxn>
                  <a:cxn ang="0">
                    <a:pos x="57" y="35"/>
                  </a:cxn>
                  <a:cxn ang="0">
                    <a:pos x="58" y="40"/>
                  </a:cxn>
                  <a:cxn ang="0">
                    <a:pos x="58" y="44"/>
                  </a:cxn>
                  <a:cxn ang="0">
                    <a:pos x="57" y="48"/>
                  </a:cxn>
                  <a:cxn ang="0">
                    <a:pos x="54" y="49"/>
                  </a:cxn>
                  <a:cxn ang="0">
                    <a:pos x="48" y="53"/>
                  </a:cxn>
                  <a:cxn ang="0">
                    <a:pos x="38" y="53"/>
                  </a:cxn>
                  <a:cxn ang="0">
                    <a:pos x="23" y="52"/>
                  </a:cxn>
                </a:cxnLst>
                <a:rect l="0" t="0" r="r" b="b"/>
                <a:pathLst>
                  <a:path w="58" h="53">
                    <a:moveTo>
                      <a:pt x="23" y="52"/>
                    </a:moveTo>
                    <a:lnTo>
                      <a:pt x="16" y="46"/>
                    </a:lnTo>
                    <a:lnTo>
                      <a:pt x="11" y="38"/>
                    </a:lnTo>
                    <a:lnTo>
                      <a:pt x="6" y="30"/>
                    </a:lnTo>
                    <a:lnTo>
                      <a:pt x="2" y="21"/>
                    </a:lnTo>
                    <a:lnTo>
                      <a:pt x="1" y="17"/>
                    </a:lnTo>
                    <a:lnTo>
                      <a:pt x="0" y="14"/>
                    </a:lnTo>
                    <a:lnTo>
                      <a:pt x="1" y="11"/>
                    </a:lnTo>
                    <a:lnTo>
                      <a:pt x="4" y="7"/>
                    </a:lnTo>
                    <a:lnTo>
                      <a:pt x="7" y="3"/>
                    </a:lnTo>
                    <a:lnTo>
                      <a:pt x="13" y="0"/>
                    </a:lnTo>
                    <a:lnTo>
                      <a:pt x="19" y="0"/>
                    </a:lnTo>
                    <a:lnTo>
                      <a:pt x="24" y="1"/>
                    </a:lnTo>
                    <a:lnTo>
                      <a:pt x="33" y="5"/>
                    </a:lnTo>
                    <a:lnTo>
                      <a:pt x="42" y="8"/>
                    </a:lnTo>
                    <a:lnTo>
                      <a:pt x="46" y="13"/>
                    </a:lnTo>
                    <a:lnTo>
                      <a:pt x="50" y="21"/>
                    </a:lnTo>
                    <a:lnTo>
                      <a:pt x="54" y="29"/>
                    </a:lnTo>
                    <a:lnTo>
                      <a:pt x="57" y="35"/>
                    </a:lnTo>
                    <a:lnTo>
                      <a:pt x="58" y="40"/>
                    </a:lnTo>
                    <a:lnTo>
                      <a:pt x="58" y="44"/>
                    </a:lnTo>
                    <a:lnTo>
                      <a:pt x="57" y="48"/>
                    </a:lnTo>
                    <a:lnTo>
                      <a:pt x="54" y="49"/>
                    </a:lnTo>
                    <a:lnTo>
                      <a:pt x="48" y="53"/>
                    </a:lnTo>
                    <a:lnTo>
                      <a:pt x="38" y="53"/>
                    </a:lnTo>
                    <a:lnTo>
                      <a:pt x="23" y="52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6" name="Freeform 201">
                <a:extLst>
                  <a:ext uri="{FF2B5EF4-FFF2-40B4-BE49-F238E27FC236}">
                    <a16:creationId xmlns:a16="http://schemas.microsoft.com/office/drawing/2014/main" id="{D606B45C-2980-384D-A465-3001FF81D8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60184" y="2346520"/>
                <a:ext cx="289649" cy="319717"/>
              </a:xfrm>
              <a:custGeom>
                <a:avLst/>
                <a:gdLst/>
                <a:ahLst/>
                <a:cxnLst>
                  <a:cxn ang="0">
                    <a:pos x="398" y="696"/>
                  </a:cxn>
                  <a:cxn ang="0">
                    <a:pos x="444" y="709"/>
                  </a:cxn>
                  <a:cxn ang="0">
                    <a:pos x="476" y="701"/>
                  </a:cxn>
                  <a:cxn ang="0">
                    <a:pos x="504" y="660"/>
                  </a:cxn>
                  <a:cxn ang="0">
                    <a:pos x="529" y="671"/>
                  </a:cxn>
                  <a:cxn ang="0">
                    <a:pos x="549" y="675"/>
                  </a:cxn>
                  <a:cxn ang="0">
                    <a:pos x="571" y="651"/>
                  </a:cxn>
                  <a:cxn ang="0">
                    <a:pos x="564" y="634"/>
                  </a:cxn>
                  <a:cxn ang="0">
                    <a:pos x="555" y="613"/>
                  </a:cxn>
                  <a:cxn ang="0">
                    <a:pos x="571" y="592"/>
                  </a:cxn>
                  <a:cxn ang="0">
                    <a:pos x="583" y="557"/>
                  </a:cxn>
                  <a:cxn ang="0">
                    <a:pos x="591" y="538"/>
                  </a:cxn>
                  <a:cxn ang="0">
                    <a:pos x="610" y="596"/>
                  </a:cxn>
                  <a:cxn ang="0">
                    <a:pos x="627" y="618"/>
                  </a:cxn>
                  <a:cxn ang="0">
                    <a:pos x="634" y="600"/>
                  </a:cxn>
                  <a:cxn ang="0">
                    <a:pos x="639" y="516"/>
                  </a:cxn>
                  <a:cxn ang="0">
                    <a:pos x="595" y="467"/>
                  </a:cxn>
                  <a:cxn ang="0">
                    <a:pos x="566" y="455"/>
                  </a:cxn>
                  <a:cxn ang="0">
                    <a:pos x="571" y="437"/>
                  </a:cxn>
                  <a:cxn ang="0">
                    <a:pos x="597" y="412"/>
                  </a:cxn>
                  <a:cxn ang="0">
                    <a:pos x="595" y="364"/>
                  </a:cxn>
                  <a:cxn ang="0">
                    <a:pos x="573" y="275"/>
                  </a:cxn>
                  <a:cxn ang="0">
                    <a:pos x="568" y="206"/>
                  </a:cxn>
                  <a:cxn ang="0">
                    <a:pos x="492" y="171"/>
                  </a:cxn>
                  <a:cxn ang="0">
                    <a:pos x="385" y="165"/>
                  </a:cxn>
                  <a:cxn ang="0">
                    <a:pos x="338" y="158"/>
                  </a:cxn>
                  <a:cxn ang="0">
                    <a:pos x="288" y="169"/>
                  </a:cxn>
                  <a:cxn ang="0">
                    <a:pos x="284" y="141"/>
                  </a:cxn>
                  <a:cxn ang="0">
                    <a:pos x="338" y="104"/>
                  </a:cxn>
                  <a:cxn ang="0">
                    <a:pos x="351" y="70"/>
                  </a:cxn>
                  <a:cxn ang="0">
                    <a:pos x="310" y="0"/>
                  </a:cxn>
                  <a:cxn ang="0">
                    <a:pos x="229" y="121"/>
                  </a:cxn>
                  <a:cxn ang="0">
                    <a:pos x="194" y="151"/>
                  </a:cxn>
                  <a:cxn ang="0">
                    <a:pos x="165" y="197"/>
                  </a:cxn>
                  <a:cxn ang="0">
                    <a:pos x="136" y="215"/>
                  </a:cxn>
                  <a:cxn ang="0">
                    <a:pos x="73" y="227"/>
                  </a:cxn>
                  <a:cxn ang="0">
                    <a:pos x="65" y="248"/>
                  </a:cxn>
                  <a:cxn ang="0">
                    <a:pos x="86" y="292"/>
                  </a:cxn>
                  <a:cxn ang="0">
                    <a:pos x="84" y="310"/>
                  </a:cxn>
                  <a:cxn ang="0">
                    <a:pos x="32" y="323"/>
                  </a:cxn>
                  <a:cxn ang="0">
                    <a:pos x="7" y="354"/>
                  </a:cxn>
                  <a:cxn ang="0">
                    <a:pos x="3" y="421"/>
                  </a:cxn>
                  <a:cxn ang="0">
                    <a:pos x="30" y="480"/>
                  </a:cxn>
                  <a:cxn ang="0">
                    <a:pos x="77" y="530"/>
                  </a:cxn>
                  <a:cxn ang="0">
                    <a:pos x="134" y="557"/>
                  </a:cxn>
                  <a:cxn ang="0">
                    <a:pos x="176" y="551"/>
                  </a:cxn>
                  <a:cxn ang="0">
                    <a:pos x="235" y="513"/>
                  </a:cxn>
                  <a:cxn ang="0">
                    <a:pos x="271" y="507"/>
                  </a:cxn>
                  <a:cxn ang="0">
                    <a:pos x="294" y="540"/>
                  </a:cxn>
                  <a:cxn ang="0">
                    <a:pos x="323" y="609"/>
                  </a:cxn>
                  <a:cxn ang="0">
                    <a:pos x="367" y="626"/>
                  </a:cxn>
                  <a:cxn ang="0">
                    <a:pos x="380" y="669"/>
                  </a:cxn>
                </a:cxnLst>
                <a:rect l="0" t="0" r="r" b="b"/>
                <a:pathLst>
                  <a:path w="639" h="709">
                    <a:moveTo>
                      <a:pt x="381" y="682"/>
                    </a:moveTo>
                    <a:lnTo>
                      <a:pt x="382" y="680"/>
                    </a:lnTo>
                    <a:lnTo>
                      <a:pt x="384" y="680"/>
                    </a:lnTo>
                    <a:lnTo>
                      <a:pt x="390" y="689"/>
                    </a:lnTo>
                    <a:lnTo>
                      <a:pt x="398" y="696"/>
                    </a:lnTo>
                    <a:lnTo>
                      <a:pt x="406" y="701"/>
                    </a:lnTo>
                    <a:lnTo>
                      <a:pt x="415" y="704"/>
                    </a:lnTo>
                    <a:lnTo>
                      <a:pt x="424" y="706"/>
                    </a:lnTo>
                    <a:lnTo>
                      <a:pt x="434" y="708"/>
                    </a:lnTo>
                    <a:lnTo>
                      <a:pt x="444" y="709"/>
                    </a:lnTo>
                    <a:lnTo>
                      <a:pt x="455" y="709"/>
                    </a:lnTo>
                    <a:lnTo>
                      <a:pt x="461" y="708"/>
                    </a:lnTo>
                    <a:lnTo>
                      <a:pt x="466" y="706"/>
                    </a:lnTo>
                    <a:lnTo>
                      <a:pt x="470" y="704"/>
                    </a:lnTo>
                    <a:lnTo>
                      <a:pt x="476" y="701"/>
                    </a:lnTo>
                    <a:lnTo>
                      <a:pt x="483" y="692"/>
                    </a:lnTo>
                    <a:lnTo>
                      <a:pt x="490" y="683"/>
                    </a:lnTo>
                    <a:lnTo>
                      <a:pt x="495" y="674"/>
                    </a:lnTo>
                    <a:lnTo>
                      <a:pt x="500" y="666"/>
                    </a:lnTo>
                    <a:lnTo>
                      <a:pt x="504" y="660"/>
                    </a:lnTo>
                    <a:lnTo>
                      <a:pt x="509" y="657"/>
                    </a:lnTo>
                    <a:lnTo>
                      <a:pt x="514" y="658"/>
                    </a:lnTo>
                    <a:lnTo>
                      <a:pt x="520" y="662"/>
                    </a:lnTo>
                    <a:lnTo>
                      <a:pt x="523" y="666"/>
                    </a:lnTo>
                    <a:lnTo>
                      <a:pt x="529" y="671"/>
                    </a:lnTo>
                    <a:lnTo>
                      <a:pt x="534" y="676"/>
                    </a:lnTo>
                    <a:lnTo>
                      <a:pt x="539" y="678"/>
                    </a:lnTo>
                    <a:lnTo>
                      <a:pt x="542" y="678"/>
                    </a:lnTo>
                    <a:lnTo>
                      <a:pt x="545" y="678"/>
                    </a:lnTo>
                    <a:lnTo>
                      <a:pt x="549" y="675"/>
                    </a:lnTo>
                    <a:lnTo>
                      <a:pt x="553" y="673"/>
                    </a:lnTo>
                    <a:lnTo>
                      <a:pt x="560" y="666"/>
                    </a:lnTo>
                    <a:lnTo>
                      <a:pt x="566" y="660"/>
                    </a:lnTo>
                    <a:lnTo>
                      <a:pt x="570" y="654"/>
                    </a:lnTo>
                    <a:lnTo>
                      <a:pt x="571" y="651"/>
                    </a:lnTo>
                    <a:lnTo>
                      <a:pt x="573" y="647"/>
                    </a:lnTo>
                    <a:lnTo>
                      <a:pt x="573" y="644"/>
                    </a:lnTo>
                    <a:lnTo>
                      <a:pt x="571" y="642"/>
                    </a:lnTo>
                    <a:lnTo>
                      <a:pt x="569" y="639"/>
                    </a:lnTo>
                    <a:lnTo>
                      <a:pt x="564" y="634"/>
                    </a:lnTo>
                    <a:lnTo>
                      <a:pt x="558" y="629"/>
                    </a:lnTo>
                    <a:lnTo>
                      <a:pt x="556" y="626"/>
                    </a:lnTo>
                    <a:lnTo>
                      <a:pt x="555" y="622"/>
                    </a:lnTo>
                    <a:lnTo>
                      <a:pt x="555" y="618"/>
                    </a:lnTo>
                    <a:lnTo>
                      <a:pt x="555" y="613"/>
                    </a:lnTo>
                    <a:lnTo>
                      <a:pt x="556" y="607"/>
                    </a:lnTo>
                    <a:lnTo>
                      <a:pt x="560" y="601"/>
                    </a:lnTo>
                    <a:lnTo>
                      <a:pt x="562" y="597"/>
                    </a:lnTo>
                    <a:lnTo>
                      <a:pt x="568" y="595"/>
                    </a:lnTo>
                    <a:lnTo>
                      <a:pt x="571" y="592"/>
                    </a:lnTo>
                    <a:lnTo>
                      <a:pt x="575" y="590"/>
                    </a:lnTo>
                    <a:lnTo>
                      <a:pt x="578" y="586"/>
                    </a:lnTo>
                    <a:lnTo>
                      <a:pt x="580" y="581"/>
                    </a:lnTo>
                    <a:lnTo>
                      <a:pt x="583" y="570"/>
                    </a:lnTo>
                    <a:lnTo>
                      <a:pt x="583" y="557"/>
                    </a:lnTo>
                    <a:lnTo>
                      <a:pt x="583" y="546"/>
                    </a:lnTo>
                    <a:lnTo>
                      <a:pt x="584" y="534"/>
                    </a:lnTo>
                    <a:lnTo>
                      <a:pt x="587" y="534"/>
                    </a:lnTo>
                    <a:lnTo>
                      <a:pt x="590" y="535"/>
                    </a:lnTo>
                    <a:lnTo>
                      <a:pt x="591" y="538"/>
                    </a:lnTo>
                    <a:lnTo>
                      <a:pt x="593" y="542"/>
                    </a:lnTo>
                    <a:lnTo>
                      <a:pt x="597" y="550"/>
                    </a:lnTo>
                    <a:lnTo>
                      <a:pt x="601" y="560"/>
                    </a:lnTo>
                    <a:lnTo>
                      <a:pt x="606" y="581"/>
                    </a:lnTo>
                    <a:lnTo>
                      <a:pt x="610" y="596"/>
                    </a:lnTo>
                    <a:lnTo>
                      <a:pt x="613" y="604"/>
                    </a:lnTo>
                    <a:lnTo>
                      <a:pt x="617" y="610"/>
                    </a:lnTo>
                    <a:lnTo>
                      <a:pt x="621" y="616"/>
                    </a:lnTo>
                    <a:lnTo>
                      <a:pt x="625" y="618"/>
                    </a:lnTo>
                    <a:lnTo>
                      <a:pt x="627" y="618"/>
                    </a:lnTo>
                    <a:lnTo>
                      <a:pt x="628" y="618"/>
                    </a:lnTo>
                    <a:lnTo>
                      <a:pt x="631" y="617"/>
                    </a:lnTo>
                    <a:lnTo>
                      <a:pt x="632" y="616"/>
                    </a:lnTo>
                    <a:lnTo>
                      <a:pt x="634" y="609"/>
                    </a:lnTo>
                    <a:lnTo>
                      <a:pt x="634" y="600"/>
                    </a:lnTo>
                    <a:lnTo>
                      <a:pt x="634" y="585"/>
                    </a:lnTo>
                    <a:lnTo>
                      <a:pt x="634" y="568"/>
                    </a:lnTo>
                    <a:lnTo>
                      <a:pt x="635" y="550"/>
                    </a:lnTo>
                    <a:lnTo>
                      <a:pt x="637" y="533"/>
                    </a:lnTo>
                    <a:lnTo>
                      <a:pt x="639" y="516"/>
                    </a:lnTo>
                    <a:lnTo>
                      <a:pt x="639" y="498"/>
                    </a:lnTo>
                    <a:lnTo>
                      <a:pt x="637" y="481"/>
                    </a:lnTo>
                    <a:lnTo>
                      <a:pt x="635" y="465"/>
                    </a:lnTo>
                    <a:lnTo>
                      <a:pt x="618" y="467"/>
                    </a:lnTo>
                    <a:lnTo>
                      <a:pt x="595" y="467"/>
                    </a:lnTo>
                    <a:lnTo>
                      <a:pt x="583" y="465"/>
                    </a:lnTo>
                    <a:lnTo>
                      <a:pt x="574" y="463"/>
                    </a:lnTo>
                    <a:lnTo>
                      <a:pt x="570" y="460"/>
                    </a:lnTo>
                    <a:lnTo>
                      <a:pt x="568" y="458"/>
                    </a:lnTo>
                    <a:lnTo>
                      <a:pt x="566" y="455"/>
                    </a:lnTo>
                    <a:lnTo>
                      <a:pt x="566" y="451"/>
                    </a:lnTo>
                    <a:lnTo>
                      <a:pt x="566" y="447"/>
                    </a:lnTo>
                    <a:lnTo>
                      <a:pt x="568" y="443"/>
                    </a:lnTo>
                    <a:lnTo>
                      <a:pt x="570" y="439"/>
                    </a:lnTo>
                    <a:lnTo>
                      <a:pt x="571" y="437"/>
                    </a:lnTo>
                    <a:lnTo>
                      <a:pt x="577" y="432"/>
                    </a:lnTo>
                    <a:lnTo>
                      <a:pt x="583" y="426"/>
                    </a:lnTo>
                    <a:lnTo>
                      <a:pt x="590" y="421"/>
                    </a:lnTo>
                    <a:lnTo>
                      <a:pt x="595" y="415"/>
                    </a:lnTo>
                    <a:lnTo>
                      <a:pt x="597" y="412"/>
                    </a:lnTo>
                    <a:lnTo>
                      <a:pt x="599" y="408"/>
                    </a:lnTo>
                    <a:lnTo>
                      <a:pt x="600" y="404"/>
                    </a:lnTo>
                    <a:lnTo>
                      <a:pt x="600" y="399"/>
                    </a:lnTo>
                    <a:lnTo>
                      <a:pt x="599" y="381"/>
                    </a:lnTo>
                    <a:lnTo>
                      <a:pt x="595" y="364"/>
                    </a:lnTo>
                    <a:lnTo>
                      <a:pt x="591" y="346"/>
                    </a:lnTo>
                    <a:lnTo>
                      <a:pt x="586" y="328"/>
                    </a:lnTo>
                    <a:lnTo>
                      <a:pt x="580" y="310"/>
                    </a:lnTo>
                    <a:lnTo>
                      <a:pt x="577" y="292"/>
                    </a:lnTo>
                    <a:lnTo>
                      <a:pt x="573" y="275"/>
                    </a:lnTo>
                    <a:lnTo>
                      <a:pt x="573" y="258"/>
                    </a:lnTo>
                    <a:lnTo>
                      <a:pt x="573" y="240"/>
                    </a:lnTo>
                    <a:lnTo>
                      <a:pt x="573" y="226"/>
                    </a:lnTo>
                    <a:lnTo>
                      <a:pt x="570" y="215"/>
                    </a:lnTo>
                    <a:lnTo>
                      <a:pt x="568" y="206"/>
                    </a:lnTo>
                    <a:lnTo>
                      <a:pt x="561" y="198"/>
                    </a:lnTo>
                    <a:lnTo>
                      <a:pt x="553" y="189"/>
                    </a:lnTo>
                    <a:lnTo>
                      <a:pt x="542" y="182"/>
                    </a:lnTo>
                    <a:lnTo>
                      <a:pt x="526" y="171"/>
                    </a:lnTo>
                    <a:lnTo>
                      <a:pt x="492" y="171"/>
                    </a:lnTo>
                    <a:lnTo>
                      <a:pt x="454" y="173"/>
                    </a:lnTo>
                    <a:lnTo>
                      <a:pt x="433" y="173"/>
                    </a:lnTo>
                    <a:lnTo>
                      <a:pt x="415" y="171"/>
                    </a:lnTo>
                    <a:lnTo>
                      <a:pt x="398" y="169"/>
                    </a:lnTo>
                    <a:lnTo>
                      <a:pt x="385" y="165"/>
                    </a:lnTo>
                    <a:lnTo>
                      <a:pt x="376" y="161"/>
                    </a:lnTo>
                    <a:lnTo>
                      <a:pt x="368" y="158"/>
                    </a:lnTo>
                    <a:lnTo>
                      <a:pt x="359" y="157"/>
                    </a:lnTo>
                    <a:lnTo>
                      <a:pt x="352" y="157"/>
                    </a:lnTo>
                    <a:lnTo>
                      <a:pt x="338" y="158"/>
                    </a:lnTo>
                    <a:lnTo>
                      <a:pt x="325" y="161"/>
                    </a:lnTo>
                    <a:lnTo>
                      <a:pt x="314" y="165"/>
                    </a:lnTo>
                    <a:lnTo>
                      <a:pt x="301" y="167"/>
                    </a:lnTo>
                    <a:lnTo>
                      <a:pt x="294" y="169"/>
                    </a:lnTo>
                    <a:lnTo>
                      <a:pt x="288" y="169"/>
                    </a:lnTo>
                    <a:lnTo>
                      <a:pt x="281" y="169"/>
                    </a:lnTo>
                    <a:lnTo>
                      <a:pt x="275" y="167"/>
                    </a:lnTo>
                    <a:lnTo>
                      <a:pt x="276" y="157"/>
                    </a:lnTo>
                    <a:lnTo>
                      <a:pt x="279" y="149"/>
                    </a:lnTo>
                    <a:lnTo>
                      <a:pt x="284" y="141"/>
                    </a:lnTo>
                    <a:lnTo>
                      <a:pt x="290" y="135"/>
                    </a:lnTo>
                    <a:lnTo>
                      <a:pt x="306" y="123"/>
                    </a:lnTo>
                    <a:lnTo>
                      <a:pt x="323" y="114"/>
                    </a:lnTo>
                    <a:lnTo>
                      <a:pt x="330" y="109"/>
                    </a:lnTo>
                    <a:lnTo>
                      <a:pt x="338" y="104"/>
                    </a:lnTo>
                    <a:lnTo>
                      <a:pt x="345" y="99"/>
                    </a:lnTo>
                    <a:lnTo>
                      <a:pt x="349" y="94"/>
                    </a:lnTo>
                    <a:lnTo>
                      <a:pt x="352" y="87"/>
                    </a:lnTo>
                    <a:lnTo>
                      <a:pt x="352" y="79"/>
                    </a:lnTo>
                    <a:lnTo>
                      <a:pt x="351" y="70"/>
                    </a:lnTo>
                    <a:lnTo>
                      <a:pt x="346" y="60"/>
                    </a:lnTo>
                    <a:lnTo>
                      <a:pt x="338" y="47"/>
                    </a:lnTo>
                    <a:lnTo>
                      <a:pt x="329" y="29"/>
                    </a:lnTo>
                    <a:lnTo>
                      <a:pt x="319" y="12"/>
                    </a:lnTo>
                    <a:lnTo>
                      <a:pt x="310" y="0"/>
                    </a:lnTo>
                    <a:lnTo>
                      <a:pt x="302" y="11"/>
                    </a:lnTo>
                    <a:lnTo>
                      <a:pt x="289" y="31"/>
                    </a:lnTo>
                    <a:lnTo>
                      <a:pt x="271" y="61"/>
                    </a:lnTo>
                    <a:lnTo>
                      <a:pt x="250" y="91"/>
                    </a:lnTo>
                    <a:lnTo>
                      <a:pt x="229" y="121"/>
                    </a:lnTo>
                    <a:lnTo>
                      <a:pt x="213" y="141"/>
                    </a:lnTo>
                    <a:lnTo>
                      <a:pt x="205" y="148"/>
                    </a:lnTo>
                    <a:lnTo>
                      <a:pt x="198" y="152"/>
                    </a:lnTo>
                    <a:lnTo>
                      <a:pt x="196" y="152"/>
                    </a:lnTo>
                    <a:lnTo>
                      <a:pt x="194" y="151"/>
                    </a:lnTo>
                    <a:lnTo>
                      <a:pt x="193" y="148"/>
                    </a:lnTo>
                    <a:lnTo>
                      <a:pt x="192" y="145"/>
                    </a:lnTo>
                    <a:lnTo>
                      <a:pt x="193" y="149"/>
                    </a:lnTo>
                    <a:lnTo>
                      <a:pt x="165" y="191"/>
                    </a:lnTo>
                    <a:lnTo>
                      <a:pt x="165" y="197"/>
                    </a:lnTo>
                    <a:lnTo>
                      <a:pt x="163" y="201"/>
                    </a:lnTo>
                    <a:lnTo>
                      <a:pt x="161" y="205"/>
                    </a:lnTo>
                    <a:lnTo>
                      <a:pt x="158" y="209"/>
                    </a:lnTo>
                    <a:lnTo>
                      <a:pt x="148" y="213"/>
                    </a:lnTo>
                    <a:lnTo>
                      <a:pt x="136" y="215"/>
                    </a:lnTo>
                    <a:lnTo>
                      <a:pt x="110" y="218"/>
                    </a:lnTo>
                    <a:lnTo>
                      <a:pt x="88" y="219"/>
                    </a:lnTo>
                    <a:lnTo>
                      <a:pt x="82" y="222"/>
                    </a:lnTo>
                    <a:lnTo>
                      <a:pt x="77" y="224"/>
                    </a:lnTo>
                    <a:lnTo>
                      <a:pt x="73" y="227"/>
                    </a:lnTo>
                    <a:lnTo>
                      <a:pt x="69" y="231"/>
                    </a:lnTo>
                    <a:lnTo>
                      <a:pt x="66" y="235"/>
                    </a:lnTo>
                    <a:lnTo>
                      <a:pt x="65" y="239"/>
                    </a:lnTo>
                    <a:lnTo>
                      <a:pt x="65" y="243"/>
                    </a:lnTo>
                    <a:lnTo>
                      <a:pt x="65" y="248"/>
                    </a:lnTo>
                    <a:lnTo>
                      <a:pt x="67" y="257"/>
                    </a:lnTo>
                    <a:lnTo>
                      <a:pt x="71" y="267"/>
                    </a:lnTo>
                    <a:lnTo>
                      <a:pt x="77" y="276"/>
                    </a:lnTo>
                    <a:lnTo>
                      <a:pt x="82" y="285"/>
                    </a:lnTo>
                    <a:lnTo>
                      <a:pt x="86" y="292"/>
                    </a:lnTo>
                    <a:lnTo>
                      <a:pt x="88" y="297"/>
                    </a:lnTo>
                    <a:lnTo>
                      <a:pt x="88" y="301"/>
                    </a:lnTo>
                    <a:lnTo>
                      <a:pt x="88" y="305"/>
                    </a:lnTo>
                    <a:lnTo>
                      <a:pt x="87" y="307"/>
                    </a:lnTo>
                    <a:lnTo>
                      <a:pt x="84" y="310"/>
                    </a:lnTo>
                    <a:lnTo>
                      <a:pt x="82" y="311"/>
                    </a:lnTo>
                    <a:lnTo>
                      <a:pt x="78" y="312"/>
                    </a:lnTo>
                    <a:lnTo>
                      <a:pt x="58" y="315"/>
                    </a:lnTo>
                    <a:lnTo>
                      <a:pt x="40" y="319"/>
                    </a:lnTo>
                    <a:lnTo>
                      <a:pt x="32" y="323"/>
                    </a:lnTo>
                    <a:lnTo>
                      <a:pt x="26" y="328"/>
                    </a:lnTo>
                    <a:lnTo>
                      <a:pt x="20" y="333"/>
                    </a:lnTo>
                    <a:lnTo>
                      <a:pt x="14" y="340"/>
                    </a:lnTo>
                    <a:lnTo>
                      <a:pt x="10" y="346"/>
                    </a:lnTo>
                    <a:lnTo>
                      <a:pt x="7" y="354"/>
                    </a:lnTo>
                    <a:lnTo>
                      <a:pt x="4" y="362"/>
                    </a:lnTo>
                    <a:lnTo>
                      <a:pt x="3" y="371"/>
                    </a:lnTo>
                    <a:lnTo>
                      <a:pt x="0" y="388"/>
                    </a:lnTo>
                    <a:lnTo>
                      <a:pt x="0" y="404"/>
                    </a:lnTo>
                    <a:lnTo>
                      <a:pt x="3" y="421"/>
                    </a:lnTo>
                    <a:lnTo>
                      <a:pt x="8" y="437"/>
                    </a:lnTo>
                    <a:lnTo>
                      <a:pt x="12" y="447"/>
                    </a:lnTo>
                    <a:lnTo>
                      <a:pt x="17" y="458"/>
                    </a:lnTo>
                    <a:lnTo>
                      <a:pt x="22" y="469"/>
                    </a:lnTo>
                    <a:lnTo>
                      <a:pt x="30" y="480"/>
                    </a:lnTo>
                    <a:lnTo>
                      <a:pt x="38" y="491"/>
                    </a:lnTo>
                    <a:lnTo>
                      <a:pt x="47" y="502"/>
                    </a:lnTo>
                    <a:lnTo>
                      <a:pt x="56" y="512"/>
                    </a:lnTo>
                    <a:lnTo>
                      <a:pt x="66" y="522"/>
                    </a:lnTo>
                    <a:lnTo>
                      <a:pt x="77" y="530"/>
                    </a:lnTo>
                    <a:lnTo>
                      <a:pt x="87" y="539"/>
                    </a:lnTo>
                    <a:lnTo>
                      <a:pt x="99" y="546"/>
                    </a:lnTo>
                    <a:lnTo>
                      <a:pt x="110" y="551"/>
                    </a:lnTo>
                    <a:lnTo>
                      <a:pt x="122" y="555"/>
                    </a:lnTo>
                    <a:lnTo>
                      <a:pt x="134" y="557"/>
                    </a:lnTo>
                    <a:lnTo>
                      <a:pt x="145" y="559"/>
                    </a:lnTo>
                    <a:lnTo>
                      <a:pt x="157" y="557"/>
                    </a:lnTo>
                    <a:lnTo>
                      <a:pt x="163" y="556"/>
                    </a:lnTo>
                    <a:lnTo>
                      <a:pt x="170" y="553"/>
                    </a:lnTo>
                    <a:lnTo>
                      <a:pt x="176" y="551"/>
                    </a:lnTo>
                    <a:lnTo>
                      <a:pt x="183" y="547"/>
                    </a:lnTo>
                    <a:lnTo>
                      <a:pt x="196" y="538"/>
                    </a:lnTo>
                    <a:lnTo>
                      <a:pt x="207" y="530"/>
                    </a:lnTo>
                    <a:lnTo>
                      <a:pt x="220" y="521"/>
                    </a:lnTo>
                    <a:lnTo>
                      <a:pt x="235" y="513"/>
                    </a:lnTo>
                    <a:lnTo>
                      <a:pt x="242" y="511"/>
                    </a:lnTo>
                    <a:lnTo>
                      <a:pt x="250" y="508"/>
                    </a:lnTo>
                    <a:lnTo>
                      <a:pt x="258" y="507"/>
                    </a:lnTo>
                    <a:lnTo>
                      <a:pt x="267" y="507"/>
                    </a:lnTo>
                    <a:lnTo>
                      <a:pt x="271" y="507"/>
                    </a:lnTo>
                    <a:lnTo>
                      <a:pt x="275" y="509"/>
                    </a:lnTo>
                    <a:lnTo>
                      <a:pt x="279" y="512"/>
                    </a:lnTo>
                    <a:lnTo>
                      <a:pt x="282" y="517"/>
                    </a:lnTo>
                    <a:lnTo>
                      <a:pt x="288" y="528"/>
                    </a:lnTo>
                    <a:lnTo>
                      <a:pt x="294" y="540"/>
                    </a:lnTo>
                    <a:lnTo>
                      <a:pt x="302" y="569"/>
                    </a:lnTo>
                    <a:lnTo>
                      <a:pt x="308" y="590"/>
                    </a:lnTo>
                    <a:lnTo>
                      <a:pt x="312" y="599"/>
                    </a:lnTo>
                    <a:lnTo>
                      <a:pt x="317" y="605"/>
                    </a:lnTo>
                    <a:lnTo>
                      <a:pt x="323" y="609"/>
                    </a:lnTo>
                    <a:lnTo>
                      <a:pt x="333" y="613"/>
                    </a:lnTo>
                    <a:lnTo>
                      <a:pt x="342" y="616"/>
                    </a:lnTo>
                    <a:lnTo>
                      <a:pt x="351" y="618"/>
                    </a:lnTo>
                    <a:lnTo>
                      <a:pt x="360" y="621"/>
                    </a:lnTo>
                    <a:lnTo>
                      <a:pt x="367" y="626"/>
                    </a:lnTo>
                    <a:lnTo>
                      <a:pt x="371" y="631"/>
                    </a:lnTo>
                    <a:lnTo>
                      <a:pt x="373" y="636"/>
                    </a:lnTo>
                    <a:lnTo>
                      <a:pt x="374" y="644"/>
                    </a:lnTo>
                    <a:lnTo>
                      <a:pt x="377" y="652"/>
                    </a:lnTo>
                    <a:lnTo>
                      <a:pt x="380" y="669"/>
                    </a:lnTo>
                    <a:lnTo>
                      <a:pt x="384" y="680"/>
                    </a:lnTo>
                    <a:lnTo>
                      <a:pt x="381" y="682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7" name="Freeform 202">
                <a:extLst>
                  <a:ext uri="{FF2B5EF4-FFF2-40B4-BE49-F238E27FC236}">
                    <a16:creationId xmlns:a16="http://schemas.microsoft.com/office/drawing/2014/main" id="{7FB2C9BB-D42E-494F-A497-32E044B6CF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08127" y="2673462"/>
                <a:ext cx="71047" cy="59609"/>
              </a:xfrm>
              <a:custGeom>
                <a:avLst/>
                <a:gdLst/>
                <a:ahLst/>
                <a:cxnLst>
                  <a:cxn ang="0">
                    <a:pos x="17" y="79"/>
                  </a:cxn>
                  <a:cxn ang="0">
                    <a:pos x="29" y="69"/>
                  </a:cxn>
                  <a:cxn ang="0">
                    <a:pos x="42" y="57"/>
                  </a:cxn>
                  <a:cxn ang="0">
                    <a:pos x="54" y="50"/>
                  </a:cxn>
                  <a:cxn ang="0">
                    <a:pos x="65" y="41"/>
                  </a:cxn>
                  <a:cxn ang="0">
                    <a:pos x="76" y="30"/>
                  </a:cxn>
                  <a:cxn ang="0">
                    <a:pos x="85" y="19"/>
                  </a:cxn>
                  <a:cxn ang="0">
                    <a:pos x="89" y="15"/>
                  </a:cxn>
                  <a:cxn ang="0">
                    <a:pos x="95" y="9"/>
                  </a:cxn>
                  <a:cxn ang="0">
                    <a:pos x="100" y="6"/>
                  </a:cxn>
                  <a:cxn ang="0">
                    <a:pos x="107" y="3"/>
                  </a:cxn>
                  <a:cxn ang="0">
                    <a:pos x="117" y="0"/>
                  </a:cxn>
                  <a:cxn ang="0">
                    <a:pos x="126" y="0"/>
                  </a:cxn>
                  <a:cxn ang="0">
                    <a:pos x="135" y="2"/>
                  </a:cxn>
                  <a:cxn ang="0">
                    <a:pos x="146" y="2"/>
                  </a:cxn>
                  <a:cxn ang="0">
                    <a:pos x="149" y="3"/>
                  </a:cxn>
                  <a:cxn ang="0">
                    <a:pos x="153" y="4"/>
                  </a:cxn>
                  <a:cxn ang="0">
                    <a:pos x="156" y="6"/>
                  </a:cxn>
                  <a:cxn ang="0">
                    <a:pos x="157" y="7"/>
                  </a:cxn>
                  <a:cxn ang="0">
                    <a:pos x="157" y="9"/>
                  </a:cxn>
                  <a:cxn ang="0">
                    <a:pos x="156" y="11"/>
                  </a:cxn>
                  <a:cxn ang="0">
                    <a:pos x="153" y="13"/>
                  </a:cxn>
                  <a:cxn ang="0">
                    <a:pos x="149" y="16"/>
                  </a:cxn>
                  <a:cxn ang="0">
                    <a:pos x="142" y="21"/>
                  </a:cxn>
                  <a:cxn ang="0">
                    <a:pos x="136" y="28"/>
                  </a:cxn>
                  <a:cxn ang="0">
                    <a:pos x="135" y="33"/>
                  </a:cxn>
                  <a:cxn ang="0">
                    <a:pos x="135" y="39"/>
                  </a:cxn>
                  <a:cxn ang="0">
                    <a:pos x="139" y="54"/>
                  </a:cxn>
                  <a:cxn ang="0">
                    <a:pos x="143" y="69"/>
                  </a:cxn>
                  <a:cxn ang="0">
                    <a:pos x="143" y="76"/>
                  </a:cxn>
                  <a:cxn ang="0">
                    <a:pos x="143" y="82"/>
                  </a:cxn>
                  <a:cxn ang="0">
                    <a:pos x="140" y="86"/>
                  </a:cxn>
                  <a:cxn ang="0">
                    <a:pos x="138" y="90"/>
                  </a:cxn>
                  <a:cxn ang="0">
                    <a:pos x="127" y="95"/>
                  </a:cxn>
                  <a:cxn ang="0">
                    <a:pos x="116" y="99"/>
                  </a:cxn>
                  <a:cxn ang="0">
                    <a:pos x="105" y="104"/>
                  </a:cxn>
                  <a:cxn ang="0">
                    <a:pos x="94" y="109"/>
                  </a:cxn>
                  <a:cxn ang="0">
                    <a:pos x="83" y="116"/>
                  </a:cxn>
                  <a:cxn ang="0">
                    <a:pos x="73" y="121"/>
                  </a:cxn>
                  <a:cxn ang="0">
                    <a:pos x="60" y="125"/>
                  </a:cxn>
                  <a:cxn ang="0">
                    <a:pos x="48" y="127"/>
                  </a:cxn>
                  <a:cxn ang="0">
                    <a:pos x="35" y="129"/>
                  </a:cxn>
                  <a:cxn ang="0">
                    <a:pos x="22" y="131"/>
                  </a:cxn>
                  <a:cxn ang="0">
                    <a:pos x="17" y="133"/>
                  </a:cxn>
                  <a:cxn ang="0">
                    <a:pos x="13" y="133"/>
                  </a:cxn>
                  <a:cxn ang="0">
                    <a:pos x="11" y="133"/>
                  </a:cxn>
                  <a:cxn ang="0">
                    <a:pos x="7" y="133"/>
                  </a:cxn>
                  <a:cxn ang="0">
                    <a:pos x="3" y="129"/>
                  </a:cxn>
                  <a:cxn ang="0">
                    <a:pos x="2" y="123"/>
                  </a:cxn>
                  <a:cxn ang="0">
                    <a:pos x="0" y="109"/>
                  </a:cxn>
                  <a:cxn ang="0">
                    <a:pos x="0" y="96"/>
                  </a:cxn>
                  <a:cxn ang="0">
                    <a:pos x="17" y="79"/>
                  </a:cxn>
                </a:cxnLst>
                <a:rect l="0" t="0" r="r" b="b"/>
                <a:pathLst>
                  <a:path w="157" h="133">
                    <a:moveTo>
                      <a:pt x="17" y="79"/>
                    </a:moveTo>
                    <a:lnTo>
                      <a:pt x="29" y="69"/>
                    </a:lnTo>
                    <a:lnTo>
                      <a:pt x="42" y="57"/>
                    </a:lnTo>
                    <a:lnTo>
                      <a:pt x="54" y="50"/>
                    </a:lnTo>
                    <a:lnTo>
                      <a:pt x="65" y="41"/>
                    </a:lnTo>
                    <a:lnTo>
                      <a:pt x="76" y="30"/>
                    </a:lnTo>
                    <a:lnTo>
                      <a:pt x="85" y="19"/>
                    </a:lnTo>
                    <a:lnTo>
                      <a:pt x="89" y="15"/>
                    </a:lnTo>
                    <a:lnTo>
                      <a:pt x="95" y="9"/>
                    </a:lnTo>
                    <a:lnTo>
                      <a:pt x="100" y="6"/>
                    </a:lnTo>
                    <a:lnTo>
                      <a:pt x="107" y="3"/>
                    </a:lnTo>
                    <a:lnTo>
                      <a:pt x="117" y="0"/>
                    </a:lnTo>
                    <a:lnTo>
                      <a:pt x="126" y="0"/>
                    </a:lnTo>
                    <a:lnTo>
                      <a:pt x="135" y="2"/>
                    </a:lnTo>
                    <a:lnTo>
                      <a:pt x="146" y="2"/>
                    </a:lnTo>
                    <a:lnTo>
                      <a:pt x="149" y="3"/>
                    </a:lnTo>
                    <a:lnTo>
                      <a:pt x="153" y="4"/>
                    </a:lnTo>
                    <a:lnTo>
                      <a:pt x="156" y="6"/>
                    </a:lnTo>
                    <a:lnTo>
                      <a:pt x="157" y="7"/>
                    </a:lnTo>
                    <a:lnTo>
                      <a:pt x="157" y="9"/>
                    </a:lnTo>
                    <a:lnTo>
                      <a:pt x="156" y="11"/>
                    </a:lnTo>
                    <a:lnTo>
                      <a:pt x="153" y="13"/>
                    </a:lnTo>
                    <a:lnTo>
                      <a:pt x="149" y="16"/>
                    </a:lnTo>
                    <a:lnTo>
                      <a:pt x="142" y="21"/>
                    </a:lnTo>
                    <a:lnTo>
                      <a:pt x="136" y="28"/>
                    </a:lnTo>
                    <a:lnTo>
                      <a:pt x="135" y="33"/>
                    </a:lnTo>
                    <a:lnTo>
                      <a:pt x="135" y="39"/>
                    </a:lnTo>
                    <a:lnTo>
                      <a:pt x="139" y="54"/>
                    </a:lnTo>
                    <a:lnTo>
                      <a:pt x="143" y="69"/>
                    </a:lnTo>
                    <a:lnTo>
                      <a:pt x="143" y="76"/>
                    </a:lnTo>
                    <a:lnTo>
                      <a:pt x="143" y="82"/>
                    </a:lnTo>
                    <a:lnTo>
                      <a:pt x="140" y="86"/>
                    </a:lnTo>
                    <a:lnTo>
                      <a:pt x="138" y="90"/>
                    </a:lnTo>
                    <a:lnTo>
                      <a:pt x="127" y="95"/>
                    </a:lnTo>
                    <a:lnTo>
                      <a:pt x="116" y="99"/>
                    </a:lnTo>
                    <a:lnTo>
                      <a:pt x="105" y="104"/>
                    </a:lnTo>
                    <a:lnTo>
                      <a:pt x="94" y="109"/>
                    </a:lnTo>
                    <a:lnTo>
                      <a:pt x="83" y="116"/>
                    </a:lnTo>
                    <a:lnTo>
                      <a:pt x="73" y="121"/>
                    </a:lnTo>
                    <a:lnTo>
                      <a:pt x="60" y="125"/>
                    </a:lnTo>
                    <a:lnTo>
                      <a:pt x="48" y="127"/>
                    </a:lnTo>
                    <a:lnTo>
                      <a:pt x="35" y="129"/>
                    </a:lnTo>
                    <a:lnTo>
                      <a:pt x="22" y="131"/>
                    </a:lnTo>
                    <a:lnTo>
                      <a:pt x="17" y="133"/>
                    </a:lnTo>
                    <a:lnTo>
                      <a:pt x="13" y="133"/>
                    </a:lnTo>
                    <a:lnTo>
                      <a:pt x="11" y="133"/>
                    </a:lnTo>
                    <a:lnTo>
                      <a:pt x="7" y="133"/>
                    </a:lnTo>
                    <a:lnTo>
                      <a:pt x="3" y="129"/>
                    </a:lnTo>
                    <a:lnTo>
                      <a:pt x="2" y="123"/>
                    </a:lnTo>
                    <a:lnTo>
                      <a:pt x="0" y="109"/>
                    </a:lnTo>
                    <a:lnTo>
                      <a:pt x="0" y="96"/>
                    </a:lnTo>
                    <a:lnTo>
                      <a:pt x="17" y="79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8" name="Freeform 203">
                <a:extLst>
                  <a:ext uri="{FF2B5EF4-FFF2-40B4-BE49-F238E27FC236}">
                    <a16:creationId xmlns:a16="http://schemas.microsoft.com/office/drawing/2014/main" id="{E1AF6B0A-524C-9145-8986-A3752E5506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9057" y="1791985"/>
                <a:ext cx="154844" cy="122829"/>
              </a:xfrm>
              <a:custGeom>
                <a:avLst/>
                <a:gdLst/>
                <a:ahLst/>
                <a:cxnLst>
                  <a:cxn ang="0">
                    <a:pos x="62" y="210"/>
                  </a:cxn>
                  <a:cxn ang="0">
                    <a:pos x="82" y="191"/>
                  </a:cxn>
                  <a:cxn ang="0">
                    <a:pos x="84" y="182"/>
                  </a:cxn>
                  <a:cxn ang="0">
                    <a:pos x="53" y="162"/>
                  </a:cxn>
                  <a:cxn ang="0">
                    <a:pos x="69" y="134"/>
                  </a:cxn>
                  <a:cxn ang="0">
                    <a:pos x="69" y="123"/>
                  </a:cxn>
                  <a:cxn ang="0">
                    <a:pos x="60" y="108"/>
                  </a:cxn>
                  <a:cxn ang="0">
                    <a:pos x="47" y="87"/>
                  </a:cxn>
                  <a:cxn ang="0">
                    <a:pos x="47" y="74"/>
                  </a:cxn>
                  <a:cxn ang="0">
                    <a:pos x="58" y="65"/>
                  </a:cxn>
                  <a:cxn ang="0">
                    <a:pos x="97" y="57"/>
                  </a:cxn>
                  <a:cxn ang="0">
                    <a:pos x="98" y="91"/>
                  </a:cxn>
                  <a:cxn ang="0">
                    <a:pos x="110" y="108"/>
                  </a:cxn>
                  <a:cxn ang="0">
                    <a:pos x="144" y="119"/>
                  </a:cxn>
                  <a:cxn ang="0">
                    <a:pos x="162" y="112"/>
                  </a:cxn>
                  <a:cxn ang="0">
                    <a:pos x="175" y="84"/>
                  </a:cxn>
                  <a:cxn ang="0">
                    <a:pos x="188" y="53"/>
                  </a:cxn>
                  <a:cxn ang="0">
                    <a:pos x="224" y="31"/>
                  </a:cxn>
                  <a:cxn ang="0">
                    <a:pos x="275" y="12"/>
                  </a:cxn>
                  <a:cxn ang="0">
                    <a:pos x="321" y="3"/>
                  </a:cxn>
                  <a:cxn ang="0">
                    <a:pos x="339" y="3"/>
                  </a:cxn>
                  <a:cxn ang="0">
                    <a:pos x="341" y="17"/>
                  </a:cxn>
                  <a:cxn ang="0">
                    <a:pos x="332" y="51"/>
                  </a:cxn>
                  <a:cxn ang="0">
                    <a:pos x="317" y="74"/>
                  </a:cxn>
                  <a:cxn ang="0">
                    <a:pos x="294" y="95"/>
                  </a:cxn>
                  <a:cxn ang="0">
                    <a:pos x="268" y="110"/>
                  </a:cxn>
                  <a:cxn ang="0">
                    <a:pos x="279" y="121"/>
                  </a:cxn>
                  <a:cxn ang="0">
                    <a:pos x="295" y="130"/>
                  </a:cxn>
                  <a:cxn ang="0">
                    <a:pos x="289" y="138"/>
                  </a:cxn>
                  <a:cxn ang="0">
                    <a:pos x="242" y="145"/>
                  </a:cxn>
                  <a:cxn ang="0">
                    <a:pos x="202" y="152"/>
                  </a:cxn>
                  <a:cxn ang="0">
                    <a:pos x="201" y="163"/>
                  </a:cxn>
                  <a:cxn ang="0">
                    <a:pos x="214" y="179"/>
                  </a:cxn>
                  <a:cxn ang="0">
                    <a:pos x="216" y="193"/>
                  </a:cxn>
                  <a:cxn ang="0">
                    <a:pos x="202" y="210"/>
                  </a:cxn>
                  <a:cxn ang="0">
                    <a:pos x="174" y="219"/>
                  </a:cxn>
                  <a:cxn ang="0">
                    <a:pos x="123" y="211"/>
                  </a:cxn>
                  <a:cxn ang="0">
                    <a:pos x="109" y="214"/>
                  </a:cxn>
                  <a:cxn ang="0">
                    <a:pos x="95" y="235"/>
                  </a:cxn>
                  <a:cxn ang="0">
                    <a:pos x="78" y="258"/>
                  </a:cxn>
                  <a:cxn ang="0">
                    <a:pos x="60" y="266"/>
                  </a:cxn>
                  <a:cxn ang="0">
                    <a:pos x="22" y="275"/>
                  </a:cxn>
                  <a:cxn ang="0">
                    <a:pos x="7" y="263"/>
                  </a:cxn>
                  <a:cxn ang="0">
                    <a:pos x="0" y="245"/>
                  </a:cxn>
                </a:cxnLst>
                <a:rect l="0" t="0" r="r" b="b"/>
                <a:pathLst>
                  <a:path w="341" h="275">
                    <a:moveTo>
                      <a:pt x="30" y="233"/>
                    </a:moveTo>
                    <a:lnTo>
                      <a:pt x="43" y="224"/>
                    </a:lnTo>
                    <a:lnTo>
                      <a:pt x="62" y="210"/>
                    </a:lnTo>
                    <a:lnTo>
                      <a:pt x="71" y="202"/>
                    </a:lnTo>
                    <a:lnTo>
                      <a:pt x="79" y="195"/>
                    </a:lnTo>
                    <a:lnTo>
                      <a:pt x="82" y="191"/>
                    </a:lnTo>
                    <a:lnTo>
                      <a:pt x="83" y="188"/>
                    </a:lnTo>
                    <a:lnTo>
                      <a:pt x="84" y="184"/>
                    </a:lnTo>
                    <a:lnTo>
                      <a:pt x="84" y="182"/>
                    </a:lnTo>
                    <a:lnTo>
                      <a:pt x="78" y="176"/>
                    </a:lnTo>
                    <a:lnTo>
                      <a:pt x="66" y="170"/>
                    </a:lnTo>
                    <a:lnTo>
                      <a:pt x="53" y="162"/>
                    </a:lnTo>
                    <a:lnTo>
                      <a:pt x="44" y="157"/>
                    </a:lnTo>
                    <a:lnTo>
                      <a:pt x="53" y="147"/>
                    </a:lnTo>
                    <a:lnTo>
                      <a:pt x="69" y="134"/>
                    </a:lnTo>
                    <a:lnTo>
                      <a:pt x="70" y="131"/>
                    </a:lnTo>
                    <a:lnTo>
                      <a:pt x="70" y="127"/>
                    </a:lnTo>
                    <a:lnTo>
                      <a:pt x="69" y="123"/>
                    </a:lnTo>
                    <a:lnTo>
                      <a:pt x="69" y="121"/>
                    </a:lnTo>
                    <a:lnTo>
                      <a:pt x="65" y="114"/>
                    </a:lnTo>
                    <a:lnTo>
                      <a:pt x="60" y="108"/>
                    </a:lnTo>
                    <a:lnTo>
                      <a:pt x="56" y="100"/>
                    </a:lnTo>
                    <a:lnTo>
                      <a:pt x="51" y="93"/>
                    </a:lnTo>
                    <a:lnTo>
                      <a:pt x="47" y="87"/>
                    </a:lnTo>
                    <a:lnTo>
                      <a:pt x="45" y="81"/>
                    </a:lnTo>
                    <a:lnTo>
                      <a:pt x="45" y="77"/>
                    </a:lnTo>
                    <a:lnTo>
                      <a:pt x="47" y="74"/>
                    </a:lnTo>
                    <a:lnTo>
                      <a:pt x="49" y="71"/>
                    </a:lnTo>
                    <a:lnTo>
                      <a:pt x="52" y="69"/>
                    </a:lnTo>
                    <a:lnTo>
                      <a:pt x="58" y="65"/>
                    </a:lnTo>
                    <a:lnTo>
                      <a:pt x="66" y="61"/>
                    </a:lnTo>
                    <a:lnTo>
                      <a:pt x="83" y="59"/>
                    </a:lnTo>
                    <a:lnTo>
                      <a:pt x="97" y="57"/>
                    </a:lnTo>
                    <a:lnTo>
                      <a:pt x="97" y="70"/>
                    </a:lnTo>
                    <a:lnTo>
                      <a:pt x="97" y="84"/>
                    </a:lnTo>
                    <a:lnTo>
                      <a:pt x="98" y="91"/>
                    </a:lnTo>
                    <a:lnTo>
                      <a:pt x="101" y="97"/>
                    </a:lnTo>
                    <a:lnTo>
                      <a:pt x="105" y="103"/>
                    </a:lnTo>
                    <a:lnTo>
                      <a:pt x="110" y="108"/>
                    </a:lnTo>
                    <a:lnTo>
                      <a:pt x="124" y="114"/>
                    </a:lnTo>
                    <a:lnTo>
                      <a:pt x="135" y="118"/>
                    </a:lnTo>
                    <a:lnTo>
                      <a:pt x="144" y="119"/>
                    </a:lnTo>
                    <a:lnTo>
                      <a:pt x="152" y="119"/>
                    </a:lnTo>
                    <a:lnTo>
                      <a:pt x="157" y="117"/>
                    </a:lnTo>
                    <a:lnTo>
                      <a:pt x="162" y="112"/>
                    </a:lnTo>
                    <a:lnTo>
                      <a:pt x="166" y="106"/>
                    </a:lnTo>
                    <a:lnTo>
                      <a:pt x="170" y="100"/>
                    </a:lnTo>
                    <a:lnTo>
                      <a:pt x="175" y="84"/>
                    </a:lnTo>
                    <a:lnTo>
                      <a:pt x="180" y="68"/>
                    </a:lnTo>
                    <a:lnTo>
                      <a:pt x="184" y="60"/>
                    </a:lnTo>
                    <a:lnTo>
                      <a:pt x="188" y="53"/>
                    </a:lnTo>
                    <a:lnTo>
                      <a:pt x="194" y="47"/>
                    </a:lnTo>
                    <a:lnTo>
                      <a:pt x="201" y="43"/>
                    </a:lnTo>
                    <a:lnTo>
                      <a:pt x="224" y="31"/>
                    </a:lnTo>
                    <a:lnTo>
                      <a:pt x="249" y="21"/>
                    </a:lnTo>
                    <a:lnTo>
                      <a:pt x="262" y="16"/>
                    </a:lnTo>
                    <a:lnTo>
                      <a:pt x="275" y="12"/>
                    </a:lnTo>
                    <a:lnTo>
                      <a:pt x="288" y="9"/>
                    </a:lnTo>
                    <a:lnTo>
                      <a:pt x="301" y="7"/>
                    </a:lnTo>
                    <a:lnTo>
                      <a:pt x="321" y="3"/>
                    </a:lnTo>
                    <a:lnTo>
                      <a:pt x="334" y="0"/>
                    </a:lnTo>
                    <a:lnTo>
                      <a:pt x="337" y="2"/>
                    </a:lnTo>
                    <a:lnTo>
                      <a:pt x="339" y="3"/>
                    </a:lnTo>
                    <a:lnTo>
                      <a:pt x="341" y="4"/>
                    </a:lnTo>
                    <a:lnTo>
                      <a:pt x="341" y="7"/>
                    </a:lnTo>
                    <a:lnTo>
                      <a:pt x="341" y="17"/>
                    </a:lnTo>
                    <a:lnTo>
                      <a:pt x="338" y="31"/>
                    </a:lnTo>
                    <a:lnTo>
                      <a:pt x="336" y="42"/>
                    </a:lnTo>
                    <a:lnTo>
                      <a:pt x="332" y="51"/>
                    </a:lnTo>
                    <a:lnTo>
                      <a:pt x="328" y="60"/>
                    </a:lnTo>
                    <a:lnTo>
                      <a:pt x="323" y="68"/>
                    </a:lnTo>
                    <a:lnTo>
                      <a:pt x="317" y="74"/>
                    </a:lnTo>
                    <a:lnTo>
                      <a:pt x="311" y="81"/>
                    </a:lnTo>
                    <a:lnTo>
                      <a:pt x="303" y="88"/>
                    </a:lnTo>
                    <a:lnTo>
                      <a:pt x="294" y="95"/>
                    </a:lnTo>
                    <a:lnTo>
                      <a:pt x="284" y="101"/>
                    </a:lnTo>
                    <a:lnTo>
                      <a:pt x="272" y="106"/>
                    </a:lnTo>
                    <a:lnTo>
                      <a:pt x="268" y="110"/>
                    </a:lnTo>
                    <a:lnTo>
                      <a:pt x="267" y="113"/>
                    </a:lnTo>
                    <a:lnTo>
                      <a:pt x="271" y="117"/>
                    </a:lnTo>
                    <a:lnTo>
                      <a:pt x="279" y="121"/>
                    </a:lnTo>
                    <a:lnTo>
                      <a:pt x="288" y="125"/>
                    </a:lnTo>
                    <a:lnTo>
                      <a:pt x="293" y="127"/>
                    </a:lnTo>
                    <a:lnTo>
                      <a:pt x="295" y="130"/>
                    </a:lnTo>
                    <a:lnTo>
                      <a:pt x="295" y="134"/>
                    </a:lnTo>
                    <a:lnTo>
                      <a:pt x="293" y="135"/>
                    </a:lnTo>
                    <a:lnTo>
                      <a:pt x="289" y="138"/>
                    </a:lnTo>
                    <a:lnTo>
                      <a:pt x="282" y="139"/>
                    </a:lnTo>
                    <a:lnTo>
                      <a:pt x="275" y="140"/>
                    </a:lnTo>
                    <a:lnTo>
                      <a:pt x="242" y="145"/>
                    </a:lnTo>
                    <a:lnTo>
                      <a:pt x="218" y="148"/>
                    </a:lnTo>
                    <a:lnTo>
                      <a:pt x="209" y="150"/>
                    </a:lnTo>
                    <a:lnTo>
                      <a:pt x="202" y="152"/>
                    </a:lnTo>
                    <a:lnTo>
                      <a:pt x="200" y="154"/>
                    </a:lnTo>
                    <a:lnTo>
                      <a:pt x="198" y="157"/>
                    </a:lnTo>
                    <a:lnTo>
                      <a:pt x="201" y="163"/>
                    </a:lnTo>
                    <a:lnTo>
                      <a:pt x="207" y="170"/>
                    </a:lnTo>
                    <a:lnTo>
                      <a:pt x="210" y="174"/>
                    </a:lnTo>
                    <a:lnTo>
                      <a:pt x="214" y="179"/>
                    </a:lnTo>
                    <a:lnTo>
                      <a:pt x="216" y="183"/>
                    </a:lnTo>
                    <a:lnTo>
                      <a:pt x="216" y="188"/>
                    </a:lnTo>
                    <a:lnTo>
                      <a:pt x="216" y="193"/>
                    </a:lnTo>
                    <a:lnTo>
                      <a:pt x="214" y="198"/>
                    </a:lnTo>
                    <a:lnTo>
                      <a:pt x="210" y="204"/>
                    </a:lnTo>
                    <a:lnTo>
                      <a:pt x="202" y="210"/>
                    </a:lnTo>
                    <a:lnTo>
                      <a:pt x="193" y="215"/>
                    </a:lnTo>
                    <a:lnTo>
                      <a:pt x="183" y="218"/>
                    </a:lnTo>
                    <a:lnTo>
                      <a:pt x="174" y="219"/>
                    </a:lnTo>
                    <a:lnTo>
                      <a:pt x="163" y="219"/>
                    </a:lnTo>
                    <a:lnTo>
                      <a:pt x="144" y="215"/>
                    </a:lnTo>
                    <a:lnTo>
                      <a:pt x="123" y="211"/>
                    </a:lnTo>
                    <a:lnTo>
                      <a:pt x="118" y="211"/>
                    </a:lnTo>
                    <a:lnTo>
                      <a:pt x="113" y="213"/>
                    </a:lnTo>
                    <a:lnTo>
                      <a:pt x="109" y="214"/>
                    </a:lnTo>
                    <a:lnTo>
                      <a:pt x="105" y="217"/>
                    </a:lnTo>
                    <a:lnTo>
                      <a:pt x="100" y="224"/>
                    </a:lnTo>
                    <a:lnTo>
                      <a:pt x="95" y="235"/>
                    </a:lnTo>
                    <a:lnTo>
                      <a:pt x="89" y="244"/>
                    </a:lnTo>
                    <a:lnTo>
                      <a:pt x="83" y="254"/>
                    </a:lnTo>
                    <a:lnTo>
                      <a:pt x="78" y="258"/>
                    </a:lnTo>
                    <a:lnTo>
                      <a:pt x="73" y="261"/>
                    </a:lnTo>
                    <a:lnTo>
                      <a:pt x="66" y="263"/>
                    </a:lnTo>
                    <a:lnTo>
                      <a:pt x="60" y="266"/>
                    </a:lnTo>
                    <a:lnTo>
                      <a:pt x="43" y="270"/>
                    </a:lnTo>
                    <a:lnTo>
                      <a:pt x="29" y="275"/>
                    </a:lnTo>
                    <a:lnTo>
                      <a:pt x="22" y="275"/>
                    </a:lnTo>
                    <a:lnTo>
                      <a:pt x="17" y="272"/>
                    </a:lnTo>
                    <a:lnTo>
                      <a:pt x="12" y="268"/>
                    </a:lnTo>
                    <a:lnTo>
                      <a:pt x="7" y="263"/>
                    </a:lnTo>
                    <a:lnTo>
                      <a:pt x="3" y="257"/>
                    </a:lnTo>
                    <a:lnTo>
                      <a:pt x="0" y="252"/>
                    </a:lnTo>
                    <a:lnTo>
                      <a:pt x="0" y="245"/>
                    </a:lnTo>
                    <a:lnTo>
                      <a:pt x="1" y="240"/>
                    </a:lnTo>
                    <a:lnTo>
                      <a:pt x="30" y="233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59" name="Freeform 204">
                <a:extLst>
                  <a:ext uri="{FF2B5EF4-FFF2-40B4-BE49-F238E27FC236}">
                    <a16:creationId xmlns:a16="http://schemas.microsoft.com/office/drawing/2014/main" id="{36351EB4-CE48-184A-802F-30A08FDA01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62585" y="1909394"/>
                <a:ext cx="41899" cy="30708"/>
              </a:xfrm>
              <a:custGeom>
                <a:avLst/>
                <a:gdLst/>
                <a:ahLst/>
                <a:cxnLst>
                  <a:cxn ang="0">
                    <a:pos x="42" y="67"/>
                  </a:cxn>
                  <a:cxn ang="0">
                    <a:pos x="31" y="58"/>
                  </a:cxn>
                  <a:cxn ang="0">
                    <a:pos x="22" y="48"/>
                  </a:cxn>
                  <a:cxn ang="0">
                    <a:pos x="15" y="38"/>
                  </a:cxn>
                  <a:cxn ang="0">
                    <a:pos x="5" y="26"/>
                  </a:cxn>
                  <a:cxn ang="0">
                    <a:pos x="2" y="19"/>
                  </a:cxn>
                  <a:cxn ang="0">
                    <a:pos x="0" y="13"/>
                  </a:cxn>
                  <a:cxn ang="0">
                    <a:pos x="0" y="9"/>
                  </a:cxn>
                  <a:cxn ang="0">
                    <a:pos x="2" y="6"/>
                  </a:cxn>
                  <a:cxn ang="0">
                    <a:pos x="3" y="3"/>
                  </a:cxn>
                  <a:cxn ang="0">
                    <a:pos x="5" y="2"/>
                  </a:cxn>
                  <a:cxn ang="0">
                    <a:pos x="15" y="2"/>
                  </a:cxn>
                  <a:cxn ang="0">
                    <a:pos x="24" y="5"/>
                  </a:cxn>
                  <a:cxn ang="0">
                    <a:pos x="37" y="3"/>
                  </a:cxn>
                  <a:cxn ang="0">
                    <a:pos x="48" y="1"/>
                  </a:cxn>
                  <a:cxn ang="0">
                    <a:pos x="53" y="0"/>
                  </a:cxn>
                  <a:cxn ang="0">
                    <a:pos x="60" y="0"/>
                  </a:cxn>
                  <a:cxn ang="0">
                    <a:pos x="65" y="0"/>
                  </a:cxn>
                  <a:cxn ang="0">
                    <a:pos x="72" y="0"/>
                  </a:cxn>
                  <a:cxn ang="0">
                    <a:pos x="78" y="2"/>
                  </a:cxn>
                  <a:cxn ang="0">
                    <a:pos x="82" y="7"/>
                  </a:cxn>
                  <a:cxn ang="0">
                    <a:pos x="84" y="13"/>
                  </a:cxn>
                  <a:cxn ang="0">
                    <a:pos x="87" y="19"/>
                  </a:cxn>
                  <a:cxn ang="0">
                    <a:pos x="88" y="32"/>
                  </a:cxn>
                  <a:cxn ang="0">
                    <a:pos x="91" y="45"/>
                  </a:cxn>
                  <a:cxn ang="0">
                    <a:pos x="92" y="49"/>
                  </a:cxn>
                  <a:cxn ang="0">
                    <a:pos x="92" y="51"/>
                  </a:cxn>
                  <a:cxn ang="0">
                    <a:pos x="92" y="54"/>
                  </a:cxn>
                  <a:cxn ang="0">
                    <a:pos x="91" y="58"/>
                  </a:cxn>
                  <a:cxn ang="0">
                    <a:pos x="88" y="62"/>
                  </a:cxn>
                  <a:cxn ang="0">
                    <a:pos x="83" y="66"/>
                  </a:cxn>
                  <a:cxn ang="0">
                    <a:pos x="77" y="68"/>
                  </a:cxn>
                  <a:cxn ang="0">
                    <a:pos x="70" y="70"/>
                  </a:cxn>
                  <a:cxn ang="0">
                    <a:pos x="64" y="71"/>
                  </a:cxn>
                  <a:cxn ang="0">
                    <a:pos x="57" y="71"/>
                  </a:cxn>
                  <a:cxn ang="0">
                    <a:pos x="42" y="67"/>
                  </a:cxn>
                </a:cxnLst>
                <a:rect l="0" t="0" r="r" b="b"/>
                <a:pathLst>
                  <a:path w="92" h="71">
                    <a:moveTo>
                      <a:pt x="42" y="67"/>
                    </a:moveTo>
                    <a:lnTo>
                      <a:pt x="31" y="58"/>
                    </a:lnTo>
                    <a:lnTo>
                      <a:pt x="22" y="48"/>
                    </a:lnTo>
                    <a:lnTo>
                      <a:pt x="15" y="38"/>
                    </a:lnTo>
                    <a:lnTo>
                      <a:pt x="5" y="26"/>
                    </a:lnTo>
                    <a:lnTo>
                      <a:pt x="2" y="19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2" y="6"/>
                    </a:lnTo>
                    <a:lnTo>
                      <a:pt x="3" y="3"/>
                    </a:lnTo>
                    <a:lnTo>
                      <a:pt x="5" y="2"/>
                    </a:lnTo>
                    <a:lnTo>
                      <a:pt x="15" y="2"/>
                    </a:lnTo>
                    <a:lnTo>
                      <a:pt x="24" y="5"/>
                    </a:lnTo>
                    <a:lnTo>
                      <a:pt x="37" y="3"/>
                    </a:lnTo>
                    <a:lnTo>
                      <a:pt x="48" y="1"/>
                    </a:lnTo>
                    <a:lnTo>
                      <a:pt x="53" y="0"/>
                    </a:lnTo>
                    <a:lnTo>
                      <a:pt x="60" y="0"/>
                    </a:lnTo>
                    <a:lnTo>
                      <a:pt x="65" y="0"/>
                    </a:lnTo>
                    <a:lnTo>
                      <a:pt x="72" y="0"/>
                    </a:lnTo>
                    <a:lnTo>
                      <a:pt x="78" y="2"/>
                    </a:lnTo>
                    <a:lnTo>
                      <a:pt x="82" y="7"/>
                    </a:lnTo>
                    <a:lnTo>
                      <a:pt x="84" y="13"/>
                    </a:lnTo>
                    <a:lnTo>
                      <a:pt x="87" y="19"/>
                    </a:lnTo>
                    <a:lnTo>
                      <a:pt x="88" y="32"/>
                    </a:lnTo>
                    <a:lnTo>
                      <a:pt x="91" y="45"/>
                    </a:lnTo>
                    <a:lnTo>
                      <a:pt x="92" y="49"/>
                    </a:lnTo>
                    <a:lnTo>
                      <a:pt x="92" y="51"/>
                    </a:lnTo>
                    <a:lnTo>
                      <a:pt x="92" y="54"/>
                    </a:lnTo>
                    <a:lnTo>
                      <a:pt x="91" y="58"/>
                    </a:lnTo>
                    <a:lnTo>
                      <a:pt x="88" y="62"/>
                    </a:lnTo>
                    <a:lnTo>
                      <a:pt x="83" y="66"/>
                    </a:lnTo>
                    <a:lnTo>
                      <a:pt x="77" y="68"/>
                    </a:lnTo>
                    <a:lnTo>
                      <a:pt x="70" y="70"/>
                    </a:lnTo>
                    <a:lnTo>
                      <a:pt x="64" y="71"/>
                    </a:lnTo>
                    <a:lnTo>
                      <a:pt x="57" y="71"/>
                    </a:lnTo>
                    <a:lnTo>
                      <a:pt x="42" y="67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0" name="Freeform 206">
                <a:extLst>
                  <a:ext uri="{FF2B5EF4-FFF2-40B4-BE49-F238E27FC236}">
                    <a16:creationId xmlns:a16="http://schemas.microsoft.com/office/drawing/2014/main" id="{9089578D-C697-3949-A65A-C36F6737FA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3476" y="1949133"/>
                <a:ext cx="30969" cy="21676"/>
              </a:xfrm>
              <a:custGeom>
                <a:avLst/>
                <a:gdLst/>
                <a:ahLst/>
                <a:cxnLst>
                  <a:cxn ang="0">
                    <a:pos x="26" y="44"/>
                  </a:cxn>
                  <a:cxn ang="0">
                    <a:pos x="18" y="39"/>
                  </a:cxn>
                  <a:cxn ang="0">
                    <a:pos x="13" y="34"/>
                  </a:cxn>
                  <a:cxn ang="0">
                    <a:pos x="9" y="28"/>
                  </a:cxn>
                  <a:cxn ang="0">
                    <a:pos x="4" y="21"/>
                  </a:cxn>
                  <a:cxn ang="0">
                    <a:pos x="1" y="14"/>
                  </a:cxn>
                  <a:cxn ang="0">
                    <a:pos x="0" y="6"/>
                  </a:cxn>
                  <a:cxn ang="0">
                    <a:pos x="1" y="4"/>
                  </a:cxn>
                  <a:cxn ang="0">
                    <a:pos x="2" y="1"/>
                  </a:cxn>
                  <a:cxn ang="0">
                    <a:pos x="6" y="0"/>
                  </a:cxn>
                  <a:cxn ang="0">
                    <a:pos x="10" y="0"/>
                  </a:cxn>
                  <a:cxn ang="0">
                    <a:pos x="24" y="0"/>
                  </a:cxn>
                  <a:cxn ang="0">
                    <a:pos x="40" y="3"/>
                  </a:cxn>
                  <a:cxn ang="0">
                    <a:pos x="43" y="3"/>
                  </a:cxn>
                  <a:cxn ang="0">
                    <a:pos x="46" y="3"/>
                  </a:cxn>
                  <a:cxn ang="0">
                    <a:pos x="49" y="4"/>
                  </a:cxn>
                  <a:cxn ang="0">
                    <a:pos x="50" y="6"/>
                  </a:cxn>
                  <a:cxn ang="0">
                    <a:pos x="58" y="18"/>
                  </a:cxn>
                  <a:cxn ang="0">
                    <a:pos x="63" y="30"/>
                  </a:cxn>
                  <a:cxn ang="0">
                    <a:pos x="65" y="34"/>
                  </a:cxn>
                  <a:cxn ang="0">
                    <a:pos x="63" y="36"/>
                  </a:cxn>
                  <a:cxn ang="0">
                    <a:pos x="62" y="40"/>
                  </a:cxn>
                  <a:cxn ang="0">
                    <a:pos x="58" y="41"/>
                  </a:cxn>
                  <a:cxn ang="0">
                    <a:pos x="52" y="45"/>
                  </a:cxn>
                  <a:cxn ang="0">
                    <a:pos x="45" y="48"/>
                  </a:cxn>
                  <a:cxn ang="0">
                    <a:pos x="26" y="44"/>
                  </a:cxn>
                </a:cxnLst>
                <a:rect l="0" t="0" r="r" b="b"/>
                <a:pathLst>
                  <a:path w="65" h="48">
                    <a:moveTo>
                      <a:pt x="26" y="44"/>
                    </a:moveTo>
                    <a:lnTo>
                      <a:pt x="18" y="39"/>
                    </a:lnTo>
                    <a:lnTo>
                      <a:pt x="13" y="34"/>
                    </a:lnTo>
                    <a:lnTo>
                      <a:pt x="9" y="28"/>
                    </a:lnTo>
                    <a:lnTo>
                      <a:pt x="4" y="21"/>
                    </a:lnTo>
                    <a:lnTo>
                      <a:pt x="1" y="14"/>
                    </a:lnTo>
                    <a:lnTo>
                      <a:pt x="0" y="6"/>
                    </a:lnTo>
                    <a:lnTo>
                      <a:pt x="1" y="4"/>
                    </a:lnTo>
                    <a:lnTo>
                      <a:pt x="2" y="1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24" y="0"/>
                    </a:lnTo>
                    <a:lnTo>
                      <a:pt x="40" y="3"/>
                    </a:lnTo>
                    <a:lnTo>
                      <a:pt x="43" y="3"/>
                    </a:lnTo>
                    <a:lnTo>
                      <a:pt x="46" y="3"/>
                    </a:lnTo>
                    <a:lnTo>
                      <a:pt x="49" y="4"/>
                    </a:lnTo>
                    <a:lnTo>
                      <a:pt x="50" y="6"/>
                    </a:lnTo>
                    <a:lnTo>
                      <a:pt x="58" y="18"/>
                    </a:lnTo>
                    <a:lnTo>
                      <a:pt x="63" y="30"/>
                    </a:lnTo>
                    <a:lnTo>
                      <a:pt x="65" y="34"/>
                    </a:lnTo>
                    <a:lnTo>
                      <a:pt x="63" y="36"/>
                    </a:lnTo>
                    <a:lnTo>
                      <a:pt x="62" y="40"/>
                    </a:lnTo>
                    <a:lnTo>
                      <a:pt x="58" y="41"/>
                    </a:lnTo>
                    <a:lnTo>
                      <a:pt x="52" y="45"/>
                    </a:lnTo>
                    <a:lnTo>
                      <a:pt x="45" y="48"/>
                    </a:lnTo>
                    <a:lnTo>
                      <a:pt x="26" y="4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1" name="Freeform 207">
                <a:extLst>
                  <a:ext uri="{FF2B5EF4-FFF2-40B4-BE49-F238E27FC236}">
                    <a16:creationId xmlns:a16="http://schemas.microsoft.com/office/drawing/2014/main" id="{A1C6B4F3-4F37-ED44-A5F0-F8805D297D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38902" y="1979841"/>
                <a:ext cx="20039" cy="43351"/>
              </a:xfrm>
              <a:custGeom>
                <a:avLst/>
                <a:gdLst/>
                <a:ahLst/>
                <a:cxnLst>
                  <a:cxn ang="0">
                    <a:pos x="0" y="61"/>
                  </a:cxn>
                  <a:cxn ang="0">
                    <a:pos x="1" y="48"/>
                  </a:cxn>
                  <a:cxn ang="0">
                    <a:pos x="4" y="29"/>
                  </a:cxn>
                  <a:cxn ang="0">
                    <a:pos x="6" y="20"/>
                  </a:cxn>
                  <a:cxn ang="0">
                    <a:pos x="9" y="11"/>
                  </a:cxn>
                  <a:cxn ang="0">
                    <a:pos x="12" y="6"/>
                  </a:cxn>
                  <a:cxn ang="0">
                    <a:pos x="15" y="2"/>
                  </a:cxn>
                  <a:cxn ang="0">
                    <a:pos x="22" y="0"/>
                  </a:cxn>
                  <a:cxn ang="0">
                    <a:pos x="32" y="0"/>
                  </a:cxn>
                  <a:cxn ang="0">
                    <a:pos x="43" y="2"/>
                  </a:cxn>
                  <a:cxn ang="0">
                    <a:pos x="46" y="3"/>
                  </a:cxn>
                  <a:cxn ang="0">
                    <a:pos x="45" y="12"/>
                  </a:cxn>
                  <a:cxn ang="0">
                    <a:pos x="43" y="21"/>
                  </a:cxn>
                  <a:cxn ang="0">
                    <a:pos x="40" y="30"/>
                  </a:cxn>
                  <a:cxn ang="0">
                    <a:pos x="36" y="38"/>
                  </a:cxn>
                  <a:cxn ang="0">
                    <a:pos x="34" y="50"/>
                  </a:cxn>
                  <a:cxn ang="0">
                    <a:pos x="32" y="61"/>
                  </a:cxn>
                  <a:cxn ang="0">
                    <a:pos x="30" y="73"/>
                  </a:cxn>
                  <a:cxn ang="0">
                    <a:pos x="27" y="85"/>
                  </a:cxn>
                  <a:cxn ang="0">
                    <a:pos x="27" y="90"/>
                  </a:cxn>
                  <a:cxn ang="0">
                    <a:pos x="24" y="94"/>
                  </a:cxn>
                  <a:cxn ang="0">
                    <a:pos x="22" y="96"/>
                  </a:cxn>
                  <a:cxn ang="0">
                    <a:pos x="18" y="99"/>
                  </a:cxn>
                  <a:cxn ang="0">
                    <a:pos x="14" y="99"/>
                  </a:cxn>
                  <a:cxn ang="0">
                    <a:pos x="12" y="98"/>
                  </a:cxn>
                  <a:cxn ang="0">
                    <a:pos x="10" y="95"/>
                  </a:cxn>
                  <a:cxn ang="0">
                    <a:pos x="9" y="92"/>
                  </a:cxn>
                  <a:cxn ang="0">
                    <a:pos x="8" y="85"/>
                  </a:cxn>
                  <a:cxn ang="0">
                    <a:pos x="8" y="78"/>
                  </a:cxn>
                  <a:cxn ang="0">
                    <a:pos x="0" y="61"/>
                  </a:cxn>
                </a:cxnLst>
                <a:rect l="0" t="0" r="r" b="b"/>
                <a:pathLst>
                  <a:path w="46" h="99">
                    <a:moveTo>
                      <a:pt x="0" y="61"/>
                    </a:moveTo>
                    <a:lnTo>
                      <a:pt x="1" y="48"/>
                    </a:lnTo>
                    <a:lnTo>
                      <a:pt x="4" y="29"/>
                    </a:lnTo>
                    <a:lnTo>
                      <a:pt x="6" y="20"/>
                    </a:lnTo>
                    <a:lnTo>
                      <a:pt x="9" y="11"/>
                    </a:lnTo>
                    <a:lnTo>
                      <a:pt x="12" y="6"/>
                    </a:lnTo>
                    <a:lnTo>
                      <a:pt x="15" y="2"/>
                    </a:lnTo>
                    <a:lnTo>
                      <a:pt x="22" y="0"/>
                    </a:lnTo>
                    <a:lnTo>
                      <a:pt x="32" y="0"/>
                    </a:lnTo>
                    <a:lnTo>
                      <a:pt x="43" y="2"/>
                    </a:lnTo>
                    <a:lnTo>
                      <a:pt x="46" y="3"/>
                    </a:lnTo>
                    <a:lnTo>
                      <a:pt x="45" y="12"/>
                    </a:lnTo>
                    <a:lnTo>
                      <a:pt x="43" y="21"/>
                    </a:lnTo>
                    <a:lnTo>
                      <a:pt x="40" y="30"/>
                    </a:lnTo>
                    <a:lnTo>
                      <a:pt x="36" y="38"/>
                    </a:lnTo>
                    <a:lnTo>
                      <a:pt x="34" y="50"/>
                    </a:lnTo>
                    <a:lnTo>
                      <a:pt x="32" y="61"/>
                    </a:lnTo>
                    <a:lnTo>
                      <a:pt x="30" y="73"/>
                    </a:lnTo>
                    <a:lnTo>
                      <a:pt x="27" y="85"/>
                    </a:lnTo>
                    <a:lnTo>
                      <a:pt x="27" y="90"/>
                    </a:lnTo>
                    <a:lnTo>
                      <a:pt x="24" y="94"/>
                    </a:lnTo>
                    <a:lnTo>
                      <a:pt x="22" y="96"/>
                    </a:lnTo>
                    <a:lnTo>
                      <a:pt x="18" y="99"/>
                    </a:lnTo>
                    <a:lnTo>
                      <a:pt x="14" y="99"/>
                    </a:lnTo>
                    <a:lnTo>
                      <a:pt x="12" y="98"/>
                    </a:lnTo>
                    <a:lnTo>
                      <a:pt x="10" y="95"/>
                    </a:lnTo>
                    <a:lnTo>
                      <a:pt x="9" y="92"/>
                    </a:lnTo>
                    <a:lnTo>
                      <a:pt x="8" y="85"/>
                    </a:lnTo>
                    <a:lnTo>
                      <a:pt x="8" y="78"/>
                    </a:lnTo>
                    <a:lnTo>
                      <a:pt x="0" y="6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2" name="Freeform 208">
                <a:extLst>
                  <a:ext uri="{FF2B5EF4-FFF2-40B4-BE49-F238E27FC236}">
                    <a16:creationId xmlns:a16="http://schemas.microsoft.com/office/drawing/2014/main" id="{4F174DB4-2B7C-C946-B26E-8A86E27F86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31809" y="1945520"/>
                <a:ext cx="92907" cy="146311"/>
              </a:xfrm>
              <a:custGeom>
                <a:avLst/>
                <a:gdLst/>
                <a:ahLst/>
                <a:cxnLst>
                  <a:cxn ang="0">
                    <a:pos x="71" y="180"/>
                  </a:cxn>
                  <a:cxn ang="0">
                    <a:pos x="73" y="161"/>
                  </a:cxn>
                  <a:cxn ang="0">
                    <a:pos x="69" y="143"/>
                  </a:cxn>
                  <a:cxn ang="0">
                    <a:pos x="61" y="135"/>
                  </a:cxn>
                  <a:cxn ang="0">
                    <a:pos x="55" y="134"/>
                  </a:cxn>
                  <a:cxn ang="0">
                    <a:pos x="40" y="138"/>
                  </a:cxn>
                  <a:cxn ang="0">
                    <a:pos x="25" y="136"/>
                  </a:cxn>
                  <a:cxn ang="0">
                    <a:pos x="13" y="130"/>
                  </a:cxn>
                  <a:cxn ang="0">
                    <a:pos x="5" y="119"/>
                  </a:cxn>
                  <a:cxn ang="0">
                    <a:pos x="0" y="101"/>
                  </a:cxn>
                  <a:cxn ang="0">
                    <a:pos x="2" y="87"/>
                  </a:cxn>
                  <a:cxn ang="0">
                    <a:pos x="4" y="82"/>
                  </a:cxn>
                  <a:cxn ang="0">
                    <a:pos x="13" y="84"/>
                  </a:cxn>
                  <a:cxn ang="0">
                    <a:pos x="30" y="88"/>
                  </a:cxn>
                  <a:cxn ang="0">
                    <a:pos x="42" y="88"/>
                  </a:cxn>
                  <a:cxn ang="0">
                    <a:pos x="49" y="84"/>
                  </a:cxn>
                  <a:cxn ang="0">
                    <a:pos x="53" y="79"/>
                  </a:cxn>
                  <a:cxn ang="0">
                    <a:pos x="57" y="71"/>
                  </a:cxn>
                  <a:cxn ang="0">
                    <a:pos x="57" y="55"/>
                  </a:cxn>
                  <a:cxn ang="0">
                    <a:pos x="57" y="33"/>
                  </a:cxn>
                  <a:cxn ang="0">
                    <a:pos x="62" y="22"/>
                  </a:cxn>
                  <a:cxn ang="0">
                    <a:pos x="73" y="31"/>
                  </a:cxn>
                  <a:cxn ang="0">
                    <a:pos x="95" y="66"/>
                  </a:cxn>
                  <a:cxn ang="0">
                    <a:pos x="104" y="73"/>
                  </a:cxn>
                  <a:cxn ang="0">
                    <a:pos x="109" y="68"/>
                  </a:cxn>
                  <a:cxn ang="0">
                    <a:pos x="112" y="53"/>
                  </a:cxn>
                  <a:cxn ang="0">
                    <a:pos x="123" y="33"/>
                  </a:cxn>
                  <a:cxn ang="0">
                    <a:pos x="140" y="12"/>
                  </a:cxn>
                  <a:cxn ang="0">
                    <a:pos x="154" y="2"/>
                  </a:cxn>
                  <a:cxn ang="0">
                    <a:pos x="163" y="0"/>
                  </a:cxn>
                  <a:cxn ang="0">
                    <a:pos x="170" y="13"/>
                  </a:cxn>
                  <a:cxn ang="0">
                    <a:pos x="170" y="35"/>
                  </a:cxn>
                  <a:cxn ang="0">
                    <a:pos x="162" y="66"/>
                  </a:cxn>
                  <a:cxn ang="0">
                    <a:pos x="147" y="106"/>
                  </a:cxn>
                  <a:cxn ang="0">
                    <a:pos x="135" y="136"/>
                  </a:cxn>
                  <a:cxn ang="0">
                    <a:pos x="131" y="157"/>
                  </a:cxn>
                  <a:cxn ang="0">
                    <a:pos x="132" y="184"/>
                  </a:cxn>
                  <a:cxn ang="0">
                    <a:pos x="140" y="214"/>
                  </a:cxn>
                  <a:cxn ang="0">
                    <a:pos x="147" y="232"/>
                  </a:cxn>
                  <a:cxn ang="0">
                    <a:pos x="160" y="245"/>
                  </a:cxn>
                  <a:cxn ang="0">
                    <a:pos x="173" y="252"/>
                  </a:cxn>
                  <a:cxn ang="0">
                    <a:pos x="185" y="252"/>
                  </a:cxn>
                  <a:cxn ang="0">
                    <a:pos x="198" y="253"/>
                  </a:cxn>
                  <a:cxn ang="0">
                    <a:pos x="206" y="266"/>
                  </a:cxn>
                  <a:cxn ang="0">
                    <a:pos x="202" y="279"/>
                  </a:cxn>
                  <a:cxn ang="0">
                    <a:pos x="188" y="288"/>
                  </a:cxn>
                  <a:cxn ang="0">
                    <a:pos x="163" y="305"/>
                  </a:cxn>
                  <a:cxn ang="0">
                    <a:pos x="151" y="320"/>
                  </a:cxn>
                  <a:cxn ang="0">
                    <a:pos x="140" y="324"/>
                  </a:cxn>
                  <a:cxn ang="0">
                    <a:pos x="123" y="325"/>
                  </a:cxn>
                  <a:cxn ang="0">
                    <a:pos x="113" y="321"/>
                  </a:cxn>
                  <a:cxn ang="0">
                    <a:pos x="119" y="312"/>
                  </a:cxn>
                  <a:cxn ang="0">
                    <a:pos x="130" y="301"/>
                  </a:cxn>
                  <a:cxn ang="0">
                    <a:pos x="138" y="289"/>
                  </a:cxn>
                  <a:cxn ang="0">
                    <a:pos x="139" y="280"/>
                  </a:cxn>
                  <a:cxn ang="0">
                    <a:pos x="135" y="274"/>
                  </a:cxn>
                  <a:cxn ang="0">
                    <a:pos x="125" y="267"/>
                  </a:cxn>
                  <a:cxn ang="0">
                    <a:pos x="97" y="259"/>
                  </a:cxn>
                  <a:cxn ang="0">
                    <a:pos x="69" y="254"/>
                  </a:cxn>
                  <a:cxn ang="0">
                    <a:pos x="57" y="249"/>
                  </a:cxn>
                  <a:cxn ang="0">
                    <a:pos x="52" y="245"/>
                  </a:cxn>
                  <a:cxn ang="0">
                    <a:pos x="52" y="228"/>
                  </a:cxn>
                  <a:cxn ang="0">
                    <a:pos x="70" y="188"/>
                  </a:cxn>
                </a:cxnLst>
                <a:rect l="0" t="0" r="r" b="b"/>
                <a:pathLst>
                  <a:path w="206" h="325">
                    <a:moveTo>
                      <a:pt x="70" y="188"/>
                    </a:moveTo>
                    <a:lnTo>
                      <a:pt x="71" y="180"/>
                    </a:lnTo>
                    <a:lnTo>
                      <a:pt x="73" y="171"/>
                    </a:lnTo>
                    <a:lnTo>
                      <a:pt x="73" y="161"/>
                    </a:lnTo>
                    <a:lnTo>
                      <a:pt x="71" y="152"/>
                    </a:lnTo>
                    <a:lnTo>
                      <a:pt x="69" y="143"/>
                    </a:lnTo>
                    <a:lnTo>
                      <a:pt x="65" y="136"/>
                    </a:lnTo>
                    <a:lnTo>
                      <a:pt x="61" y="135"/>
                    </a:lnTo>
                    <a:lnTo>
                      <a:pt x="59" y="134"/>
                    </a:lnTo>
                    <a:lnTo>
                      <a:pt x="55" y="134"/>
                    </a:lnTo>
                    <a:lnTo>
                      <a:pt x="49" y="135"/>
                    </a:lnTo>
                    <a:lnTo>
                      <a:pt x="40" y="138"/>
                    </a:lnTo>
                    <a:lnTo>
                      <a:pt x="31" y="138"/>
                    </a:lnTo>
                    <a:lnTo>
                      <a:pt x="25" y="136"/>
                    </a:lnTo>
                    <a:lnTo>
                      <a:pt x="18" y="134"/>
                    </a:lnTo>
                    <a:lnTo>
                      <a:pt x="13" y="130"/>
                    </a:lnTo>
                    <a:lnTo>
                      <a:pt x="9" y="126"/>
                    </a:lnTo>
                    <a:lnTo>
                      <a:pt x="5" y="119"/>
                    </a:lnTo>
                    <a:lnTo>
                      <a:pt x="3" y="114"/>
                    </a:lnTo>
                    <a:lnTo>
                      <a:pt x="0" y="101"/>
                    </a:lnTo>
                    <a:lnTo>
                      <a:pt x="0" y="91"/>
                    </a:lnTo>
                    <a:lnTo>
                      <a:pt x="2" y="87"/>
                    </a:lnTo>
                    <a:lnTo>
                      <a:pt x="2" y="83"/>
                    </a:lnTo>
                    <a:lnTo>
                      <a:pt x="4" y="82"/>
                    </a:lnTo>
                    <a:lnTo>
                      <a:pt x="5" y="82"/>
                    </a:lnTo>
                    <a:lnTo>
                      <a:pt x="13" y="84"/>
                    </a:lnTo>
                    <a:lnTo>
                      <a:pt x="21" y="87"/>
                    </a:lnTo>
                    <a:lnTo>
                      <a:pt x="30" y="88"/>
                    </a:lnTo>
                    <a:lnTo>
                      <a:pt x="38" y="88"/>
                    </a:lnTo>
                    <a:lnTo>
                      <a:pt x="42" y="88"/>
                    </a:lnTo>
                    <a:lnTo>
                      <a:pt x="46" y="87"/>
                    </a:lnTo>
                    <a:lnTo>
                      <a:pt x="49" y="84"/>
                    </a:lnTo>
                    <a:lnTo>
                      <a:pt x="52" y="83"/>
                    </a:lnTo>
                    <a:lnTo>
                      <a:pt x="53" y="79"/>
                    </a:lnTo>
                    <a:lnTo>
                      <a:pt x="56" y="77"/>
                    </a:lnTo>
                    <a:lnTo>
                      <a:pt x="57" y="71"/>
                    </a:lnTo>
                    <a:lnTo>
                      <a:pt x="57" y="66"/>
                    </a:lnTo>
                    <a:lnTo>
                      <a:pt x="57" y="55"/>
                    </a:lnTo>
                    <a:lnTo>
                      <a:pt x="57" y="40"/>
                    </a:lnTo>
                    <a:lnTo>
                      <a:pt x="57" y="33"/>
                    </a:lnTo>
                    <a:lnTo>
                      <a:pt x="60" y="27"/>
                    </a:lnTo>
                    <a:lnTo>
                      <a:pt x="62" y="22"/>
                    </a:lnTo>
                    <a:lnTo>
                      <a:pt x="66" y="18"/>
                    </a:lnTo>
                    <a:lnTo>
                      <a:pt x="73" y="31"/>
                    </a:lnTo>
                    <a:lnTo>
                      <a:pt x="87" y="56"/>
                    </a:lnTo>
                    <a:lnTo>
                      <a:pt x="95" y="66"/>
                    </a:lnTo>
                    <a:lnTo>
                      <a:pt x="101" y="73"/>
                    </a:lnTo>
                    <a:lnTo>
                      <a:pt x="104" y="73"/>
                    </a:lnTo>
                    <a:lnTo>
                      <a:pt x="106" y="71"/>
                    </a:lnTo>
                    <a:lnTo>
                      <a:pt x="109" y="68"/>
                    </a:lnTo>
                    <a:lnTo>
                      <a:pt x="109" y="62"/>
                    </a:lnTo>
                    <a:lnTo>
                      <a:pt x="112" y="53"/>
                    </a:lnTo>
                    <a:lnTo>
                      <a:pt x="116" y="44"/>
                    </a:lnTo>
                    <a:lnTo>
                      <a:pt x="123" y="33"/>
                    </a:lnTo>
                    <a:lnTo>
                      <a:pt x="131" y="21"/>
                    </a:lnTo>
                    <a:lnTo>
                      <a:pt x="140" y="12"/>
                    </a:lnTo>
                    <a:lnTo>
                      <a:pt x="151" y="4"/>
                    </a:lnTo>
                    <a:lnTo>
                      <a:pt x="154" y="2"/>
                    </a:lnTo>
                    <a:lnTo>
                      <a:pt x="160" y="0"/>
                    </a:lnTo>
                    <a:lnTo>
                      <a:pt x="163" y="0"/>
                    </a:lnTo>
                    <a:lnTo>
                      <a:pt x="167" y="2"/>
                    </a:lnTo>
                    <a:lnTo>
                      <a:pt x="170" y="13"/>
                    </a:lnTo>
                    <a:lnTo>
                      <a:pt x="170" y="24"/>
                    </a:lnTo>
                    <a:lnTo>
                      <a:pt x="170" y="35"/>
                    </a:lnTo>
                    <a:lnTo>
                      <a:pt x="169" y="46"/>
                    </a:lnTo>
                    <a:lnTo>
                      <a:pt x="162" y="66"/>
                    </a:lnTo>
                    <a:lnTo>
                      <a:pt x="154" y="86"/>
                    </a:lnTo>
                    <a:lnTo>
                      <a:pt x="147" y="106"/>
                    </a:lnTo>
                    <a:lnTo>
                      <a:pt x="139" y="126"/>
                    </a:lnTo>
                    <a:lnTo>
                      <a:pt x="135" y="136"/>
                    </a:lnTo>
                    <a:lnTo>
                      <a:pt x="132" y="147"/>
                    </a:lnTo>
                    <a:lnTo>
                      <a:pt x="131" y="157"/>
                    </a:lnTo>
                    <a:lnTo>
                      <a:pt x="131" y="169"/>
                    </a:lnTo>
                    <a:lnTo>
                      <a:pt x="132" y="184"/>
                    </a:lnTo>
                    <a:lnTo>
                      <a:pt x="136" y="205"/>
                    </a:lnTo>
                    <a:lnTo>
                      <a:pt x="140" y="214"/>
                    </a:lnTo>
                    <a:lnTo>
                      <a:pt x="144" y="224"/>
                    </a:lnTo>
                    <a:lnTo>
                      <a:pt x="147" y="232"/>
                    </a:lnTo>
                    <a:lnTo>
                      <a:pt x="151" y="237"/>
                    </a:lnTo>
                    <a:lnTo>
                      <a:pt x="160" y="245"/>
                    </a:lnTo>
                    <a:lnTo>
                      <a:pt x="166" y="250"/>
                    </a:lnTo>
                    <a:lnTo>
                      <a:pt x="173" y="252"/>
                    </a:lnTo>
                    <a:lnTo>
                      <a:pt x="179" y="253"/>
                    </a:lnTo>
                    <a:lnTo>
                      <a:pt x="185" y="252"/>
                    </a:lnTo>
                    <a:lnTo>
                      <a:pt x="192" y="252"/>
                    </a:lnTo>
                    <a:lnTo>
                      <a:pt x="198" y="253"/>
                    </a:lnTo>
                    <a:lnTo>
                      <a:pt x="205" y="255"/>
                    </a:lnTo>
                    <a:lnTo>
                      <a:pt x="206" y="266"/>
                    </a:lnTo>
                    <a:lnTo>
                      <a:pt x="205" y="274"/>
                    </a:lnTo>
                    <a:lnTo>
                      <a:pt x="202" y="279"/>
                    </a:lnTo>
                    <a:lnTo>
                      <a:pt x="200" y="283"/>
                    </a:lnTo>
                    <a:lnTo>
                      <a:pt x="188" y="288"/>
                    </a:lnTo>
                    <a:lnTo>
                      <a:pt x="173" y="294"/>
                    </a:lnTo>
                    <a:lnTo>
                      <a:pt x="163" y="305"/>
                    </a:lnTo>
                    <a:lnTo>
                      <a:pt x="154" y="318"/>
                    </a:lnTo>
                    <a:lnTo>
                      <a:pt x="151" y="320"/>
                    </a:lnTo>
                    <a:lnTo>
                      <a:pt x="145" y="323"/>
                    </a:lnTo>
                    <a:lnTo>
                      <a:pt x="140" y="324"/>
                    </a:lnTo>
                    <a:lnTo>
                      <a:pt x="135" y="325"/>
                    </a:lnTo>
                    <a:lnTo>
                      <a:pt x="123" y="325"/>
                    </a:lnTo>
                    <a:lnTo>
                      <a:pt x="113" y="324"/>
                    </a:lnTo>
                    <a:lnTo>
                      <a:pt x="113" y="321"/>
                    </a:lnTo>
                    <a:lnTo>
                      <a:pt x="116" y="318"/>
                    </a:lnTo>
                    <a:lnTo>
                      <a:pt x="119" y="312"/>
                    </a:lnTo>
                    <a:lnTo>
                      <a:pt x="125" y="307"/>
                    </a:lnTo>
                    <a:lnTo>
                      <a:pt x="130" y="301"/>
                    </a:lnTo>
                    <a:lnTo>
                      <a:pt x="135" y="296"/>
                    </a:lnTo>
                    <a:lnTo>
                      <a:pt x="138" y="289"/>
                    </a:lnTo>
                    <a:lnTo>
                      <a:pt x="139" y="284"/>
                    </a:lnTo>
                    <a:lnTo>
                      <a:pt x="139" y="280"/>
                    </a:lnTo>
                    <a:lnTo>
                      <a:pt x="138" y="277"/>
                    </a:lnTo>
                    <a:lnTo>
                      <a:pt x="135" y="274"/>
                    </a:lnTo>
                    <a:lnTo>
                      <a:pt x="132" y="271"/>
                    </a:lnTo>
                    <a:lnTo>
                      <a:pt x="125" y="267"/>
                    </a:lnTo>
                    <a:lnTo>
                      <a:pt x="116" y="264"/>
                    </a:lnTo>
                    <a:lnTo>
                      <a:pt x="97" y="259"/>
                    </a:lnTo>
                    <a:lnTo>
                      <a:pt x="82" y="258"/>
                    </a:lnTo>
                    <a:lnTo>
                      <a:pt x="69" y="254"/>
                    </a:lnTo>
                    <a:lnTo>
                      <a:pt x="60" y="252"/>
                    </a:lnTo>
                    <a:lnTo>
                      <a:pt x="57" y="249"/>
                    </a:lnTo>
                    <a:lnTo>
                      <a:pt x="55" y="248"/>
                    </a:lnTo>
                    <a:lnTo>
                      <a:pt x="52" y="245"/>
                    </a:lnTo>
                    <a:lnTo>
                      <a:pt x="52" y="242"/>
                    </a:lnTo>
                    <a:lnTo>
                      <a:pt x="52" y="228"/>
                    </a:lnTo>
                    <a:lnTo>
                      <a:pt x="55" y="206"/>
                    </a:lnTo>
                    <a:lnTo>
                      <a:pt x="70" y="188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3" name="Freeform 209">
                <a:extLst>
                  <a:ext uri="{FF2B5EF4-FFF2-40B4-BE49-F238E27FC236}">
                    <a16:creationId xmlns:a16="http://schemas.microsoft.com/office/drawing/2014/main" id="{04E3BAD6-AFF3-B642-91E1-03249EAA75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84445" y="2149633"/>
                <a:ext cx="80154" cy="86703"/>
              </a:xfrm>
              <a:custGeom>
                <a:avLst/>
                <a:gdLst/>
                <a:ahLst/>
                <a:cxnLst>
                  <a:cxn ang="0">
                    <a:pos x="55" y="154"/>
                  </a:cxn>
                  <a:cxn ang="0">
                    <a:pos x="83" y="152"/>
                  </a:cxn>
                  <a:cxn ang="0">
                    <a:pos x="85" y="136"/>
                  </a:cxn>
                  <a:cxn ang="0">
                    <a:pos x="89" y="111"/>
                  </a:cxn>
                  <a:cxn ang="0">
                    <a:pos x="105" y="101"/>
                  </a:cxn>
                  <a:cxn ang="0">
                    <a:pos x="106" y="97"/>
                  </a:cxn>
                  <a:cxn ang="0">
                    <a:pos x="105" y="92"/>
                  </a:cxn>
                  <a:cxn ang="0">
                    <a:pos x="98" y="86"/>
                  </a:cxn>
                  <a:cxn ang="0">
                    <a:pos x="80" y="80"/>
                  </a:cxn>
                  <a:cxn ang="0">
                    <a:pos x="59" y="71"/>
                  </a:cxn>
                  <a:cxn ang="0">
                    <a:pos x="53" y="63"/>
                  </a:cxn>
                  <a:cxn ang="0">
                    <a:pos x="51" y="57"/>
                  </a:cxn>
                  <a:cxn ang="0">
                    <a:pos x="58" y="44"/>
                  </a:cxn>
                  <a:cxn ang="0">
                    <a:pos x="83" y="20"/>
                  </a:cxn>
                  <a:cxn ang="0">
                    <a:pos x="98" y="7"/>
                  </a:cxn>
                  <a:cxn ang="0">
                    <a:pos x="108" y="1"/>
                  </a:cxn>
                  <a:cxn ang="0">
                    <a:pos x="117" y="1"/>
                  </a:cxn>
                  <a:cxn ang="0">
                    <a:pos x="124" y="9"/>
                  </a:cxn>
                  <a:cxn ang="0">
                    <a:pos x="134" y="41"/>
                  </a:cxn>
                  <a:cxn ang="0">
                    <a:pos x="155" y="85"/>
                  </a:cxn>
                  <a:cxn ang="0">
                    <a:pos x="171" y="123"/>
                  </a:cxn>
                  <a:cxn ang="0">
                    <a:pos x="178" y="146"/>
                  </a:cxn>
                  <a:cxn ang="0">
                    <a:pos x="177" y="162"/>
                  </a:cxn>
                  <a:cxn ang="0">
                    <a:pos x="171" y="177"/>
                  </a:cxn>
                  <a:cxn ang="0">
                    <a:pos x="160" y="186"/>
                  </a:cxn>
                  <a:cxn ang="0">
                    <a:pos x="149" y="190"/>
                  </a:cxn>
                  <a:cxn ang="0">
                    <a:pos x="134" y="191"/>
                  </a:cxn>
                  <a:cxn ang="0">
                    <a:pos x="97" y="185"/>
                  </a:cxn>
                  <a:cxn ang="0">
                    <a:pos x="50" y="180"/>
                  </a:cxn>
                  <a:cxn ang="0">
                    <a:pos x="14" y="173"/>
                  </a:cxn>
                  <a:cxn ang="0">
                    <a:pos x="3" y="168"/>
                  </a:cxn>
                  <a:cxn ang="0">
                    <a:pos x="0" y="162"/>
                  </a:cxn>
                  <a:cxn ang="0">
                    <a:pos x="3" y="152"/>
                  </a:cxn>
                  <a:cxn ang="0">
                    <a:pos x="44" y="151"/>
                  </a:cxn>
                </a:cxnLst>
                <a:rect l="0" t="0" r="r" b="b"/>
                <a:pathLst>
                  <a:path w="178" h="191">
                    <a:moveTo>
                      <a:pt x="44" y="151"/>
                    </a:moveTo>
                    <a:lnTo>
                      <a:pt x="55" y="154"/>
                    </a:lnTo>
                    <a:lnTo>
                      <a:pt x="70" y="154"/>
                    </a:lnTo>
                    <a:lnTo>
                      <a:pt x="83" y="152"/>
                    </a:lnTo>
                    <a:lnTo>
                      <a:pt x="94" y="149"/>
                    </a:lnTo>
                    <a:lnTo>
                      <a:pt x="85" y="136"/>
                    </a:lnTo>
                    <a:lnTo>
                      <a:pt x="75" y="117"/>
                    </a:lnTo>
                    <a:lnTo>
                      <a:pt x="89" y="111"/>
                    </a:lnTo>
                    <a:lnTo>
                      <a:pt x="102" y="103"/>
                    </a:lnTo>
                    <a:lnTo>
                      <a:pt x="105" y="101"/>
                    </a:lnTo>
                    <a:lnTo>
                      <a:pt x="106" y="98"/>
                    </a:lnTo>
                    <a:lnTo>
                      <a:pt x="106" y="97"/>
                    </a:lnTo>
                    <a:lnTo>
                      <a:pt x="106" y="94"/>
                    </a:lnTo>
                    <a:lnTo>
                      <a:pt x="105" y="92"/>
                    </a:lnTo>
                    <a:lnTo>
                      <a:pt x="102" y="89"/>
                    </a:lnTo>
                    <a:lnTo>
                      <a:pt x="98" y="86"/>
                    </a:lnTo>
                    <a:lnTo>
                      <a:pt x="93" y="84"/>
                    </a:lnTo>
                    <a:lnTo>
                      <a:pt x="80" y="80"/>
                    </a:lnTo>
                    <a:lnTo>
                      <a:pt x="66" y="73"/>
                    </a:lnTo>
                    <a:lnTo>
                      <a:pt x="59" y="71"/>
                    </a:lnTo>
                    <a:lnTo>
                      <a:pt x="54" y="66"/>
                    </a:lnTo>
                    <a:lnTo>
                      <a:pt x="53" y="63"/>
                    </a:lnTo>
                    <a:lnTo>
                      <a:pt x="51" y="60"/>
                    </a:lnTo>
                    <a:lnTo>
                      <a:pt x="51" y="57"/>
                    </a:lnTo>
                    <a:lnTo>
                      <a:pt x="51" y="54"/>
                    </a:lnTo>
                    <a:lnTo>
                      <a:pt x="58" y="44"/>
                    </a:lnTo>
                    <a:lnTo>
                      <a:pt x="70" y="32"/>
                    </a:lnTo>
                    <a:lnTo>
                      <a:pt x="83" y="20"/>
                    </a:lnTo>
                    <a:lnTo>
                      <a:pt x="92" y="13"/>
                    </a:lnTo>
                    <a:lnTo>
                      <a:pt x="98" y="7"/>
                    </a:lnTo>
                    <a:lnTo>
                      <a:pt x="105" y="4"/>
                    </a:lnTo>
                    <a:lnTo>
                      <a:pt x="108" y="1"/>
                    </a:lnTo>
                    <a:lnTo>
                      <a:pt x="114" y="0"/>
                    </a:lnTo>
                    <a:lnTo>
                      <a:pt x="117" y="1"/>
                    </a:lnTo>
                    <a:lnTo>
                      <a:pt x="121" y="4"/>
                    </a:lnTo>
                    <a:lnTo>
                      <a:pt x="124" y="9"/>
                    </a:lnTo>
                    <a:lnTo>
                      <a:pt x="127" y="18"/>
                    </a:lnTo>
                    <a:lnTo>
                      <a:pt x="134" y="41"/>
                    </a:lnTo>
                    <a:lnTo>
                      <a:pt x="145" y="63"/>
                    </a:lnTo>
                    <a:lnTo>
                      <a:pt x="155" y="85"/>
                    </a:lnTo>
                    <a:lnTo>
                      <a:pt x="164" y="107"/>
                    </a:lnTo>
                    <a:lnTo>
                      <a:pt x="171" y="123"/>
                    </a:lnTo>
                    <a:lnTo>
                      <a:pt x="176" y="138"/>
                    </a:lnTo>
                    <a:lnTo>
                      <a:pt x="178" y="146"/>
                    </a:lnTo>
                    <a:lnTo>
                      <a:pt x="178" y="154"/>
                    </a:lnTo>
                    <a:lnTo>
                      <a:pt x="177" y="162"/>
                    </a:lnTo>
                    <a:lnTo>
                      <a:pt x="174" y="171"/>
                    </a:lnTo>
                    <a:lnTo>
                      <a:pt x="171" y="177"/>
                    </a:lnTo>
                    <a:lnTo>
                      <a:pt x="165" y="182"/>
                    </a:lnTo>
                    <a:lnTo>
                      <a:pt x="160" y="186"/>
                    </a:lnTo>
                    <a:lnTo>
                      <a:pt x="154" y="189"/>
                    </a:lnTo>
                    <a:lnTo>
                      <a:pt x="149" y="190"/>
                    </a:lnTo>
                    <a:lnTo>
                      <a:pt x="141" y="191"/>
                    </a:lnTo>
                    <a:lnTo>
                      <a:pt x="134" y="191"/>
                    </a:lnTo>
                    <a:lnTo>
                      <a:pt x="127" y="190"/>
                    </a:lnTo>
                    <a:lnTo>
                      <a:pt x="97" y="185"/>
                    </a:lnTo>
                    <a:lnTo>
                      <a:pt x="71" y="180"/>
                    </a:lnTo>
                    <a:lnTo>
                      <a:pt x="50" y="180"/>
                    </a:lnTo>
                    <a:lnTo>
                      <a:pt x="20" y="174"/>
                    </a:lnTo>
                    <a:lnTo>
                      <a:pt x="14" y="173"/>
                    </a:lnTo>
                    <a:lnTo>
                      <a:pt x="9" y="171"/>
                    </a:lnTo>
                    <a:lnTo>
                      <a:pt x="3" y="168"/>
                    </a:lnTo>
                    <a:lnTo>
                      <a:pt x="1" y="165"/>
                    </a:lnTo>
                    <a:lnTo>
                      <a:pt x="0" y="162"/>
                    </a:lnTo>
                    <a:lnTo>
                      <a:pt x="0" y="158"/>
                    </a:lnTo>
                    <a:lnTo>
                      <a:pt x="3" y="152"/>
                    </a:lnTo>
                    <a:lnTo>
                      <a:pt x="9" y="147"/>
                    </a:lnTo>
                    <a:lnTo>
                      <a:pt x="44" y="15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4" name="Freeform 210">
                <a:extLst>
                  <a:ext uri="{FF2B5EF4-FFF2-40B4-BE49-F238E27FC236}">
                    <a16:creationId xmlns:a16="http://schemas.microsoft.com/office/drawing/2014/main" id="{8B5ADD07-63D9-A747-BB63-FFC425412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7042" y="2297750"/>
                <a:ext cx="58294" cy="59609"/>
              </a:xfrm>
              <a:custGeom>
                <a:avLst/>
                <a:gdLst/>
                <a:ahLst/>
                <a:cxnLst>
                  <a:cxn ang="0">
                    <a:pos x="66" y="79"/>
                  </a:cxn>
                  <a:cxn ang="0">
                    <a:pos x="68" y="66"/>
                  </a:cxn>
                  <a:cxn ang="0">
                    <a:pos x="68" y="53"/>
                  </a:cxn>
                  <a:cxn ang="0">
                    <a:pos x="62" y="46"/>
                  </a:cxn>
                  <a:cxn ang="0">
                    <a:pos x="59" y="45"/>
                  </a:cxn>
                  <a:cxn ang="0">
                    <a:pos x="48" y="52"/>
                  </a:cxn>
                  <a:cxn ang="0">
                    <a:pos x="33" y="63"/>
                  </a:cxn>
                  <a:cxn ang="0">
                    <a:pos x="13" y="70"/>
                  </a:cxn>
                  <a:cxn ang="0">
                    <a:pos x="5" y="71"/>
                  </a:cxn>
                  <a:cxn ang="0">
                    <a:pos x="2" y="68"/>
                  </a:cxn>
                  <a:cxn ang="0">
                    <a:pos x="13" y="50"/>
                  </a:cxn>
                  <a:cxn ang="0">
                    <a:pos x="33" y="23"/>
                  </a:cxn>
                  <a:cxn ang="0">
                    <a:pos x="43" y="6"/>
                  </a:cxn>
                  <a:cxn ang="0">
                    <a:pos x="49" y="1"/>
                  </a:cxn>
                  <a:cxn ang="0">
                    <a:pos x="53" y="0"/>
                  </a:cxn>
                  <a:cxn ang="0">
                    <a:pos x="62" y="6"/>
                  </a:cxn>
                  <a:cxn ang="0">
                    <a:pos x="74" y="13"/>
                  </a:cxn>
                  <a:cxn ang="0">
                    <a:pos x="90" y="17"/>
                  </a:cxn>
                  <a:cxn ang="0">
                    <a:pos x="101" y="26"/>
                  </a:cxn>
                  <a:cxn ang="0">
                    <a:pos x="112" y="43"/>
                  </a:cxn>
                  <a:cxn ang="0">
                    <a:pos x="125" y="67"/>
                  </a:cxn>
                  <a:cxn ang="0">
                    <a:pos x="128" y="83"/>
                  </a:cxn>
                  <a:cxn ang="0">
                    <a:pos x="127" y="92"/>
                  </a:cxn>
                  <a:cxn ang="0">
                    <a:pos x="125" y="100"/>
                  </a:cxn>
                  <a:cxn ang="0">
                    <a:pos x="118" y="106"/>
                  </a:cxn>
                  <a:cxn ang="0">
                    <a:pos x="103" y="112"/>
                  </a:cxn>
                  <a:cxn ang="0">
                    <a:pos x="73" y="123"/>
                  </a:cxn>
                  <a:cxn ang="0">
                    <a:pos x="49" y="132"/>
                  </a:cxn>
                  <a:cxn ang="0">
                    <a:pos x="40" y="131"/>
                  </a:cxn>
                  <a:cxn ang="0">
                    <a:pos x="39" y="123"/>
                  </a:cxn>
                  <a:cxn ang="0">
                    <a:pos x="44" y="114"/>
                  </a:cxn>
                  <a:cxn ang="0">
                    <a:pos x="64" y="84"/>
                  </a:cxn>
                </a:cxnLst>
                <a:rect l="0" t="0" r="r" b="b"/>
                <a:pathLst>
                  <a:path w="128" h="132">
                    <a:moveTo>
                      <a:pt x="64" y="84"/>
                    </a:moveTo>
                    <a:lnTo>
                      <a:pt x="66" y="79"/>
                    </a:lnTo>
                    <a:lnTo>
                      <a:pt x="68" y="74"/>
                    </a:lnTo>
                    <a:lnTo>
                      <a:pt x="68" y="66"/>
                    </a:lnTo>
                    <a:lnTo>
                      <a:pt x="68" y="59"/>
                    </a:lnTo>
                    <a:lnTo>
                      <a:pt x="68" y="53"/>
                    </a:lnTo>
                    <a:lnTo>
                      <a:pt x="65" y="48"/>
                    </a:lnTo>
                    <a:lnTo>
                      <a:pt x="62" y="46"/>
                    </a:lnTo>
                    <a:lnTo>
                      <a:pt x="61" y="45"/>
                    </a:lnTo>
                    <a:lnTo>
                      <a:pt x="59" y="45"/>
                    </a:lnTo>
                    <a:lnTo>
                      <a:pt x="55" y="46"/>
                    </a:lnTo>
                    <a:lnTo>
                      <a:pt x="48" y="52"/>
                    </a:lnTo>
                    <a:lnTo>
                      <a:pt x="40" y="59"/>
                    </a:lnTo>
                    <a:lnTo>
                      <a:pt x="33" y="63"/>
                    </a:lnTo>
                    <a:lnTo>
                      <a:pt x="20" y="68"/>
                    </a:lnTo>
                    <a:lnTo>
                      <a:pt x="13" y="70"/>
                    </a:lnTo>
                    <a:lnTo>
                      <a:pt x="8" y="71"/>
                    </a:lnTo>
                    <a:lnTo>
                      <a:pt x="5" y="71"/>
                    </a:lnTo>
                    <a:lnTo>
                      <a:pt x="3" y="70"/>
                    </a:lnTo>
                    <a:lnTo>
                      <a:pt x="2" y="68"/>
                    </a:lnTo>
                    <a:lnTo>
                      <a:pt x="0" y="67"/>
                    </a:lnTo>
                    <a:lnTo>
                      <a:pt x="13" y="50"/>
                    </a:lnTo>
                    <a:lnTo>
                      <a:pt x="29" y="31"/>
                    </a:lnTo>
                    <a:lnTo>
                      <a:pt x="33" y="23"/>
                    </a:lnTo>
                    <a:lnTo>
                      <a:pt x="39" y="11"/>
                    </a:lnTo>
                    <a:lnTo>
                      <a:pt x="43" y="6"/>
                    </a:lnTo>
                    <a:lnTo>
                      <a:pt x="47" y="2"/>
                    </a:lnTo>
                    <a:lnTo>
                      <a:pt x="49" y="1"/>
                    </a:lnTo>
                    <a:lnTo>
                      <a:pt x="51" y="0"/>
                    </a:lnTo>
                    <a:lnTo>
                      <a:pt x="53" y="0"/>
                    </a:lnTo>
                    <a:lnTo>
                      <a:pt x="55" y="1"/>
                    </a:lnTo>
                    <a:lnTo>
                      <a:pt x="62" y="6"/>
                    </a:lnTo>
                    <a:lnTo>
                      <a:pt x="68" y="10"/>
                    </a:lnTo>
                    <a:lnTo>
                      <a:pt x="74" y="13"/>
                    </a:lnTo>
                    <a:lnTo>
                      <a:pt x="83" y="15"/>
                    </a:lnTo>
                    <a:lnTo>
                      <a:pt x="90" y="17"/>
                    </a:lnTo>
                    <a:lnTo>
                      <a:pt x="96" y="20"/>
                    </a:lnTo>
                    <a:lnTo>
                      <a:pt x="101" y="26"/>
                    </a:lnTo>
                    <a:lnTo>
                      <a:pt x="105" y="31"/>
                    </a:lnTo>
                    <a:lnTo>
                      <a:pt x="112" y="43"/>
                    </a:lnTo>
                    <a:lnTo>
                      <a:pt x="118" y="55"/>
                    </a:lnTo>
                    <a:lnTo>
                      <a:pt x="125" y="67"/>
                    </a:lnTo>
                    <a:lnTo>
                      <a:pt x="127" y="79"/>
                    </a:lnTo>
                    <a:lnTo>
                      <a:pt x="128" y="83"/>
                    </a:lnTo>
                    <a:lnTo>
                      <a:pt x="128" y="88"/>
                    </a:lnTo>
                    <a:lnTo>
                      <a:pt x="127" y="92"/>
                    </a:lnTo>
                    <a:lnTo>
                      <a:pt x="126" y="96"/>
                    </a:lnTo>
                    <a:lnTo>
                      <a:pt x="125" y="100"/>
                    </a:lnTo>
                    <a:lnTo>
                      <a:pt x="122" y="103"/>
                    </a:lnTo>
                    <a:lnTo>
                      <a:pt x="118" y="106"/>
                    </a:lnTo>
                    <a:lnTo>
                      <a:pt x="114" y="109"/>
                    </a:lnTo>
                    <a:lnTo>
                      <a:pt x="103" y="112"/>
                    </a:lnTo>
                    <a:lnTo>
                      <a:pt x="90" y="116"/>
                    </a:lnTo>
                    <a:lnTo>
                      <a:pt x="73" y="123"/>
                    </a:lnTo>
                    <a:lnTo>
                      <a:pt x="56" y="131"/>
                    </a:lnTo>
                    <a:lnTo>
                      <a:pt x="49" y="132"/>
                    </a:lnTo>
                    <a:lnTo>
                      <a:pt x="43" y="132"/>
                    </a:lnTo>
                    <a:lnTo>
                      <a:pt x="40" y="131"/>
                    </a:lnTo>
                    <a:lnTo>
                      <a:pt x="39" y="127"/>
                    </a:lnTo>
                    <a:lnTo>
                      <a:pt x="39" y="123"/>
                    </a:lnTo>
                    <a:lnTo>
                      <a:pt x="40" y="118"/>
                    </a:lnTo>
                    <a:lnTo>
                      <a:pt x="44" y="114"/>
                    </a:lnTo>
                    <a:lnTo>
                      <a:pt x="48" y="109"/>
                    </a:lnTo>
                    <a:lnTo>
                      <a:pt x="64" y="84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5" name="Freeform 211">
                <a:extLst>
                  <a:ext uri="{FF2B5EF4-FFF2-40B4-BE49-F238E27FC236}">
                    <a16:creationId xmlns:a16="http://schemas.microsoft.com/office/drawing/2014/main" id="{AF8AC412-51A4-7E45-9142-C6078F5575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88089" y="2279687"/>
                <a:ext cx="43721" cy="52383"/>
              </a:xfrm>
              <a:custGeom>
                <a:avLst/>
                <a:gdLst/>
                <a:ahLst/>
                <a:cxnLst>
                  <a:cxn ang="0">
                    <a:pos x="18" y="61"/>
                  </a:cxn>
                  <a:cxn ang="0">
                    <a:pos x="29" y="56"/>
                  </a:cxn>
                  <a:cxn ang="0">
                    <a:pos x="39" y="51"/>
                  </a:cxn>
                  <a:cxn ang="0">
                    <a:pos x="46" y="43"/>
                  </a:cxn>
                  <a:cxn ang="0">
                    <a:pos x="53" y="34"/>
                  </a:cxn>
                  <a:cxn ang="0">
                    <a:pos x="59" y="25"/>
                  </a:cxn>
                  <a:cxn ang="0">
                    <a:pos x="72" y="11"/>
                  </a:cxn>
                  <a:cxn ang="0">
                    <a:pos x="77" y="5"/>
                  </a:cxn>
                  <a:cxn ang="0">
                    <a:pos x="84" y="1"/>
                  </a:cxn>
                  <a:cxn ang="0">
                    <a:pos x="85" y="0"/>
                  </a:cxn>
                  <a:cxn ang="0">
                    <a:pos x="88" y="1"/>
                  </a:cxn>
                  <a:cxn ang="0">
                    <a:pos x="89" y="3"/>
                  </a:cxn>
                  <a:cxn ang="0">
                    <a:pos x="90" y="5"/>
                  </a:cxn>
                  <a:cxn ang="0">
                    <a:pos x="93" y="17"/>
                  </a:cxn>
                  <a:cxn ang="0">
                    <a:pos x="94" y="27"/>
                  </a:cxn>
                  <a:cxn ang="0">
                    <a:pos x="94" y="31"/>
                  </a:cxn>
                  <a:cxn ang="0">
                    <a:pos x="93" y="36"/>
                  </a:cxn>
                  <a:cxn ang="0">
                    <a:pos x="90" y="40"/>
                  </a:cxn>
                  <a:cxn ang="0">
                    <a:pos x="85" y="46"/>
                  </a:cxn>
                  <a:cxn ang="0">
                    <a:pos x="71" y="57"/>
                  </a:cxn>
                  <a:cxn ang="0">
                    <a:pos x="57" y="70"/>
                  </a:cxn>
                  <a:cxn ang="0">
                    <a:pos x="50" y="77"/>
                  </a:cxn>
                  <a:cxn ang="0">
                    <a:pos x="44" y="83"/>
                  </a:cxn>
                  <a:cxn ang="0">
                    <a:pos x="39" y="90"/>
                  </a:cxn>
                  <a:cxn ang="0">
                    <a:pos x="33" y="97"/>
                  </a:cxn>
                  <a:cxn ang="0">
                    <a:pos x="29" y="103"/>
                  </a:cxn>
                  <a:cxn ang="0">
                    <a:pos x="24" y="108"/>
                  </a:cxn>
                  <a:cxn ang="0">
                    <a:pos x="18" y="112"/>
                  </a:cxn>
                  <a:cxn ang="0">
                    <a:pos x="13" y="114"/>
                  </a:cxn>
                  <a:cxn ang="0">
                    <a:pos x="6" y="114"/>
                  </a:cxn>
                  <a:cxn ang="0">
                    <a:pos x="2" y="112"/>
                  </a:cxn>
                  <a:cxn ang="0">
                    <a:pos x="1" y="108"/>
                  </a:cxn>
                  <a:cxn ang="0">
                    <a:pos x="0" y="104"/>
                  </a:cxn>
                  <a:cxn ang="0">
                    <a:pos x="1" y="93"/>
                  </a:cxn>
                  <a:cxn ang="0">
                    <a:pos x="2" y="84"/>
                  </a:cxn>
                  <a:cxn ang="0">
                    <a:pos x="18" y="61"/>
                  </a:cxn>
                </a:cxnLst>
                <a:rect l="0" t="0" r="r" b="b"/>
                <a:pathLst>
                  <a:path w="94" h="114">
                    <a:moveTo>
                      <a:pt x="18" y="61"/>
                    </a:moveTo>
                    <a:lnTo>
                      <a:pt x="29" y="56"/>
                    </a:lnTo>
                    <a:lnTo>
                      <a:pt x="39" y="51"/>
                    </a:lnTo>
                    <a:lnTo>
                      <a:pt x="46" y="43"/>
                    </a:lnTo>
                    <a:lnTo>
                      <a:pt x="53" y="34"/>
                    </a:lnTo>
                    <a:lnTo>
                      <a:pt x="59" y="25"/>
                    </a:lnTo>
                    <a:lnTo>
                      <a:pt x="72" y="11"/>
                    </a:lnTo>
                    <a:lnTo>
                      <a:pt x="77" y="5"/>
                    </a:lnTo>
                    <a:lnTo>
                      <a:pt x="84" y="1"/>
                    </a:lnTo>
                    <a:lnTo>
                      <a:pt x="85" y="0"/>
                    </a:lnTo>
                    <a:lnTo>
                      <a:pt x="88" y="1"/>
                    </a:lnTo>
                    <a:lnTo>
                      <a:pt x="89" y="3"/>
                    </a:lnTo>
                    <a:lnTo>
                      <a:pt x="90" y="5"/>
                    </a:lnTo>
                    <a:lnTo>
                      <a:pt x="93" y="17"/>
                    </a:lnTo>
                    <a:lnTo>
                      <a:pt x="94" y="27"/>
                    </a:lnTo>
                    <a:lnTo>
                      <a:pt x="94" y="31"/>
                    </a:lnTo>
                    <a:lnTo>
                      <a:pt x="93" y="36"/>
                    </a:lnTo>
                    <a:lnTo>
                      <a:pt x="90" y="40"/>
                    </a:lnTo>
                    <a:lnTo>
                      <a:pt x="85" y="46"/>
                    </a:lnTo>
                    <a:lnTo>
                      <a:pt x="71" y="57"/>
                    </a:lnTo>
                    <a:lnTo>
                      <a:pt x="57" y="70"/>
                    </a:lnTo>
                    <a:lnTo>
                      <a:pt x="50" y="77"/>
                    </a:lnTo>
                    <a:lnTo>
                      <a:pt x="44" y="83"/>
                    </a:lnTo>
                    <a:lnTo>
                      <a:pt x="39" y="90"/>
                    </a:lnTo>
                    <a:lnTo>
                      <a:pt x="33" y="97"/>
                    </a:lnTo>
                    <a:lnTo>
                      <a:pt x="29" y="103"/>
                    </a:lnTo>
                    <a:lnTo>
                      <a:pt x="24" y="108"/>
                    </a:lnTo>
                    <a:lnTo>
                      <a:pt x="18" y="112"/>
                    </a:lnTo>
                    <a:lnTo>
                      <a:pt x="13" y="114"/>
                    </a:lnTo>
                    <a:lnTo>
                      <a:pt x="6" y="114"/>
                    </a:lnTo>
                    <a:lnTo>
                      <a:pt x="2" y="112"/>
                    </a:lnTo>
                    <a:lnTo>
                      <a:pt x="1" y="108"/>
                    </a:lnTo>
                    <a:lnTo>
                      <a:pt x="0" y="104"/>
                    </a:lnTo>
                    <a:lnTo>
                      <a:pt x="1" y="93"/>
                    </a:lnTo>
                    <a:lnTo>
                      <a:pt x="2" y="84"/>
                    </a:lnTo>
                    <a:lnTo>
                      <a:pt x="18" y="61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6" name="Freeform 212">
                <a:extLst>
                  <a:ext uri="{FF2B5EF4-FFF2-40B4-BE49-F238E27FC236}">
                    <a16:creationId xmlns:a16="http://schemas.microsoft.com/office/drawing/2014/main" id="{BF709B4D-11CB-D945-BEE1-8356F41312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77159" y="2301363"/>
                <a:ext cx="87441" cy="133667"/>
              </a:xfrm>
              <a:custGeom>
                <a:avLst/>
                <a:gdLst/>
                <a:ahLst/>
                <a:cxnLst>
                  <a:cxn ang="0">
                    <a:pos x="111" y="204"/>
                  </a:cxn>
                  <a:cxn ang="0">
                    <a:pos x="129" y="172"/>
                  </a:cxn>
                  <a:cxn ang="0">
                    <a:pos x="142" y="155"/>
                  </a:cxn>
                  <a:cxn ang="0">
                    <a:pos x="154" y="147"/>
                  </a:cxn>
                  <a:cxn ang="0">
                    <a:pos x="162" y="142"/>
                  </a:cxn>
                  <a:cxn ang="0">
                    <a:pos x="165" y="138"/>
                  </a:cxn>
                  <a:cxn ang="0">
                    <a:pos x="168" y="107"/>
                  </a:cxn>
                  <a:cxn ang="0">
                    <a:pos x="169" y="59"/>
                  </a:cxn>
                  <a:cxn ang="0">
                    <a:pos x="173" y="37"/>
                  </a:cxn>
                  <a:cxn ang="0">
                    <a:pos x="180" y="24"/>
                  </a:cxn>
                  <a:cxn ang="0">
                    <a:pos x="187" y="14"/>
                  </a:cxn>
                  <a:cxn ang="0">
                    <a:pos x="191" y="5"/>
                  </a:cxn>
                  <a:cxn ang="0">
                    <a:pos x="190" y="0"/>
                  </a:cxn>
                  <a:cxn ang="0">
                    <a:pos x="177" y="2"/>
                  </a:cxn>
                  <a:cxn ang="0">
                    <a:pos x="160" y="10"/>
                  </a:cxn>
                  <a:cxn ang="0">
                    <a:pos x="133" y="29"/>
                  </a:cxn>
                  <a:cxn ang="0">
                    <a:pos x="132" y="32"/>
                  </a:cxn>
                  <a:cxn ang="0">
                    <a:pos x="136" y="35"/>
                  </a:cxn>
                  <a:cxn ang="0">
                    <a:pos x="142" y="40"/>
                  </a:cxn>
                  <a:cxn ang="0">
                    <a:pos x="147" y="53"/>
                  </a:cxn>
                  <a:cxn ang="0">
                    <a:pos x="149" y="59"/>
                  </a:cxn>
                  <a:cxn ang="0">
                    <a:pos x="146" y="66"/>
                  </a:cxn>
                  <a:cxn ang="0">
                    <a:pos x="132" y="82"/>
                  </a:cxn>
                  <a:cxn ang="0">
                    <a:pos x="118" y="95"/>
                  </a:cxn>
                  <a:cxn ang="0">
                    <a:pos x="112" y="104"/>
                  </a:cxn>
                  <a:cxn ang="0">
                    <a:pos x="111" y="111"/>
                  </a:cxn>
                  <a:cxn ang="0">
                    <a:pos x="120" y="117"/>
                  </a:cxn>
                  <a:cxn ang="0">
                    <a:pos x="124" y="121"/>
                  </a:cxn>
                  <a:cxn ang="0">
                    <a:pos x="127" y="128"/>
                  </a:cxn>
                  <a:cxn ang="0">
                    <a:pos x="121" y="136"/>
                  </a:cxn>
                  <a:cxn ang="0">
                    <a:pos x="112" y="143"/>
                  </a:cxn>
                  <a:cxn ang="0">
                    <a:pos x="93" y="155"/>
                  </a:cxn>
                  <a:cxn ang="0">
                    <a:pos x="68" y="178"/>
                  </a:cxn>
                  <a:cxn ang="0">
                    <a:pos x="49" y="203"/>
                  </a:cxn>
                  <a:cxn ang="0">
                    <a:pos x="33" y="224"/>
                  </a:cxn>
                  <a:cxn ang="0">
                    <a:pos x="20" y="238"/>
                  </a:cxn>
                  <a:cxn ang="0">
                    <a:pos x="6" y="268"/>
                  </a:cxn>
                  <a:cxn ang="0">
                    <a:pos x="1" y="282"/>
                  </a:cxn>
                  <a:cxn ang="0">
                    <a:pos x="0" y="290"/>
                  </a:cxn>
                  <a:cxn ang="0">
                    <a:pos x="4" y="296"/>
                  </a:cxn>
                  <a:cxn ang="0">
                    <a:pos x="14" y="299"/>
                  </a:cxn>
                  <a:cxn ang="0">
                    <a:pos x="28" y="294"/>
                  </a:cxn>
                  <a:cxn ang="0">
                    <a:pos x="50" y="278"/>
                  </a:cxn>
                  <a:cxn ang="0">
                    <a:pos x="73" y="256"/>
                  </a:cxn>
                  <a:cxn ang="0">
                    <a:pos x="84" y="242"/>
                  </a:cxn>
                  <a:cxn ang="0">
                    <a:pos x="99" y="230"/>
                  </a:cxn>
                </a:cxnLst>
                <a:rect l="0" t="0" r="r" b="b"/>
                <a:pathLst>
                  <a:path w="191" h="299">
                    <a:moveTo>
                      <a:pt x="99" y="221"/>
                    </a:moveTo>
                    <a:lnTo>
                      <a:pt x="111" y="204"/>
                    </a:lnTo>
                    <a:lnTo>
                      <a:pt x="124" y="182"/>
                    </a:lnTo>
                    <a:lnTo>
                      <a:pt x="129" y="172"/>
                    </a:lnTo>
                    <a:lnTo>
                      <a:pt x="136" y="163"/>
                    </a:lnTo>
                    <a:lnTo>
                      <a:pt x="142" y="155"/>
                    </a:lnTo>
                    <a:lnTo>
                      <a:pt x="149" y="150"/>
                    </a:lnTo>
                    <a:lnTo>
                      <a:pt x="154" y="147"/>
                    </a:lnTo>
                    <a:lnTo>
                      <a:pt x="159" y="145"/>
                    </a:lnTo>
                    <a:lnTo>
                      <a:pt x="162" y="142"/>
                    </a:lnTo>
                    <a:lnTo>
                      <a:pt x="164" y="141"/>
                    </a:lnTo>
                    <a:lnTo>
                      <a:pt x="165" y="138"/>
                    </a:lnTo>
                    <a:lnTo>
                      <a:pt x="167" y="136"/>
                    </a:lnTo>
                    <a:lnTo>
                      <a:pt x="168" y="107"/>
                    </a:lnTo>
                    <a:lnTo>
                      <a:pt x="168" y="75"/>
                    </a:lnTo>
                    <a:lnTo>
                      <a:pt x="169" y="59"/>
                    </a:lnTo>
                    <a:lnTo>
                      <a:pt x="172" y="44"/>
                    </a:lnTo>
                    <a:lnTo>
                      <a:pt x="173" y="37"/>
                    </a:lnTo>
                    <a:lnTo>
                      <a:pt x="176" y="31"/>
                    </a:lnTo>
                    <a:lnTo>
                      <a:pt x="180" y="24"/>
                    </a:lnTo>
                    <a:lnTo>
                      <a:pt x="184" y="19"/>
                    </a:lnTo>
                    <a:lnTo>
                      <a:pt x="187" y="14"/>
                    </a:lnTo>
                    <a:lnTo>
                      <a:pt x="190" y="10"/>
                    </a:lnTo>
                    <a:lnTo>
                      <a:pt x="191" y="5"/>
                    </a:lnTo>
                    <a:lnTo>
                      <a:pt x="191" y="0"/>
                    </a:lnTo>
                    <a:lnTo>
                      <a:pt x="190" y="0"/>
                    </a:lnTo>
                    <a:lnTo>
                      <a:pt x="185" y="0"/>
                    </a:lnTo>
                    <a:lnTo>
                      <a:pt x="177" y="2"/>
                    </a:lnTo>
                    <a:lnTo>
                      <a:pt x="169" y="5"/>
                    </a:lnTo>
                    <a:lnTo>
                      <a:pt x="160" y="10"/>
                    </a:lnTo>
                    <a:lnTo>
                      <a:pt x="145" y="20"/>
                    </a:lnTo>
                    <a:lnTo>
                      <a:pt x="133" y="29"/>
                    </a:lnTo>
                    <a:lnTo>
                      <a:pt x="132" y="31"/>
                    </a:lnTo>
                    <a:lnTo>
                      <a:pt x="132" y="32"/>
                    </a:lnTo>
                    <a:lnTo>
                      <a:pt x="133" y="33"/>
                    </a:lnTo>
                    <a:lnTo>
                      <a:pt x="136" y="35"/>
                    </a:lnTo>
                    <a:lnTo>
                      <a:pt x="140" y="37"/>
                    </a:lnTo>
                    <a:lnTo>
                      <a:pt x="142" y="40"/>
                    </a:lnTo>
                    <a:lnTo>
                      <a:pt x="145" y="46"/>
                    </a:lnTo>
                    <a:lnTo>
                      <a:pt x="147" y="53"/>
                    </a:lnTo>
                    <a:lnTo>
                      <a:pt x="149" y="55"/>
                    </a:lnTo>
                    <a:lnTo>
                      <a:pt x="149" y="59"/>
                    </a:lnTo>
                    <a:lnTo>
                      <a:pt x="147" y="62"/>
                    </a:lnTo>
                    <a:lnTo>
                      <a:pt x="146" y="66"/>
                    </a:lnTo>
                    <a:lnTo>
                      <a:pt x="140" y="75"/>
                    </a:lnTo>
                    <a:lnTo>
                      <a:pt x="132" y="82"/>
                    </a:lnTo>
                    <a:lnTo>
                      <a:pt x="125" y="88"/>
                    </a:lnTo>
                    <a:lnTo>
                      <a:pt x="118" y="95"/>
                    </a:lnTo>
                    <a:lnTo>
                      <a:pt x="115" y="99"/>
                    </a:lnTo>
                    <a:lnTo>
                      <a:pt x="112" y="104"/>
                    </a:lnTo>
                    <a:lnTo>
                      <a:pt x="111" y="108"/>
                    </a:lnTo>
                    <a:lnTo>
                      <a:pt x="111" y="111"/>
                    </a:lnTo>
                    <a:lnTo>
                      <a:pt x="115" y="115"/>
                    </a:lnTo>
                    <a:lnTo>
                      <a:pt x="120" y="117"/>
                    </a:lnTo>
                    <a:lnTo>
                      <a:pt x="123" y="119"/>
                    </a:lnTo>
                    <a:lnTo>
                      <a:pt x="124" y="121"/>
                    </a:lnTo>
                    <a:lnTo>
                      <a:pt x="125" y="124"/>
                    </a:lnTo>
                    <a:lnTo>
                      <a:pt x="127" y="128"/>
                    </a:lnTo>
                    <a:lnTo>
                      <a:pt x="125" y="132"/>
                    </a:lnTo>
                    <a:lnTo>
                      <a:pt x="121" y="136"/>
                    </a:lnTo>
                    <a:lnTo>
                      <a:pt x="118" y="139"/>
                    </a:lnTo>
                    <a:lnTo>
                      <a:pt x="112" y="143"/>
                    </a:lnTo>
                    <a:lnTo>
                      <a:pt x="101" y="150"/>
                    </a:lnTo>
                    <a:lnTo>
                      <a:pt x="93" y="155"/>
                    </a:lnTo>
                    <a:lnTo>
                      <a:pt x="80" y="167"/>
                    </a:lnTo>
                    <a:lnTo>
                      <a:pt x="68" y="178"/>
                    </a:lnTo>
                    <a:lnTo>
                      <a:pt x="59" y="190"/>
                    </a:lnTo>
                    <a:lnTo>
                      <a:pt x="49" y="203"/>
                    </a:lnTo>
                    <a:lnTo>
                      <a:pt x="41" y="213"/>
                    </a:lnTo>
                    <a:lnTo>
                      <a:pt x="33" y="224"/>
                    </a:lnTo>
                    <a:lnTo>
                      <a:pt x="27" y="230"/>
                    </a:lnTo>
                    <a:lnTo>
                      <a:pt x="20" y="238"/>
                    </a:lnTo>
                    <a:lnTo>
                      <a:pt x="14" y="252"/>
                    </a:lnTo>
                    <a:lnTo>
                      <a:pt x="6" y="268"/>
                    </a:lnTo>
                    <a:lnTo>
                      <a:pt x="4" y="274"/>
                    </a:lnTo>
                    <a:lnTo>
                      <a:pt x="1" y="282"/>
                    </a:lnTo>
                    <a:lnTo>
                      <a:pt x="0" y="286"/>
                    </a:lnTo>
                    <a:lnTo>
                      <a:pt x="0" y="290"/>
                    </a:lnTo>
                    <a:lnTo>
                      <a:pt x="1" y="294"/>
                    </a:lnTo>
                    <a:lnTo>
                      <a:pt x="4" y="296"/>
                    </a:lnTo>
                    <a:lnTo>
                      <a:pt x="9" y="299"/>
                    </a:lnTo>
                    <a:lnTo>
                      <a:pt x="14" y="299"/>
                    </a:lnTo>
                    <a:lnTo>
                      <a:pt x="22" y="296"/>
                    </a:lnTo>
                    <a:lnTo>
                      <a:pt x="28" y="294"/>
                    </a:lnTo>
                    <a:lnTo>
                      <a:pt x="41" y="285"/>
                    </a:lnTo>
                    <a:lnTo>
                      <a:pt x="50" y="278"/>
                    </a:lnTo>
                    <a:lnTo>
                      <a:pt x="62" y="266"/>
                    </a:lnTo>
                    <a:lnTo>
                      <a:pt x="73" y="256"/>
                    </a:lnTo>
                    <a:lnTo>
                      <a:pt x="79" y="250"/>
                    </a:lnTo>
                    <a:lnTo>
                      <a:pt x="84" y="242"/>
                    </a:lnTo>
                    <a:lnTo>
                      <a:pt x="92" y="235"/>
                    </a:lnTo>
                    <a:lnTo>
                      <a:pt x="99" y="230"/>
                    </a:lnTo>
                    <a:lnTo>
                      <a:pt x="99" y="221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7" name="Freeform 213">
                <a:extLst>
                  <a:ext uri="{FF2B5EF4-FFF2-40B4-BE49-F238E27FC236}">
                    <a16:creationId xmlns:a16="http://schemas.microsoft.com/office/drawing/2014/main" id="{17B4553C-23FE-614A-810B-23593FE5F5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48204" y="2380840"/>
                <a:ext cx="16396" cy="46964"/>
              </a:xfrm>
              <a:custGeom>
                <a:avLst/>
                <a:gdLst/>
                <a:ahLst/>
                <a:cxnLst>
                  <a:cxn ang="0">
                    <a:pos x="0" y="83"/>
                  </a:cxn>
                  <a:cxn ang="0">
                    <a:pos x="1" y="67"/>
                  </a:cxn>
                  <a:cxn ang="0">
                    <a:pos x="2" y="52"/>
                  </a:cxn>
                  <a:cxn ang="0">
                    <a:pos x="3" y="36"/>
                  </a:cxn>
                  <a:cxn ang="0">
                    <a:pos x="5" y="20"/>
                  </a:cxn>
                  <a:cxn ang="0">
                    <a:pos x="5" y="17"/>
                  </a:cxn>
                  <a:cxn ang="0">
                    <a:pos x="7" y="11"/>
                  </a:cxn>
                  <a:cxn ang="0">
                    <a:pos x="10" y="7"/>
                  </a:cxn>
                  <a:cxn ang="0">
                    <a:pos x="14" y="4"/>
                  </a:cxn>
                  <a:cxn ang="0">
                    <a:pos x="19" y="1"/>
                  </a:cxn>
                  <a:cxn ang="0">
                    <a:pos x="24" y="0"/>
                  </a:cxn>
                  <a:cxn ang="0">
                    <a:pos x="29" y="0"/>
                  </a:cxn>
                  <a:cxn ang="0">
                    <a:pos x="33" y="2"/>
                  </a:cxn>
                  <a:cxn ang="0">
                    <a:pos x="36" y="5"/>
                  </a:cxn>
                  <a:cxn ang="0">
                    <a:pos x="37" y="7"/>
                  </a:cxn>
                  <a:cxn ang="0">
                    <a:pos x="37" y="13"/>
                  </a:cxn>
                  <a:cxn ang="0">
                    <a:pos x="37" y="17"/>
                  </a:cxn>
                  <a:cxn ang="0">
                    <a:pos x="37" y="26"/>
                  </a:cxn>
                  <a:cxn ang="0">
                    <a:pos x="36" y="33"/>
                  </a:cxn>
                  <a:cxn ang="0">
                    <a:pos x="36" y="48"/>
                  </a:cxn>
                  <a:cxn ang="0">
                    <a:pos x="34" y="62"/>
                  </a:cxn>
                  <a:cxn ang="0">
                    <a:pos x="34" y="76"/>
                  </a:cxn>
                  <a:cxn ang="0">
                    <a:pos x="32" y="90"/>
                  </a:cxn>
                  <a:cxn ang="0">
                    <a:pos x="32" y="94"/>
                  </a:cxn>
                  <a:cxn ang="0">
                    <a:pos x="29" y="99"/>
                  </a:cxn>
                  <a:cxn ang="0">
                    <a:pos x="28" y="103"/>
                  </a:cxn>
                  <a:cxn ang="0">
                    <a:pos x="23" y="105"/>
                  </a:cxn>
                  <a:cxn ang="0">
                    <a:pos x="16" y="105"/>
                  </a:cxn>
                  <a:cxn ang="0">
                    <a:pos x="10" y="103"/>
                  </a:cxn>
                  <a:cxn ang="0">
                    <a:pos x="7" y="102"/>
                  </a:cxn>
                  <a:cxn ang="0">
                    <a:pos x="5" y="99"/>
                  </a:cxn>
                  <a:cxn ang="0">
                    <a:pos x="3" y="97"/>
                  </a:cxn>
                  <a:cxn ang="0">
                    <a:pos x="2" y="93"/>
                  </a:cxn>
                  <a:cxn ang="0">
                    <a:pos x="0" y="83"/>
                  </a:cxn>
                </a:cxnLst>
                <a:rect l="0" t="0" r="r" b="b"/>
                <a:pathLst>
                  <a:path w="37" h="105">
                    <a:moveTo>
                      <a:pt x="0" y="83"/>
                    </a:moveTo>
                    <a:lnTo>
                      <a:pt x="1" y="67"/>
                    </a:lnTo>
                    <a:lnTo>
                      <a:pt x="2" y="52"/>
                    </a:lnTo>
                    <a:lnTo>
                      <a:pt x="3" y="36"/>
                    </a:lnTo>
                    <a:lnTo>
                      <a:pt x="5" y="20"/>
                    </a:lnTo>
                    <a:lnTo>
                      <a:pt x="5" y="17"/>
                    </a:lnTo>
                    <a:lnTo>
                      <a:pt x="7" y="11"/>
                    </a:lnTo>
                    <a:lnTo>
                      <a:pt x="10" y="7"/>
                    </a:lnTo>
                    <a:lnTo>
                      <a:pt x="14" y="4"/>
                    </a:lnTo>
                    <a:lnTo>
                      <a:pt x="19" y="1"/>
                    </a:lnTo>
                    <a:lnTo>
                      <a:pt x="24" y="0"/>
                    </a:lnTo>
                    <a:lnTo>
                      <a:pt x="29" y="0"/>
                    </a:lnTo>
                    <a:lnTo>
                      <a:pt x="33" y="2"/>
                    </a:lnTo>
                    <a:lnTo>
                      <a:pt x="36" y="5"/>
                    </a:lnTo>
                    <a:lnTo>
                      <a:pt x="37" y="7"/>
                    </a:lnTo>
                    <a:lnTo>
                      <a:pt x="37" y="13"/>
                    </a:lnTo>
                    <a:lnTo>
                      <a:pt x="37" y="17"/>
                    </a:lnTo>
                    <a:lnTo>
                      <a:pt x="37" y="26"/>
                    </a:lnTo>
                    <a:lnTo>
                      <a:pt x="36" y="33"/>
                    </a:lnTo>
                    <a:lnTo>
                      <a:pt x="36" y="48"/>
                    </a:lnTo>
                    <a:lnTo>
                      <a:pt x="34" y="62"/>
                    </a:lnTo>
                    <a:lnTo>
                      <a:pt x="34" y="76"/>
                    </a:lnTo>
                    <a:lnTo>
                      <a:pt x="32" y="90"/>
                    </a:lnTo>
                    <a:lnTo>
                      <a:pt x="32" y="94"/>
                    </a:lnTo>
                    <a:lnTo>
                      <a:pt x="29" y="99"/>
                    </a:lnTo>
                    <a:lnTo>
                      <a:pt x="28" y="103"/>
                    </a:lnTo>
                    <a:lnTo>
                      <a:pt x="23" y="105"/>
                    </a:lnTo>
                    <a:lnTo>
                      <a:pt x="16" y="105"/>
                    </a:lnTo>
                    <a:lnTo>
                      <a:pt x="10" y="103"/>
                    </a:lnTo>
                    <a:lnTo>
                      <a:pt x="7" y="102"/>
                    </a:lnTo>
                    <a:lnTo>
                      <a:pt x="5" y="99"/>
                    </a:lnTo>
                    <a:lnTo>
                      <a:pt x="3" y="97"/>
                    </a:lnTo>
                    <a:lnTo>
                      <a:pt x="2" y="93"/>
                    </a:lnTo>
                    <a:lnTo>
                      <a:pt x="0" y="83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8" name="Freeform 214">
                <a:extLst>
                  <a:ext uri="{FF2B5EF4-FFF2-40B4-BE49-F238E27FC236}">
                    <a16:creationId xmlns:a16="http://schemas.microsoft.com/office/drawing/2014/main" id="{523F0B08-BFB5-4D49-9E43-BB8E55F02E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75530" y="2297750"/>
                <a:ext cx="45543" cy="54189"/>
              </a:xfrm>
              <a:custGeom>
                <a:avLst/>
                <a:gdLst/>
                <a:ahLst/>
                <a:cxnLst>
                  <a:cxn ang="0">
                    <a:pos x="0" y="88"/>
                  </a:cxn>
                  <a:cxn ang="0">
                    <a:pos x="1" y="81"/>
                  </a:cxn>
                  <a:cxn ang="0">
                    <a:pos x="4" y="75"/>
                  </a:cxn>
                  <a:cxn ang="0">
                    <a:pos x="8" y="68"/>
                  </a:cxn>
                  <a:cxn ang="0">
                    <a:pos x="12" y="62"/>
                  </a:cxn>
                  <a:cxn ang="0">
                    <a:pos x="17" y="55"/>
                  </a:cxn>
                  <a:cxn ang="0">
                    <a:pos x="22" y="49"/>
                  </a:cxn>
                  <a:cxn ang="0">
                    <a:pos x="27" y="45"/>
                  </a:cxn>
                  <a:cxn ang="0">
                    <a:pos x="32" y="43"/>
                  </a:cxn>
                  <a:cxn ang="0">
                    <a:pos x="43" y="39"/>
                  </a:cxn>
                  <a:cxn ang="0">
                    <a:pos x="51" y="32"/>
                  </a:cxn>
                  <a:cxn ang="0">
                    <a:pos x="58" y="26"/>
                  </a:cxn>
                  <a:cxn ang="0">
                    <a:pos x="66" y="18"/>
                  </a:cxn>
                  <a:cxn ang="0">
                    <a:pos x="79" y="8"/>
                  </a:cxn>
                  <a:cxn ang="0">
                    <a:pos x="91" y="1"/>
                  </a:cxn>
                  <a:cxn ang="0">
                    <a:pos x="92" y="0"/>
                  </a:cxn>
                  <a:cxn ang="0">
                    <a:pos x="95" y="1"/>
                  </a:cxn>
                  <a:cxn ang="0">
                    <a:pos x="96" y="1"/>
                  </a:cxn>
                  <a:cxn ang="0">
                    <a:pos x="97" y="4"/>
                  </a:cxn>
                  <a:cxn ang="0">
                    <a:pos x="98" y="10"/>
                  </a:cxn>
                  <a:cxn ang="0">
                    <a:pos x="97" y="20"/>
                  </a:cxn>
                  <a:cxn ang="0">
                    <a:pos x="96" y="32"/>
                  </a:cxn>
                  <a:cxn ang="0">
                    <a:pos x="95" y="44"/>
                  </a:cxn>
                  <a:cxn ang="0">
                    <a:pos x="92" y="55"/>
                  </a:cxn>
                  <a:cxn ang="0">
                    <a:pos x="89" y="67"/>
                  </a:cxn>
                  <a:cxn ang="0">
                    <a:pos x="87" y="70"/>
                  </a:cxn>
                  <a:cxn ang="0">
                    <a:pos x="85" y="72"/>
                  </a:cxn>
                  <a:cxn ang="0">
                    <a:pos x="82" y="74"/>
                  </a:cxn>
                  <a:cxn ang="0">
                    <a:pos x="79" y="75"/>
                  </a:cxn>
                  <a:cxn ang="0">
                    <a:pos x="71" y="75"/>
                  </a:cxn>
                  <a:cxn ang="0">
                    <a:pos x="62" y="74"/>
                  </a:cxn>
                  <a:cxn ang="0">
                    <a:pos x="53" y="74"/>
                  </a:cxn>
                  <a:cxn ang="0">
                    <a:pos x="45" y="76"/>
                  </a:cxn>
                  <a:cxn ang="0">
                    <a:pos x="41" y="77"/>
                  </a:cxn>
                  <a:cxn ang="0">
                    <a:pos x="39" y="81"/>
                  </a:cxn>
                  <a:cxn ang="0">
                    <a:pos x="36" y="85"/>
                  </a:cxn>
                  <a:cxn ang="0">
                    <a:pos x="34" y="90"/>
                  </a:cxn>
                  <a:cxn ang="0">
                    <a:pos x="31" y="103"/>
                  </a:cxn>
                  <a:cxn ang="0">
                    <a:pos x="25" y="116"/>
                  </a:cxn>
                  <a:cxn ang="0">
                    <a:pos x="21" y="120"/>
                  </a:cxn>
                  <a:cxn ang="0">
                    <a:pos x="18" y="123"/>
                  </a:cxn>
                  <a:cxn ang="0">
                    <a:pos x="14" y="123"/>
                  </a:cxn>
                  <a:cxn ang="0">
                    <a:pos x="12" y="122"/>
                  </a:cxn>
                  <a:cxn ang="0">
                    <a:pos x="6" y="115"/>
                  </a:cxn>
                  <a:cxn ang="0">
                    <a:pos x="3" y="105"/>
                  </a:cxn>
                  <a:cxn ang="0">
                    <a:pos x="0" y="88"/>
                  </a:cxn>
                </a:cxnLst>
                <a:rect l="0" t="0" r="r" b="b"/>
                <a:pathLst>
                  <a:path w="98" h="123">
                    <a:moveTo>
                      <a:pt x="0" y="88"/>
                    </a:moveTo>
                    <a:lnTo>
                      <a:pt x="1" y="81"/>
                    </a:lnTo>
                    <a:lnTo>
                      <a:pt x="4" y="75"/>
                    </a:lnTo>
                    <a:lnTo>
                      <a:pt x="8" y="68"/>
                    </a:lnTo>
                    <a:lnTo>
                      <a:pt x="12" y="62"/>
                    </a:lnTo>
                    <a:lnTo>
                      <a:pt x="17" y="55"/>
                    </a:lnTo>
                    <a:lnTo>
                      <a:pt x="22" y="49"/>
                    </a:lnTo>
                    <a:lnTo>
                      <a:pt x="27" y="45"/>
                    </a:lnTo>
                    <a:lnTo>
                      <a:pt x="32" y="43"/>
                    </a:lnTo>
                    <a:lnTo>
                      <a:pt x="43" y="39"/>
                    </a:lnTo>
                    <a:lnTo>
                      <a:pt x="51" y="32"/>
                    </a:lnTo>
                    <a:lnTo>
                      <a:pt x="58" y="26"/>
                    </a:lnTo>
                    <a:lnTo>
                      <a:pt x="66" y="18"/>
                    </a:lnTo>
                    <a:lnTo>
                      <a:pt x="79" y="8"/>
                    </a:lnTo>
                    <a:lnTo>
                      <a:pt x="91" y="1"/>
                    </a:lnTo>
                    <a:lnTo>
                      <a:pt x="92" y="0"/>
                    </a:lnTo>
                    <a:lnTo>
                      <a:pt x="95" y="1"/>
                    </a:lnTo>
                    <a:lnTo>
                      <a:pt x="96" y="1"/>
                    </a:lnTo>
                    <a:lnTo>
                      <a:pt x="97" y="4"/>
                    </a:lnTo>
                    <a:lnTo>
                      <a:pt x="98" y="10"/>
                    </a:lnTo>
                    <a:lnTo>
                      <a:pt x="97" y="20"/>
                    </a:lnTo>
                    <a:lnTo>
                      <a:pt x="96" y="32"/>
                    </a:lnTo>
                    <a:lnTo>
                      <a:pt x="95" y="44"/>
                    </a:lnTo>
                    <a:lnTo>
                      <a:pt x="92" y="55"/>
                    </a:lnTo>
                    <a:lnTo>
                      <a:pt x="89" y="67"/>
                    </a:lnTo>
                    <a:lnTo>
                      <a:pt x="87" y="70"/>
                    </a:lnTo>
                    <a:lnTo>
                      <a:pt x="85" y="72"/>
                    </a:lnTo>
                    <a:lnTo>
                      <a:pt x="82" y="74"/>
                    </a:lnTo>
                    <a:lnTo>
                      <a:pt x="79" y="75"/>
                    </a:lnTo>
                    <a:lnTo>
                      <a:pt x="71" y="75"/>
                    </a:lnTo>
                    <a:lnTo>
                      <a:pt x="62" y="74"/>
                    </a:lnTo>
                    <a:lnTo>
                      <a:pt x="53" y="74"/>
                    </a:lnTo>
                    <a:lnTo>
                      <a:pt x="45" y="76"/>
                    </a:lnTo>
                    <a:lnTo>
                      <a:pt x="41" y="77"/>
                    </a:lnTo>
                    <a:lnTo>
                      <a:pt x="39" y="81"/>
                    </a:lnTo>
                    <a:lnTo>
                      <a:pt x="36" y="85"/>
                    </a:lnTo>
                    <a:lnTo>
                      <a:pt x="34" y="90"/>
                    </a:lnTo>
                    <a:lnTo>
                      <a:pt x="31" y="103"/>
                    </a:lnTo>
                    <a:lnTo>
                      <a:pt x="25" y="116"/>
                    </a:lnTo>
                    <a:lnTo>
                      <a:pt x="21" y="120"/>
                    </a:lnTo>
                    <a:lnTo>
                      <a:pt x="18" y="123"/>
                    </a:lnTo>
                    <a:lnTo>
                      <a:pt x="14" y="123"/>
                    </a:lnTo>
                    <a:lnTo>
                      <a:pt x="12" y="122"/>
                    </a:lnTo>
                    <a:lnTo>
                      <a:pt x="6" y="115"/>
                    </a:lnTo>
                    <a:lnTo>
                      <a:pt x="3" y="105"/>
                    </a:lnTo>
                    <a:lnTo>
                      <a:pt x="0" y="88"/>
                    </a:lnTo>
                    <a:close/>
                  </a:path>
                </a:pathLst>
              </a:custGeom>
              <a:solidFill>
                <a:srgbClr val="1C95C8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69" name="Freeform 217">
                <a:extLst>
                  <a:ext uri="{FF2B5EF4-FFF2-40B4-BE49-F238E27FC236}">
                    <a16:creationId xmlns:a16="http://schemas.microsoft.com/office/drawing/2014/main" id="{E2CADAB7-09CD-B34B-9853-3ADB413BA9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49833" y="3715700"/>
                <a:ext cx="21860" cy="25288"/>
              </a:xfrm>
              <a:custGeom>
                <a:avLst/>
                <a:gdLst/>
                <a:ahLst/>
                <a:cxnLst>
                  <a:cxn ang="0">
                    <a:pos x="31" y="44"/>
                  </a:cxn>
                  <a:cxn ang="0">
                    <a:pos x="28" y="47"/>
                  </a:cxn>
                  <a:cxn ang="0">
                    <a:pos x="26" y="49"/>
                  </a:cxn>
                  <a:cxn ang="0">
                    <a:pos x="19" y="53"/>
                  </a:cxn>
                  <a:cxn ang="0">
                    <a:pos x="13" y="56"/>
                  </a:cxn>
                  <a:cxn ang="0">
                    <a:pos x="9" y="56"/>
                  </a:cxn>
                  <a:cxn ang="0">
                    <a:pos x="5" y="55"/>
                  </a:cxn>
                  <a:cxn ang="0">
                    <a:pos x="2" y="53"/>
                  </a:cxn>
                  <a:cxn ang="0">
                    <a:pos x="1" y="49"/>
                  </a:cxn>
                  <a:cxn ang="0">
                    <a:pos x="0" y="45"/>
                  </a:cxn>
                  <a:cxn ang="0">
                    <a:pos x="0" y="40"/>
                  </a:cxn>
                  <a:cxn ang="0">
                    <a:pos x="1" y="36"/>
                  </a:cxn>
                  <a:cxn ang="0">
                    <a:pos x="5" y="34"/>
                  </a:cxn>
                  <a:cxn ang="0">
                    <a:pos x="13" y="26"/>
                  </a:cxn>
                  <a:cxn ang="0">
                    <a:pos x="19" y="16"/>
                  </a:cxn>
                  <a:cxn ang="0">
                    <a:pos x="23" y="11"/>
                  </a:cxn>
                  <a:cxn ang="0">
                    <a:pos x="27" y="5"/>
                  </a:cxn>
                  <a:cxn ang="0">
                    <a:pos x="31" y="3"/>
                  </a:cxn>
                  <a:cxn ang="0">
                    <a:pos x="36" y="0"/>
                  </a:cxn>
                  <a:cxn ang="0">
                    <a:pos x="40" y="1"/>
                  </a:cxn>
                  <a:cxn ang="0">
                    <a:pos x="44" y="3"/>
                  </a:cxn>
                  <a:cxn ang="0">
                    <a:pos x="46" y="5"/>
                  </a:cxn>
                  <a:cxn ang="0">
                    <a:pos x="48" y="9"/>
                  </a:cxn>
                  <a:cxn ang="0">
                    <a:pos x="45" y="18"/>
                  </a:cxn>
                  <a:cxn ang="0">
                    <a:pos x="40" y="26"/>
                  </a:cxn>
                  <a:cxn ang="0">
                    <a:pos x="31" y="44"/>
                  </a:cxn>
                </a:cxnLst>
                <a:rect l="0" t="0" r="r" b="b"/>
                <a:pathLst>
                  <a:path w="48" h="56">
                    <a:moveTo>
                      <a:pt x="31" y="44"/>
                    </a:moveTo>
                    <a:lnTo>
                      <a:pt x="28" y="47"/>
                    </a:lnTo>
                    <a:lnTo>
                      <a:pt x="26" y="49"/>
                    </a:lnTo>
                    <a:lnTo>
                      <a:pt x="19" y="53"/>
                    </a:lnTo>
                    <a:lnTo>
                      <a:pt x="13" y="56"/>
                    </a:lnTo>
                    <a:lnTo>
                      <a:pt x="9" y="56"/>
                    </a:lnTo>
                    <a:lnTo>
                      <a:pt x="5" y="55"/>
                    </a:lnTo>
                    <a:lnTo>
                      <a:pt x="2" y="53"/>
                    </a:lnTo>
                    <a:lnTo>
                      <a:pt x="1" y="49"/>
                    </a:lnTo>
                    <a:lnTo>
                      <a:pt x="0" y="45"/>
                    </a:lnTo>
                    <a:lnTo>
                      <a:pt x="0" y="40"/>
                    </a:lnTo>
                    <a:lnTo>
                      <a:pt x="1" y="36"/>
                    </a:lnTo>
                    <a:lnTo>
                      <a:pt x="5" y="34"/>
                    </a:lnTo>
                    <a:lnTo>
                      <a:pt x="13" y="26"/>
                    </a:lnTo>
                    <a:lnTo>
                      <a:pt x="19" y="16"/>
                    </a:lnTo>
                    <a:lnTo>
                      <a:pt x="23" y="11"/>
                    </a:lnTo>
                    <a:lnTo>
                      <a:pt x="27" y="5"/>
                    </a:lnTo>
                    <a:lnTo>
                      <a:pt x="31" y="3"/>
                    </a:lnTo>
                    <a:lnTo>
                      <a:pt x="36" y="0"/>
                    </a:lnTo>
                    <a:lnTo>
                      <a:pt x="40" y="1"/>
                    </a:lnTo>
                    <a:lnTo>
                      <a:pt x="44" y="3"/>
                    </a:lnTo>
                    <a:lnTo>
                      <a:pt x="46" y="5"/>
                    </a:lnTo>
                    <a:lnTo>
                      <a:pt x="48" y="9"/>
                    </a:lnTo>
                    <a:lnTo>
                      <a:pt x="45" y="18"/>
                    </a:lnTo>
                    <a:lnTo>
                      <a:pt x="40" y="26"/>
                    </a:lnTo>
                    <a:lnTo>
                      <a:pt x="31" y="4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0" name="Freeform 224">
                <a:extLst>
                  <a:ext uri="{FF2B5EF4-FFF2-40B4-BE49-F238E27FC236}">
                    <a16:creationId xmlns:a16="http://schemas.microsoft.com/office/drawing/2014/main" id="{30AF21AD-34B7-3344-BB22-717168C428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61041" y="2355552"/>
                <a:ext cx="672204" cy="680977"/>
              </a:xfrm>
              <a:custGeom>
                <a:avLst/>
                <a:gdLst/>
                <a:ahLst/>
                <a:cxnLst>
                  <a:cxn ang="0">
                    <a:pos x="1313" y="16"/>
                  </a:cxn>
                  <a:cxn ang="0">
                    <a:pos x="1134" y="21"/>
                  </a:cxn>
                  <a:cxn ang="0">
                    <a:pos x="985" y="126"/>
                  </a:cxn>
                  <a:cxn ang="0">
                    <a:pos x="959" y="194"/>
                  </a:cxn>
                  <a:cxn ang="0">
                    <a:pos x="1056" y="275"/>
                  </a:cxn>
                  <a:cxn ang="0">
                    <a:pos x="915" y="301"/>
                  </a:cxn>
                  <a:cxn ang="0">
                    <a:pos x="911" y="370"/>
                  </a:cxn>
                  <a:cxn ang="0">
                    <a:pos x="831" y="311"/>
                  </a:cxn>
                  <a:cxn ang="0">
                    <a:pos x="739" y="316"/>
                  </a:cxn>
                  <a:cxn ang="0">
                    <a:pos x="626" y="205"/>
                  </a:cxn>
                  <a:cxn ang="0">
                    <a:pos x="581" y="232"/>
                  </a:cxn>
                  <a:cxn ang="0">
                    <a:pos x="473" y="247"/>
                  </a:cxn>
                  <a:cxn ang="0">
                    <a:pos x="522" y="273"/>
                  </a:cxn>
                  <a:cxn ang="0">
                    <a:pos x="427" y="291"/>
                  </a:cxn>
                  <a:cxn ang="0">
                    <a:pos x="543" y="400"/>
                  </a:cxn>
                  <a:cxn ang="0">
                    <a:pos x="520" y="434"/>
                  </a:cxn>
                  <a:cxn ang="0">
                    <a:pos x="456" y="496"/>
                  </a:cxn>
                  <a:cxn ang="0">
                    <a:pos x="377" y="541"/>
                  </a:cxn>
                  <a:cxn ang="0">
                    <a:pos x="416" y="602"/>
                  </a:cxn>
                  <a:cxn ang="0">
                    <a:pos x="446" y="653"/>
                  </a:cxn>
                  <a:cxn ang="0">
                    <a:pos x="482" y="715"/>
                  </a:cxn>
                  <a:cxn ang="0">
                    <a:pos x="587" y="792"/>
                  </a:cxn>
                  <a:cxn ang="0">
                    <a:pos x="393" y="894"/>
                  </a:cxn>
                  <a:cxn ang="0">
                    <a:pos x="349" y="965"/>
                  </a:cxn>
                  <a:cxn ang="0">
                    <a:pos x="521" y="966"/>
                  </a:cxn>
                  <a:cxn ang="0">
                    <a:pos x="463" y="1012"/>
                  </a:cxn>
                  <a:cxn ang="0">
                    <a:pos x="230" y="1014"/>
                  </a:cxn>
                  <a:cxn ang="0">
                    <a:pos x="213" y="1087"/>
                  </a:cxn>
                  <a:cxn ang="0">
                    <a:pos x="110" y="1042"/>
                  </a:cxn>
                  <a:cxn ang="0">
                    <a:pos x="29" y="1066"/>
                  </a:cxn>
                  <a:cxn ang="0">
                    <a:pos x="183" y="1144"/>
                  </a:cxn>
                  <a:cxn ang="0">
                    <a:pos x="8" y="1194"/>
                  </a:cxn>
                  <a:cxn ang="0">
                    <a:pos x="34" y="1273"/>
                  </a:cxn>
                  <a:cxn ang="0">
                    <a:pos x="91" y="1302"/>
                  </a:cxn>
                  <a:cxn ang="0">
                    <a:pos x="20" y="1328"/>
                  </a:cxn>
                  <a:cxn ang="0">
                    <a:pos x="173" y="1341"/>
                  </a:cxn>
                  <a:cxn ang="0">
                    <a:pos x="170" y="1378"/>
                  </a:cxn>
                  <a:cxn ang="0">
                    <a:pos x="125" y="1434"/>
                  </a:cxn>
                  <a:cxn ang="0">
                    <a:pos x="263" y="1475"/>
                  </a:cxn>
                  <a:cxn ang="0">
                    <a:pos x="487" y="1508"/>
                  </a:cxn>
                  <a:cxn ang="0">
                    <a:pos x="565" y="1455"/>
                  </a:cxn>
                  <a:cxn ang="0">
                    <a:pos x="661" y="1425"/>
                  </a:cxn>
                  <a:cxn ang="0">
                    <a:pos x="762" y="1420"/>
                  </a:cxn>
                  <a:cxn ang="0">
                    <a:pos x="918" y="1430"/>
                  </a:cxn>
                  <a:cxn ang="0">
                    <a:pos x="978" y="1418"/>
                  </a:cxn>
                  <a:cxn ang="0">
                    <a:pos x="1083" y="1475"/>
                  </a:cxn>
                  <a:cxn ang="0">
                    <a:pos x="1140" y="1435"/>
                  </a:cxn>
                  <a:cxn ang="0">
                    <a:pos x="1331" y="1201"/>
                  </a:cxn>
                  <a:cxn ang="0">
                    <a:pos x="1352" y="1079"/>
                  </a:cxn>
                  <a:cxn ang="0">
                    <a:pos x="1375" y="1017"/>
                  </a:cxn>
                  <a:cxn ang="0">
                    <a:pos x="1427" y="900"/>
                  </a:cxn>
                  <a:cxn ang="0">
                    <a:pos x="1442" y="779"/>
                  </a:cxn>
                  <a:cxn ang="0">
                    <a:pos x="1416" y="672"/>
                  </a:cxn>
                  <a:cxn ang="0">
                    <a:pos x="1473" y="674"/>
                  </a:cxn>
                  <a:cxn ang="0">
                    <a:pos x="1412" y="584"/>
                  </a:cxn>
                  <a:cxn ang="0">
                    <a:pos x="1330" y="492"/>
                  </a:cxn>
                  <a:cxn ang="0">
                    <a:pos x="1182" y="518"/>
                  </a:cxn>
                  <a:cxn ang="0">
                    <a:pos x="1098" y="350"/>
                  </a:cxn>
                  <a:cxn ang="0">
                    <a:pos x="1183" y="284"/>
                  </a:cxn>
                  <a:cxn ang="0">
                    <a:pos x="1172" y="203"/>
                  </a:cxn>
                </a:cxnLst>
                <a:rect l="0" t="0" r="r" b="b"/>
                <a:pathLst>
                  <a:path w="1479" h="1510">
                    <a:moveTo>
                      <a:pt x="1287" y="124"/>
                    </a:moveTo>
                    <a:lnTo>
                      <a:pt x="1286" y="114"/>
                    </a:lnTo>
                    <a:lnTo>
                      <a:pt x="1287" y="108"/>
                    </a:lnTo>
                    <a:lnTo>
                      <a:pt x="1289" y="101"/>
                    </a:lnTo>
                    <a:lnTo>
                      <a:pt x="1293" y="96"/>
                    </a:lnTo>
                    <a:lnTo>
                      <a:pt x="1297" y="91"/>
                    </a:lnTo>
                    <a:lnTo>
                      <a:pt x="1300" y="86"/>
                    </a:lnTo>
                    <a:lnTo>
                      <a:pt x="1302" y="79"/>
                    </a:lnTo>
                    <a:lnTo>
                      <a:pt x="1304" y="73"/>
                    </a:lnTo>
                    <a:lnTo>
                      <a:pt x="1309" y="53"/>
                    </a:lnTo>
                    <a:lnTo>
                      <a:pt x="1313" y="31"/>
                    </a:lnTo>
                    <a:lnTo>
                      <a:pt x="1314" y="26"/>
                    </a:lnTo>
                    <a:lnTo>
                      <a:pt x="1313" y="21"/>
                    </a:lnTo>
                    <a:lnTo>
                      <a:pt x="1313" y="16"/>
                    </a:lnTo>
                    <a:lnTo>
                      <a:pt x="1310" y="12"/>
                    </a:lnTo>
                    <a:lnTo>
                      <a:pt x="1308" y="9"/>
                    </a:lnTo>
                    <a:lnTo>
                      <a:pt x="1305" y="5"/>
                    </a:lnTo>
                    <a:lnTo>
                      <a:pt x="1300" y="4"/>
                    </a:lnTo>
                    <a:lnTo>
                      <a:pt x="1293" y="3"/>
                    </a:lnTo>
                    <a:lnTo>
                      <a:pt x="1278" y="1"/>
                    </a:lnTo>
                    <a:lnTo>
                      <a:pt x="1260" y="0"/>
                    </a:lnTo>
                    <a:lnTo>
                      <a:pt x="1239" y="1"/>
                    </a:lnTo>
                    <a:lnTo>
                      <a:pt x="1218" y="3"/>
                    </a:lnTo>
                    <a:lnTo>
                      <a:pt x="1199" y="4"/>
                    </a:lnTo>
                    <a:lnTo>
                      <a:pt x="1178" y="8"/>
                    </a:lnTo>
                    <a:lnTo>
                      <a:pt x="1161" y="12"/>
                    </a:lnTo>
                    <a:lnTo>
                      <a:pt x="1146" y="16"/>
                    </a:lnTo>
                    <a:lnTo>
                      <a:pt x="1134" y="21"/>
                    </a:lnTo>
                    <a:lnTo>
                      <a:pt x="1124" y="26"/>
                    </a:lnTo>
                    <a:lnTo>
                      <a:pt x="1115" y="32"/>
                    </a:lnTo>
                    <a:lnTo>
                      <a:pt x="1107" y="39"/>
                    </a:lnTo>
                    <a:lnTo>
                      <a:pt x="1092" y="52"/>
                    </a:lnTo>
                    <a:lnTo>
                      <a:pt x="1074" y="67"/>
                    </a:lnTo>
                    <a:lnTo>
                      <a:pt x="1068" y="78"/>
                    </a:lnTo>
                    <a:lnTo>
                      <a:pt x="1061" y="87"/>
                    </a:lnTo>
                    <a:lnTo>
                      <a:pt x="1055" y="96"/>
                    </a:lnTo>
                    <a:lnTo>
                      <a:pt x="1047" y="105"/>
                    </a:lnTo>
                    <a:lnTo>
                      <a:pt x="1038" y="111"/>
                    </a:lnTo>
                    <a:lnTo>
                      <a:pt x="1028" y="117"/>
                    </a:lnTo>
                    <a:lnTo>
                      <a:pt x="1016" y="122"/>
                    </a:lnTo>
                    <a:lnTo>
                      <a:pt x="1003" y="124"/>
                    </a:lnTo>
                    <a:lnTo>
                      <a:pt x="985" y="126"/>
                    </a:lnTo>
                    <a:lnTo>
                      <a:pt x="960" y="126"/>
                    </a:lnTo>
                    <a:lnTo>
                      <a:pt x="949" y="128"/>
                    </a:lnTo>
                    <a:lnTo>
                      <a:pt x="940" y="131"/>
                    </a:lnTo>
                    <a:lnTo>
                      <a:pt x="936" y="133"/>
                    </a:lnTo>
                    <a:lnTo>
                      <a:pt x="933" y="136"/>
                    </a:lnTo>
                    <a:lnTo>
                      <a:pt x="931" y="140"/>
                    </a:lnTo>
                    <a:lnTo>
                      <a:pt x="931" y="144"/>
                    </a:lnTo>
                    <a:lnTo>
                      <a:pt x="931" y="152"/>
                    </a:lnTo>
                    <a:lnTo>
                      <a:pt x="933" y="161"/>
                    </a:lnTo>
                    <a:lnTo>
                      <a:pt x="936" y="167"/>
                    </a:lnTo>
                    <a:lnTo>
                      <a:pt x="941" y="175"/>
                    </a:lnTo>
                    <a:lnTo>
                      <a:pt x="946" y="181"/>
                    </a:lnTo>
                    <a:lnTo>
                      <a:pt x="951" y="188"/>
                    </a:lnTo>
                    <a:lnTo>
                      <a:pt x="959" y="194"/>
                    </a:lnTo>
                    <a:lnTo>
                      <a:pt x="966" y="200"/>
                    </a:lnTo>
                    <a:lnTo>
                      <a:pt x="982" y="210"/>
                    </a:lnTo>
                    <a:lnTo>
                      <a:pt x="999" y="219"/>
                    </a:lnTo>
                    <a:lnTo>
                      <a:pt x="1015" y="228"/>
                    </a:lnTo>
                    <a:lnTo>
                      <a:pt x="1030" y="234"/>
                    </a:lnTo>
                    <a:lnTo>
                      <a:pt x="1046" y="238"/>
                    </a:lnTo>
                    <a:lnTo>
                      <a:pt x="1073" y="245"/>
                    </a:lnTo>
                    <a:lnTo>
                      <a:pt x="1083" y="249"/>
                    </a:lnTo>
                    <a:lnTo>
                      <a:pt x="1091" y="253"/>
                    </a:lnTo>
                    <a:lnTo>
                      <a:pt x="1092" y="255"/>
                    </a:lnTo>
                    <a:lnTo>
                      <a:pt x="1091" y="258"/>
                    </a:lnTo>
                    <a:lnTo>
                      <a:pt x="1089" y="260"/>
                    </a:lnTo>
                    <a:lnTo>
                      <a:pt x="1083" y="263"/>
                    </a:lnTo>
                    <a:lnTo>
                      <a:pt x="1056" y="275"/>
                    </a:lnTo>
                    <a:lnTo>
                      <a:pt x="1034" y="285"/>
                    </a:lnTo>
                    <a:lnTo>
                      <a:pt x="1023" y="288"/>
                    </a:lnTo>
                    <a:lnTo>
                      <a:pt x="1011" y="290"/>
                    </a:lnTo>
                    <a:lnTo>
                      <a:pt x="998" y="289"/>
                    </a:lnTo>
                    <a:lnTo>
                      <a:pt x="984" y="285"/>
                    </a:lnTo>
                    <a:lnTo>
                      <a:pt x="972" y="282"/>
                    </a:lnTo>
                    <a:lnTo>
                      <a:pt x="962" y="281"/>
                    </a:lnTo>
                    <a:lnTo>
                      <a:pt x="953" y="281"/>
                    </a:lnTo>
                    <a:lnTo>
                      <a:pt x="944" y="282"/>
                    </a:lnTo>
                    <a:lnTo>
                      <a:pt x="936" y="284"/>
                    </a:lnTo>
                    <a:lnTo>
                      <a:pt x="928" y="288"/>
                    </a:lnTo>
                    <a:lnTo>
                      <a:pt x="923" y="291"/>
                    </a:lnTo>
                    <a:lnTo>
                      <a:pt x="918" y="295"/>
                    </a:lnTo>
                    <a:lnTo>
                      <a:pt x="915" y="301"/>
                    </a:lnTo>
                    <a:lnTo>
                      <a:pt x="912" y="307"/>
                    </a:lnTo>
                    <a:lnTo>
                      <a:pt x="912" y="314"/>
                    </a:lnTo>
                    <a:lnTo>
                      <a:pt x="915" y="321"/>
                    </a:lnTo>
                    <a:lnTo>
                      <a:pt x="919" y="329"/>
                    </a:lnTo>
                    <a:lnTo>
                      <a:pt x="924" y="338"/>
                    </a:lnTo>
                    <a:lnTo>
                      <a:pt x="933" y="347"/>
                    </a:lnTo>
                    <a:lnTo>
                      <a:pt x="944" y="356"/>
                    </a:lnTo>
                    <a:lnTo>
                      <a:pt x="947" y="360"/>
                    </a:lnTo>
                    <a:lnTo>
                      <a:pt x="949" y="363"/>
                    </a:lnTo>
                    <a:lnTo>
                      <a:pt x="950" y="365"/>
                    </a:lnTo>
                    <a:lnTo>
                      <a:pt x="949" y="367"/>
                    </a:lnTo>
                    <a:lnTo>
                      <a:pt x="944" y="369"/>
                    </a:lnTo>
                    <a:lnTo>
                      <a:pt x="934" y="370"/>
                    </a:lnTo>
                    <a:lnTo>
                      <a:pt x="911" y="370"/>
                    </a:lnTo>
                    <a:lnTo>
                      <a:pt x="894" y="373"/>
                    </a:lnTo>
                    <a:lnTo>
                      <a:pt x="889" y="373"/>
                    </a:lnTo>
                    <a:lnTo>
                      <a:pt x="885" y="373"/>
                    </a:lnTo>
                    <a:lnTo>
                      <a:pt x="883" y="372"/>
                    </a:lnTo>
                    <a:lnTo>
                      <a:pt x="881" y="369"/>
                    </a:lnTo>
                    <a:lnTo>
                      <a:pt x="879" y="361"/>
                    </a:lnTo>
                    <a:lnTo>
                      <a:pt x="877" y="352"/>
                    </a:lnTo>
                    <a:lnTo>
                      <a:pt x="876" y="342"/>
                    </a:lnTo>
                    <a:lnTo>
                      <a:pt x="874" y="333"/>
                    </a:lnTo>
                    <a:lnTo>
                      <a:pt x="871" y="328"/>
                    </a:lnTo>
                    <a:lnTo>
                      <a:pt x="868" y="324"/>
                    </a:lnTo>
                    <a:lnTo>
                      <a:pt x="863" y="321"/>
                    </a:lnTo>
                    <a:lnTo>
                      <a:pt x="858" y="320"/>
                    </a:lnTo>
                    <a:lnTo>
                      <a:pt x="831" y="311"/>
                    </a:lnTo>
                    <a:lnTo>
                      <a:pt x="809" y="302"/>
                    </a:lnTo>
                    <a:lnTo>
                      <a:pt x="804" y="302"/>
                    </a:lnTo>
                    <a:lnTo>
                      <a:pt x="797" y="301"/>
                    </a:lnTo>
                    <a:lnTo>
                      <a:pt x="792" y="301"/>
                    </a:lnTo>
                    <a:lnTo>
                      <a:pt x="787" y="302"/>
                    </a:lnTo>
                    <a:lnTo>
                      <a:pt x="780" y="303"/>
                    </a:lnTo>
                    <a:lnTo>
                      <a:pt x="774" y="307"/>
                    </a:lnTo>
                    <a:lnTo>
                      <a:pt x="767" y="311"/>
                    </a:lnTo>
                    <a:lnTo>
                      <a:pt x="761" y="315"/>
                    </a:lnTo>
                    <a:lnTo>
                      <a:pt x="753" y="320"/>
                    </a:lnTo>
                    <a:lnTo>
                      <a:pt x="748" y="323"/>
                    </a:lnTo>
                    <a:lnTo>
                      <a:pt x="744" y="323"/>
                    </a:lnTo>
                    <a:lnTo>
                      <a:pt x="740" y="320"/>
                    </a:lnTo>
                    <a:lnTo>
                      <a:pt x="739" y="316"/>
                    </a:lnTo>
                    <a:lnTo>
                      <a:pt x="738" y="311"/>
                    </a:lnTo>
                    <a:lnTo>
                      <a:pt x="736" y="304"/>
                    </a:lnTo>
                    <a:lnTo>
                      <a:pt x="736" y="297"/>
                    </a:lnTo>
                    <a:lnTo>
                      <a:pt x="735" y="281"/>
                    </a:lnTo>
                    <a:lnTo>
                      <a:pt x="732" y="264"/>
                    </a:lnTo>
                    <a:lnTo>
                      <a:pt x="730" y="258"/>
                    </a:lnTo>
                    <a:lnTo>
                      <a:pt x="727" y="251"/>
                    </a:lnTo>
                    <a:lnTo>
                      <a:pt x="722" y="246"/>
                    </a:lnTo>
                    <a:lnTo>
                      <a:pt x="717" y="244"/>
                    </a:lnTo>
                    <a:lnTo>
                      <a:pt x="686" y="228"/>
                    </a:lnTo>
                    <a:lnTo>
                      <a:pt x="649" y="210"/>
                    </a:lnTo>
                    <a:lnTo>
                      <a:pt x="640" y="207"/>
                    </a:lnTo>
                    <a:lnTo>
                      <a:pt x="633" y="206"/>
                    </a:lnTo>
                    <a:lnTo>
                      <a:pt x="626" y="205"/>
                    </a:lnTo>
                    <a:lnTo>
                      <a:pt x="620" y="206"/>
                    </a:lnTo>
                    <a:lnTo>
                      <a:pt x="618" y="207"/>
                    </a:lnTo>
                    <a:lnTo>
                      <a:pt x="616" y="210"/>
                    </a:lnTo>
                    <a:lnTo>
                      <a:pt x="614" y="212"/>
                    </a:lnTo>
                    <a:lnTo>
                      <a:pt x="613" y="215"/>
                    </a:lnTo>
                    <a:lnTo>
                      <a:pt x="613" y="223"/>
                    </a:lnTo>
                    <a:lnTo>
                      <a:pt x="614" y="233"/>
                    </a:lnTo>
                    <a:lnTo>
                      <a:pt x="614" y="238"/>
                    </a:lnTo>
                    <a:lnTo>
                      <a:pt x="614" y="242"/>
                    </a:lnTo>
                    <a:lnTo>
                      <a:pt x="613" y="245"/>
                    </a:lnTo>
                    <a:lnTo>
                      <a:pt x="611" y="246"/>
                    </a:lnTo>
                    <a:lnTo>
                      <a:pt x="604" y="246"/>
                    </a:lnTo>
                    <a:lnTo>
                      <a:pt x="598" y="244"/>
                    </a:lnTo>
                    <a:lnTo>
                      <a:pt x="581" y="232"/>
                    </a:lnTo>
                    <a:lnTo>
                      <a:pt x="570" y="223"/>
                    </a:lnTo>
                    <a:lnTo>
                      <a:pt x="557" y="206"/>
                    </a:lnTo>
                    <a:lnTo>
                      <a:pt x="551" y="193"/>
                    </a:lnTo>
                    <a:lnTo>
                      <a:pt x="550" y="190"/>
                    </a:lnTo>
                    <a:lnTo>
                      <a:pt x="547" y="189"/>
                    </a:lnTo>
                    <a:lnTo>
                      <a:pt x="544" y="189"/>
                    </a:lnTo>
                    <a:lnTo>
                      <a:pt x="542" y="190"/>
                    </a:lnTo>
                    <a:lnTo>
                      <a:pt x="534" y="196"/>
                    </a:lnTo>
                    <a:lnTo>
                      <a:pt x="522" y="206"/>
                    </a:lnTo>
                    <a:lnTo>
                      <a:pt x="508" y="216"/>
                    </a:lnTo>
                    <a:lnTo>
                      <a:pt x="485" y="234"/>
                    </a:lnTo>
                    <a:lnTo>
                      <a:pt x="481" y="238"/>
                    </a:lnTo>
                    <a:lnTo>
                      <a:pt x="476" y="244"/>
                    </a:lnTo>
                    <a:lnTo>
                      <a:pt x="473" y="247"/>
                    </a:lnTo>
                    <a:lnTo>
                      <a:pt x="472" y="251"/>
                    </a:lnTo>
                    <a:lnTo>
                      <a:pt x="472" y="254"/>
                    </a:lnTo>
                    <a:lnTo>
                      <a:pt x="475" y="257"/>
                    </a:lnTo>
                    <a:lnTo>
                      <a:pt x="480" y="258"/>
                    </a:lnTo>
                    <a:lnTo>
                      <a:pt x="486" y="259"/>
                    </a:lnTo>
                    <a:lnTo>
                      <a:pt x="497" y="258"/>
                    </a:lnTo>
                    <a:lnTo>
                      <a:pt x="511" y="257"/>
                    </a:lnTo>
                    <a:lnTo>
                      <a:pt x="517" y="255"/>
                    </a:lnTo>
                    <a:lnTo>
                      <a:pt x="524" y="255"/>
                    </a:lnTo>
                    <a:lnTo>
                      <a:pt x="529" y="255"/>
                    </a:lnTo>
                    <a:lnTo>
                      <a:pt x="532" y="258"/>
                    </a:lnTo>
                    <a:lnTo>
                      <a:pt x="529" y="260"/>
                    </a:lnTo>
                    <a:lnTo>
                      <a:pt x="525" y="266"/>
                    </a:lnTo>
                    <a:lnTo>
                      <a:pt x="522" y="273"/>
                    </a:lnTo>
                    <a:lnTo>
                      <a:pt x="519" y="281"/>
                    </a:lnTo>
                    <a:lnTo>
                      <a:pt x="515" y="288"/>
                    </a:lnTo>
                    <a:lnTo>
                      <a:pt x="508" y="293"/>
                    </a:lnTo>
                    <a:lnTo>
                      <a:pt x="504" y="294"/>
                    </a:lnTo>
                    <a:lnTo>
                      <a:pt x="499" y="295"/>
                    </a:lnTo>
                    <a:lnTo>
                      <a:pt x="494" y="295"/>
                    </a:lnTo>
                    <a:lnTo>
                      <a:pt x="487" y="294"/>
                    </a:lnTo>
                    <a:lnTo>
                      <a:pt x="469" y="289"/>
                    </a:lnTo>
                    <a:lnTo>
                      <a:pt x="446" y="286"/>
                    </a:lnTo>
                    <a:lnTo>
                      <a:pt x="441" y="286"/>
                    </a:lnTo>
                    <a:lnTo>
                      <a:pt x="436" y="286"/>
                    </a:lnTo>
                    <a:lnTo>
                      <a:pt x="432" y="288"/>
                    </a:lnTo>
                    <a:lnTo>
                      <a:pt x="428" y="289"/>
                    </a:lnTo>
                    <a:lnTo>
                      <a:pt x="427" y="291"/>
                    </a:lnTo>
                    <a:lnTo>
                      <a:pt x="425" y="295"/>
                    </a:lnTo>
                    <a:lnTo>
                      <a:pt x="425" y="299"/>
                    </a:lnTo>
                    <a:lnTo>
                      <a:pt x="427" y="304"/>
                    </a:lnTo>
                    <a:lnTo>
                      <a:pt x="433" y="315"/>
                    </a:lnTo>
                    <a:lnTo>
                      <a:pt x="445" y="328"/>
                    </a:lnTo>
                    <a:lnTo>
                      <a:pt x="459" y="343"/>
                    </a:lnTo>
                    <a:lnTo>
                      <a:pt x="476" y="359"/>
                    </a:lnTo>
                    <a:lnTo>
                      <a:pt x="494" y="374"/>
                    </a:lnTo>
                    <a:lnTo>
                      <a:pt x="511" y="387"/>
                    </a:lnTo>
                    <a:lnTo>
                      <a:pt x="519" y="393"/>
                    </a:lnTo>
                    <a:lnTo>
                      <a:pt x="526" y="396"/>
                    </a:lnTo>
                    <a:lnTo>
                      <a:pt x="532" y="399"/>
                    </a:lnTo>
                    <a:lnTo>
                      <a:pt x="537" y="400"/>
                    </a:lnTo>
                    <a:lnTo>
                      <a:pt x="543" y="400"/>
                    </a:lnTo>
                    <a:lnTo>
                      <a:pt x="547" y="402"/>
                    </a:lnTo>
                    <a:lnTo>
                      <a:pt x="550" y="404"/>
                    </a:lnTo>
                    <a:lnTo>
                      <a:pt x="552" y="407"/>
                    </a:lnTo>
                    <a:lnTo>
                      <a:pt x="554" y="411"/>
                    </a:lnTo>
                    <a:lnTo>
                      <a:pt x="554" y="413"/>
                    </a:lnTo>
                    <a:lnTo>
                      <a:pt x="554" y="417"/>
                    </a:lnTo>
                    <a:lnTo>
                      <a:pt x="551" y="421"/>
                    </a:lnTo>
                    <a:lnTo>
                      <a:pt x="548" y="424"/>
                    </a:lnTo>
                    <a:lnTo>
                      <a:pt x="546" y="427"/>
                    </a:lnTo>
                    <a:lnTo>
                      <a:pt x="542" y="430"/>
                    </a:lnTo>
                    <a:lnTo>
                      <a:pt x="538" y="433"/>
                    </a:lnTo>
                    <a:lnTo>
                      <a:pt x="533" y="434"/>
                    </a:lnTo>
                    <a:lnTo>
                      <a:pt x="526" y="434"/>
                    </a:lnTo>
                    <a:lnTo>
                      <a:pt x="520" y="434"/>
                    </a:lnTo>
                    <a:lnTo>
                      <a:pt x="513" y="433"/>
                    </a:lnTo>
                    <a:lnTo>
                      <a:pt x="502" y="429"/>
                    </a:lnTo>
                    <a:lnTo>
                      <a:pt x="491" y="429"/>
                    </a:lnTo>
                    <a:lnTo>
                      <a:pt x="485" y="430"/>
                    </a:lnTo>
                    <a:lnTo>
                      <a:pt x="480" y="433"/>
                    </a:lnTo>
                    <a:lnTo>
                      <a:pt x="476" y="437"/>
                    </a:lnTo>
                    <a:lnTo>
                      <a:pt x="473" y="442"/>
                    </a:lnTo>
                    <a:lnTo>
                      <a:pt x="472" y="448"/>
                    </a:lnTo>
                    <a:lnTo>
                      <a:pt x="471" y="456"/>
                    </a:lnTo>
                    <a:lnTo>
                      <a:pt x="469" y="470"/>
                    </a:lnTo>
                    <a:lnTo>
                      <a:pt x="467" y="483"/>
                    </a:lnTo>
                    <a:lnTo>
                      <a:pt x="465" y="488"/>
                    </a:lnTo>
                    <a:lnTo>
                      <a:pt x="462" y="492"/>
                    </a:lnTo>
                    <a:lnTo>
                      <a:pt x="456" y="496"/>
                    </a:lnTo>
                    <a:lnTo>
                      <a:pt x="449" y="497"/>
                    </a:lnTo>
                    <a:lnTo>
                      <a:pt x="427" y="495"/>
                    </a:lnTo>
                    <a:lnTo>
                      <a:pt x="408" y="492"/>
                    </a:lnTo>
                    <a:lnTo>
                      <a:pt x="406" y="492"/>
                    </a:lnTo>
                    <a:lnTo>
                      <a:pt x="402" y="492"/>
                    </a:lnTo>
                    <a:lnTo>
                      <a:pt x="398" y="494"/>
                    </a:lnTo>
                    <a:lnTo>
                      <a:pt x="396" y="496"/>
                    </a:lnTo>
                    <a:lnTo>
                      <a:pt x="393" y="500"/>
                    </a:lnTo>
                    <a:lnTo>
                      <a:pt x="390" y="504"/>
                    </a:lnTo>
                    <a:lnTo>
                      <a:pt x="388" y="509"/>
                    </a:lnTo>
                    <a:lnTo>
                      <a:pt x="385" y="517"/>
                    </a:lnTo>
                    <a:lnTo>
                      <a:pt x="384" y="525"/>
                    </a:lnTo>
                    <a:lnTo>
                      <a:pt x="381" y="534"/>
                    </a:lnTo>
                    <a:lnTo>
                      <a:pt x="377" y="541"/>
                    </a:lnTo>
                    <a:lnTo>
                      <a:pt x="373" y="548"/>
                    </a:lnTo>
                    <a:lnTo>
                      <a:pt x="370" y="556"/>
                    </a:lnTo>
                    <a:lnTo>
                      <a:pt x="367" y="564"/>
                    </a:lnTo>
                    <a:lnTo>
                      <a:pt x="366" y="569"/>
                    </a:lnTo>
                    <a:lnTo>
                      <a:pt x="366" y="573"/>
                    </a:lnTo>
                    <a:lnTo>
                      <a:pt x="367" y="576"/>
                    </a:lnTo>
                    <a:lnTo>
                      <a:pt x="370" y="580"/>
                    </a:lnTo>
                    <a:lnTo>
                      <a:pt x="372" y="586"/>
                    </a:lnTo>
                    <a:lnTo>
                      <a:pt x="376" y="591"/>
                    </a:lnTo>
                    <a:lnTo>
                      <a:pt x="381" y="593"/>
                    </a:lnTo>
                    <a:lnTo>
                      <a:pt x="386" y="595"/>
                    </a:lnTo>
                    <a:lnTo>
                      <a:pt x="397" y="597"/>
                    </a:lnTo>
                    <a:lnTo>
                      <a:pt x="410" y="600"/>
                    </a:lnTo>
                    <a:lnTo>
                      <a:pt x="416" y="602"/>
                    </a:lnTo>
                    <a:lnTo>
                      <a:pt x="421" y="604"/>
                    </a:lnTo>
                    <a:lnTo>
                      <a:pt x="424" y="606"/>
                    </a:lnTo>
                    <a:lnTo>
                      <a:pt x="425" y="609"/>
                    </a:lnTo>
                    <a:lnTo>
                      <a:pt x="423" y="615"/>
                    </a:lnTo>
                    <a:lnTo>
                      <a:pt x="418" y="622"/>
                    </a:lnTo>
                    <a:lnTo>
                      <a:pt x="412" y="628"/>
                    </a:lnTo>
                    <a:lnTo>
                      <a:pt x="410" y="635"/>
                    </a:lnTo>
                    <a:lnTo>
                      <a:pt x="410" y="639"/>
                    </a:lnTo>
                    <a:lnTo>
                      <a:pt x="411" y="643"/>
                    </a:lnTo>
                    <a:lnTo>
                      <a:pt x="415" y="646"/>
                    </a:lnTo>
                    <a:lnTo>
                      <a:pt x="421" y="650"/>
                    </a:lnTo>
                    <a:lnTo>
                      <a:pt x="430" y="654"/>
                    </a:lnTo>
                    <a:lnTo>
                      <a:pt x="440" y="655"/>
                    </a:lnTo>
                    <a:lnTo>
                      <a:pt x="446" y="653"/>
                    </a:lnTo>
                    <a:lnTo>
                      <a:pt x="451" y="650"/>
                    </a:lnTo>
                    <a:lnTo>
                      <a:pt x="456" y="646"/>
                    </a:lnTo>
                    <a:lnTo>
                      <a:pt x="462" y="644"/>
                    </a:lnTo>
                    <a:lnTo>
                      <a:pt x="467" y="640"/>
                    </a:lnTo>
                    <a:lnTo>
                      <a:pt x="472" y="640"/>
                    </a:lnTo>
                    <a:lnTo>
                      <a:pt x="468" y="667"/>
                    </a:lnTo>
                    <a:lnTo>
                      <a:pt x="463" y="689"/>
                    </a:lnTo>
                    <a:lnTo>
                      <a:pt x="463" y="694"/>
                    </a:lnTo>
                    <a:lnTo>
                      <a:pt x="463" y="700"/>
                    </a:lnTo>
                    <a:lnTo>
                      <a:pt x="464" y="703"/>
                    </a:lnTo>
                    <a:lnTo>
                      <a:pt x="467" y="707"/>
                    </a:lnTo>
                    <a:lnTo>
                      <a:pt x="471" y="710"/>
                    </a:lnTo>
                    <a:lnTo>
                      <a:pt x="476" y="712"/>
                    </a:lnTo>
                    <a:lnTo>
                      <a:pt x="482" y="715"/>
                    </a:lnTo>
                    <a:lnTo>
                      <a:pt x="491" y="718"/>
                    </a:lnTo>
                    <a:lnTo>
                      <a:pt x="521" y="724"/>
                    </a:lnTo>
                    <a:lnTo>
                      <a:pt x="551" y="733"/>
                    </a:lnTo>
                    <a:lnTo>
                      <a:pt x="565" y="738"/>
                    </a:lnTo>
                    <a:lnTo>
                      <a:pt x="581" y="741"/>
                    </a:lnTo>
                    <a:lnTo>
                      <a:pt x="596" y="744"/>
                    </a:lnTo>
                    <a:lnTo>
                      <a:pt x="612" y="745"/>
                    </a:lnTo>
                    <a:lnTo>
                      <a:pt x="612" y="771"/>
                    </a:lnTo>
                    <a:lnTo>
                      <a:pt x="609" y="785"/>
                    </a:lnTo>
                    <a:lnTo>
                      <a:pt x="607" y="790"/>
                    </a:lnTo>
                    <a:lnTo>
                      <a:pt x="604" y="793"/>
                    </a:lnTo>
                    <a:lnTo>
                      <a:pt x="601" y="794"/>
                    </a:lnTo>
                    <a:lnTo>
                      <a:pt x="598" y="794"/>
                    </a:lnTo>
                    <a:lnTo>
                      <a:pt x="587" y="792"/>
                    </a:lnTo>
                    <a:lnTo>
                      <a:pt x="574" y="786"/>
                    </a:lnTo>
                    <a:lnTo>
                      <a:pt x="567" y="784"/>
                    </a:lnTo>
                    <a:lnTo>
                      <a:pt x="557" y="782"/>
                    </a:lnTo>
                    <a:lnTo>
                      <a:pt x="548" y="781"/>
                    </a:lnTo>
                    <a:lnTo>
                      <a:pt x="537" y="780"/>
                    </a:lnTo>
                    <a:lnTo>
                      <a:pt x="530" y="781"/>
                    </a:lnTo>
                    <a:lnTo>
                      <a:pt x="522" y="784"/>
                    </a:lnTo>
                    <a:lnTo>
                      <a:pt x="513" y="788"/>
                    </a:lnTo>
                    <a:lnTo>
                      <a:pt x="506" y="793"/>
                    </a:lnTo>
                    <a:lnTo>
                      <a:pt x="487" y="807"/>
                    </a:lnTo>
                    <a:lnTo>
                      <a:pt x="468" y="824"/>
                    </a:lnTo>
                    <a:lnTo>
                      <a:pt x="433" y="858"/>
                    </a:lnTo>
                    <a:lnTo>
                      <a:pt x="406" y="883"/>
                    </a:lnTo>
                    <a:lnTo>
                      <a:pt x="393" y="894"/>
                    </a:lnTo>
                    <a:lnTo>
                      <a:pt x="379" y="902"/>
                    </a:lnTo>
                    <a:lnTo>
                      <a:pt x="364" y="907"/>
                    </a:lnTo>
                    <a:lnTo>
                      <a:pt x="351" y="909"/>
                    </a:lnTo>
                    <a:lnTo>
                      <a:pt x="323" y="915"/>
                    </a:lnTo>
                    <a:lnTo>
                      <a:pt x="293" y="922"/>
                    </a:lnTo>
                    <a:lnTo>
                      <a:pt x="276" y="930"/>
                    </a:lnTo>
                    <a:lnTo>
                      <a:pt x="261" y="937"/>
                    </a:lnTo>
                    <a:lnTo>
                      <a:pt x="271" y="946"/>
                    </a:lnTo>
                    <a:lnTo>
                      <a:pt x="282" y="952"/>
                    </a:lnTo>
                    <a:lnTo>
                      <a:pt x="294" y="957"/>
                    </a:lnTo>
                    <a:lnTo>
                      <a:pt x="307" y="961"/>
                    </a:lnTo>
                    <a:lnTo>
                      <a:pt x="320" y="964"/>
                    </a:lnTo>
                    <a:lnTo>
                      <a:pt x="335" y="965"/>
                    </a:lnTo>
                    <a:lnTo>
                      <a:pt x="349" y="965"/>
                    </a:lnTo>
                    <a:lnTo>
                      <a:pt x="363" y="965"/>
                    </a:lnTo>
                    <a:lnTo>
                      <a:pt x="392" y="964"/>
                    </a:lnTo>
                    <a:lnTo>
                      <a:pt x="420" y="964"/>
                    </a:lnTo>
                    <a:lnTo>
                      <a:pt x="433" y="964"/>
                    </a:lnTo>
                    <a:lnTo>
                      <a:pt x="446" y="965"/>
                    </a:lnTo>
                    <a:lnTo>
                      <a:pt x="458" y="966"/>
                    </a:lnTo>
                    <a:lnTo>
                      <a:pt x="468" y="969"/>
                    </a:lnTo>
                    <a:lnTo>
                      <a:pt x="478" y="972"/>
                    </a:lnTo>
                    <a:lnTo>
                      <a:pt x="487" y="970"/>
                    </a:lnTo>
                    <a:lnTo>
                      <a:pt x="495" y="969"/>
                    </a:lnTo>
                    <a:lnTo>
                      <a:pt x="503" y="966"/>
                    </a:lnTo>
                    <a:lnTo>
                      <a:pt x="511" y="965"/>
                    </a:lnTo>
                    <a:lnTo>
                      <a:pt x="519" y="965"/>
                    </a:lnTo>
                    <a:lnTo>
                      <a:pt x="521" y="966"/>
                    </a:lnTo>
                    <a:lnTo>
                      <a:pt x="525" y="968"/>
                    </a:lnTo>
                    <a:lnTo>
                      <a:pt x="529" y="972"/>
                    </a:lnTo>
                    <a:lnTo>
                      <a:pt x="532" y="975"/>
                    </a:lnTo>
                    <a:lnTo>
                      <a:pt x="542" y="982"/>
                    </a:lnTo>
                    <a:lnTo>
                      <a:pt x="556" y="988"/>
                    </a:lnTo>
                    <a:lnTo>
                      <a:pt x="564" y="992"/>
                    </a:lnTo>
                    <a:lnTo>
                      <a:pt x="569" y="996"/>
                    </a:lnTo>
                    <a:lnTo>
                      <a:pt x="572" y="999"/>
                    </a:lnTo>
                    <a:lnTo>
                      <a:pt x="573" y="1000"/>
                    </a:lnTo>
                    <a:lnTo>
                      <a:pt x="574" y="1003"/>
                    </a:lnTo>
                    <a:lnTo>
                      <a:pt x="576" y="1005"/>
                    </a:lnTo>
                    <a:lnTo>
                      <a:pt x="530" y="1008"/>
                    </a:lnTo>
                    <a:lnTo>
                      <a:pt x="485" y="1010"/>
                    </a:lnTo>
                    <a:lnTo>
                      <a:pt x="463" y="1012"/>
                    </a:lnTo>
                    <a:lnTo>
                      <a:pt x="441" y="1012"/>
                    </a:lnTo>
                    <a:lnTo>
                      <a:pt x="419" y="1009"/>
                    </a:lnTo>
                    <a:lnTo>
                      <a:pt x="398" y="1005"/>
                    </a:lnTo>
                    <a:lnTo>
                      <a:pt x="377" y="1001"/>
                    </a:lnTo>
                    <a:lnTo>
                      <a:pt x="359" y="1000"/>
                    </a:lnTo>
                    <a:lnTo>
                      <a:pt x="342" y="1000"/>
                    </a:lnTo>
                    <a:lnTo>
                      <a:pt x="327" y="1003"/>
                    </a:lnTo>
                    <a:lnTo>
                      <a:pt x="311" y="1005"/>
                    </a:lnTo>
                    <a:lnTo>
                      <a:pt x="296" y="1009"/>
                    </a:lnTo>
                    <a:lnTo>
                      <a:pt x="279" y="1010"/>
                    </a:lnTo>
                    <a:lnTo>
                      <a:pt x="259" y="1012"/>
                    </a:lnTo>
                    <a:lnTo>
                      <a:pt x="247" y="1012"/>
                    </a:lnTo>
                    <a:lnTo>
                      <a:pt x="237" y="1013"/>
                    </a:lnTo>
                    <a:lnTo>
                      <a:pt x="230" y="1014"/>
                    </a:lnTo>
                    <a:lnTo>
                      <a:pt x="226" y="1017"/>
                    </a:lnTo>
                    <a:lnTo>
                      <a:pt x="222" y="1020"/>
                    </a:lnTo>
                    <a:lnTo>
                      <a:pt x="221" y="1022"/>
                    </a:lnTo>
                    <a:lnTo>
                      <a:pt x="221" y="1026"/>
                    </a:lnTo>
                    <a:lnTo>
                      <a:pt x="222" y="1031"/>
                    </a:lnTo>
                    <a:lnTo>
                      <a:pt x="226" y="1040"/>
                    </a:lnTo>
                    <a:lnTo>
                      <a:pt x="228" y="1053"/>
                    </a:lnTo>
                    <a:lnTo>
                      <a:pt x="228" y="1060"/>
                    </a:lnTo>
                    <a:lnTo>
                      <a:pt x="228" y="1066"/>
                    </a:lnTo>
                    <a:lnTo>
                      <a:pt x="226" y="1074"/>
                    </a:lnTo>
                    <a:lnTo>
                      <a:pt x="222" y="1082"/>
                    </a:lnTo>
                    <a:lnTo>
                      <a:pt x="219" y="1084"/>
                    </a:lnTo>
                    <a:lnTo>
                      <a:pt x="217" y="1086"/>
                    </a:lnTo>
                    <a:lnTo>
                      <a:pt x="213" y="1087"/>
                    </a:lnTo>
                    <a:lnTo>
                      <a:pt x="209" y="1086"/>
                    </a:lnTo>
                    <a:lnTo>
                      <a:pt x="202" y="1083"/>
                    </a:lnTo>
                    <a:lnTo>
                      <a:pt x="195" y="1077"/>
                    </a:lnTo>
                    <a:lnTo>
                      <a:pt x="186" y="1070"/>
                    </a:lnTo>
                    <a:lnTo>
                      <a:pt x="177" y="1064"/>
                    </a:lnTo>
                    <a:lnTo>
                      <a:pt x="167" y="1058"/>
                    </a:lnTo>
                    <a:lnTo>
                      <a:pt x="158" y="1056"/>
                    </a:lnTo>
                    <a:lnTo>
                      <a:pt x="149" y="1057"/>
                    </a:lnTo>
                    <a:lnTo>
                      <a:pt x="138" y="1057"/>
                    </a:lnTo>
                    <a:lnTo>
                      <a:pt x="133" y="1057"/>
                    </a:lnTo>
                    <a:lnTo>
                      <a:pt x="127" y="1057"/>
                    </a:lnTo>
                    <a:lnTo>
                      <a:pt x="122" y="1054"/>
                    </a:lnTo>
                    <a:lnTo>
                      <a:pt x="120" y="1052"/>
                    </a:lnTo>
                    <a:lnTo>
                      <a:pt x="110" y="1042"/>
                    </a:lnTo>
                    <a:lnTo>
                      <a:pt x="104" y="1035"/>
                    </a:lnTo>
                    <a:lnTo>
                      <a:pt x="99" y="1031"/>
                    </a:lnTo>
                    <a:lnTo>
                      <a:pt x="94" y="1030"/>
                    </a:lnTo>
                    <a:lnTo>
                      <a:pt x="79" y="1031"/>
                    </a:lnTo>
                    <a:lnTo>
                      <a:pt x="55" y="1035"/>
                    </a:lnTo>
                    <a:lnTo>
                      <a:pt x="41" y="1036"/>
                    </a:lnTo>
                    <a:lnTo>
                      <a:pt x="17" y="1039"/>
                    </a:lnTo>
                    <a:lnTo>
                      <a:pt x="7" y="1042"/>
                    </a:lnTo>
                    <a:lnTo>
                      <a:pt x="2" y="1045"/>
                    </a:lnTo>
                    <a:lnTo>
                      <a:pt x="0" y="1048"/>
                    </a:lnTo>
                    <a:lnTo>
                      <a:pt x="2" y="1051"/>
                    </a:lnTo>
                    <a:lnTo>
                      <a:pt x="4" y="1053"/>
                    </a:lnTo>
                    <a:lnTo>
                      <a:pt x="9" y="1056"/>
                    </a:lnTo>
                    <a:lnTo>
                      <a:pt x="29" y="1066"/>
                    </a:lnTo>
                    <a:lnTo>
                      <a:pt x="48" y="1074"/>
                    </a:lnTo>
                    <a:lnTo>
                      <a:pt x="69" y="1080"/>
                    </a:lnTo>
                    <a:lnTo>
                      <a:pt x="90" y="1087"/>
                    </a:lnTo>
                    <a:lnTo>
                      <a:pt x="110" y="1093"/>
                    </a:lnTo>
                    <a:lnTo>
                      <a:pt x="131" y="1101"/>
                    </a:lnTo>
                    <a:lnTo>
                      <a:pt x="151" y="1110"/>
                    </a:lnTo>
                    <a:lnTo>
                      <a:pt x="167" y="1121"/>
                    </a:lnTo>
                    <a:lnTo>
                      <a:pt x="177" y="1126"/>
                    </a:lnTo>
                    <a:lnTo>
                      <a:pt x="182" y="1131"/>
                    </a:lnTo>
                    <a:lnTo>
                      <a:pt x="186" y="1135"/>
                    </a:lnTo>
                    <a:lnTo>
                      <a:pt x="188" y="1139"/>
                    </a:lnTo>
                    <a:lnTo>
                      <a:pt x="188" y="1141"/>
                    </a:lnTo>
                    <a:lnTo>
                      <a:pt x="187" y="1143"/>
                    </a:lnTo>
                    <a:lnTo>
                      <a:pt x="183" y="1144"/>
                    </a:lnTo>
                    <a:lnTo>
                      <a:pt x="179" y="1144"/>
                    </a:lnTo>
                    <a:lnTo>
                      <a:pt x="158" y="1143"/>
                    </a:lnTo>
                    <a:lnTo>
                      <a:pt x="136" y="1141"/>
                    </a:lnTo>
                    <a:lnTo>
                      <a:pt x="113" y="1141"/>
                    </a:lnTo>
                    <a:lnTo>
                      <a:pt x="95" y="1144"/>
                    </a:lnTo>
                    <a:lnTo>
                      <a:pt x="86" y="1146"/>
                    </a:lnTo>
                    <a:lnTo>
                      <a:pt x="78" y="1150"/>
                    </a:lnTo>
                    <a:lnTo>
                      <a:pt x="69" y="1157"/>
                    </a:lnTo>
                    <a:lnTo>
                      <a:pt x="60" y="1165"/>
                    </a:lnTo>
                    <a:lnTo>
                      <a:pt x="41" y="1175"/>
                    </a:lnTo>
                    <a:lnTo>
                      <a:pt x="19" y="1185"/>
                    </a:lnTo>
                    <a:lnTo>
                      <a:pt x="15" y="1188"/>
                    </a:lnTo>
                    <a:lnTo>
                      <a:pt x="11" y="1192"/>
                    </a:lnTo>
                    <a:lnTo>
                      <a:pt x="8" y="1194"/>
                    </a:lnTo>
                    <a:lnTo>
                      <a:pt x="6" y="1200"/>
                    </a:lnTo>
                    <a:lnTo>
                      <a:pt x="6" y="1203"/>
                    </a:lnTo>
                    <a:lnTo>
                      <a:pt x="7" y="1209"/>
                    </a:lnTo>
                    <a:lnTo>
                      <a:pt x="9" y="1215"/>
                    </a:lnTo>
                    <a:lnTo>
                      <a:pt x="13" y="1222"/>
                    </a:lnTo>
                    <a:lnTo>
                      <a:pt x="22" y="1231"/>
                    </a:lnTo>
                    <a:lnTo>
                      <a:pt x="30" y="1235"/>
                    </a:lnTo>
                    <a:lnTo>
                      <a:pt x="31" y="1236"/>
                    </a:lnTo>
                    <a:lnTo>
                      <a:pt x="33" y="1240"/>
                    </a:lnTo>
                    <a:lnTo>
                      <a:pt x="33" y="1246"/>
                    </a:lnTo>
                    <a:lnTo>
                      <a:pt x="31" y="1254"/>
                    </a:lnTo>
                    <a:lnTo>
                      <a:pt x="30" y="1263"/>
                    </a:lnTo>
                    <a:lnTo>
                      <a:pt x="31" y="1270"/>
                    </a:lnTo>
                    <a:lnTo>
                      <a:pt x="34" y="1273"/>
                    </a:lnTo>
                    <a:lnTo>
                      <a:pt x="38" y="1276"/>
                    </a:lnTo>
                    <a:lnTo>
                      <a:pt x="51" y="1277"/>
                    </a:lnTo>
                    <a:lnTo>
                      <a:pt x="65" y="1277"/>
                    </a:lnTo>
                    <a:lnTo>
                      <a:pt x="79" y="1276"/>
                    </a:lnTo>
                    <a:lnTo>
                      <a:pt x="99" y="1276"/>
                    </a:lnTo>
                    <a:lnTo>
                      <a:pt x="109" y="1276"/>
                    </a:lnTo>
                    <a:lnTo>
                      <a:pt x="118" y="1277"/>
                    </a:lnTo>
                    <a:lnTo>
                      <a:pt x="122" y="1279"/>
                    </a:lnTo>
                    <a:lnTo>
                      <a:pt x="125" y="1280"/>
                    </a:lnTo>
                    <a:lnTo>
                      <a:pt x="126" y="1282"/>
                    </a:lnTo>
                    <a:lnTo>
                      <a:pt x="126" y="1284"/>
                    </a:lnTo>
                    <a:lnTo>
                      <a:pt x="113" y="1292"/>
                    </a:lnTo>
                    <a:lnTo>
                      <a:pt x="101" y="1301"/>
                    </a:lnTo>
                    <a:lnTo>
                      <a:pt x="91" y="1302"/>
                    </a:lnTo>
                    <a:lnTo>
                      <a:pt x="81" y="1304"/>
                    </a:lnTo>
                    <a:lnTo>
                      <a:pt x="77" y="1306"/>
                    </a:lnTo>
                    <a:lnTo>
                      <a:pt x="73" y="1308"/>
                    </a:lnTo>
                    <a:lnTo>
                      <a:pt x="72" y="1312"/>
                    </a:lnTo>
                    <a:lnTo>
                      <a:pt x="70" y="1317"/>
                    </a:lnTo>
                    <a:lnTo>
                      <a:pt x="70" y="1320"/>
                    </a:lnTo>
                    <a:lnTo>
                      <a:pt x="69" y="1321"/>
                    </a:lnTo>
                    <a:lnTo>
                      <a:pt x="68" y="1323"/>
                    </a:lnTo>
                    <a:lnTo>
                      <a:pt x="65" y="1324"/>
                    </a:lnTo>
                    <a:lnTo>
                      <a:pt x="60" y="1325"/>
                    </a:lnTo>
                    <a:lnTo>
                      <a:pt x="53" y="1327"/>
                    </a:lnTo>
                    <a:lnTo>
                      <a:pt x="41" y="1325"/>
                    </a:lnTo>
                    <a:lnTo>
                      <a:pt x="30" y="1325"/>
                    </a:lnTo>
                    <a:lnTo>
                      <a:pt x="20" y="1328"/>
                    </a:lnTo>
                    <a:lnTo>
                      <a:pt x="13" y="1332"/>
                    </a:lnTo>
                    <a:lnTo>
                      <a:pt x="12" y="1333"/>
                    </a:lnTo>
                    <a:lnTo>
                      <a:pt x="13" y="1336"/>
                    </a:lnTo>
                    <a:lnTo>
                      <a:pt x="17" y="1338"/>
                    </a:lnTo>
                    <a:lnTo>
                      <a:pt x="22" y="1339"/>
                    </a:lnTo>
                    <a:lnTo>
                      <a:pt x="37" y="1342"/>
                    </a:lnTo>
                    <a:lnTo>
                      <a:pt x="50" y="1345"/>
                    </a:lnTo>
                    <a:lnTo>
                      <a:pt x="64" y="1346"/>
                    </a:lnTo>
                    <a:lnTo>
                      <a:pt x="78" y="1347"/>
                    </a:lnTo>
                    <a:lnTo>
                      <a:pt x="107" y="1347"/>
                    </a:lnTo>
                    <a:lnTo>
                      <a:pt x="134" y="1347"/>
                    </a:lnTo>
                    <a:lnTo>
                      <a:pt x="148" y="1345"/>
                    </a:lnTo>
                    <a:lnTo>
                      <a:pt x="165" y="1341"/>
                    </a:lnTo>
                    <a:lnTo>
                      <a:pt x="173" y="1341"/>
                    </a:lnTo>
                    <a:lnTo>
                      <a:pt x="179" y="1341"/>
                    </a:lnTo>
                    <a:lnTo>
                      <a:pt x="183" y="1342"/>
                    </a:lnTo>
                    <a:lnTo>
                      <a:pt x="186" y="1343"/>
                    </a:lnTo>
                    <a:lnTo>
                      <a:pt x="188" y="1345"/>
                    </a:lnTo>
                    <a:lnTo>
                      <a:pt x="191" y="1349"/>
                    </a:lnTo>
                    <a:lnTo>
                      <a:pt x="193" y="1354"/>
                    </a:lnTo>
                    <a:lnTo>
                      <a:pt x="195" y="1358"/>
                    </a:lnTo>
                    <a:lnTo>
                      <a:pt x="193" y="1361"/>
                    </a:lnTo>
                    <a:lnTo>
                      <a:pt x="193" y="1365"/>
                    </a:lnTo>
                    <a:lnTo>
                      <a:pt x="191" y="1369"/>
                    </a:lnTo>
                    <a:lnTo>
                      <a:pt x="187" y="1372"/>
                    </a:lnTo>
                    <a:lnTo>
                      <a:pt x="184" y="1373"/>
                    </a:lnTo>
                    <a:lnTo>
                      <a:pt x="179" y="1376"/>
                    </a:lnTo>
                    <a:lnTo>
                      <a:pt x="170" y="1378"/>
                    </a:lnTo>
                    <a:lnTo>
                      <a:pt x="160" y="1380"/>
                    </a:lnTo>
                    <a:lnTo>
                      <a:pt x="149" y="1381"/>
                    </a:lnTo>
                    <a:lnTo>
                      <a:pt x="142" y="1381"/>
                    </a:lnTo>
                    <a:lnTo>
                      <a:pt x="130" y="1381"/>
                    </a:lnTo>
                    <a:lnTo>
                      <a:pt x="121" y="1382"/>
                    </a:lnTo>
                    <a:lnTo>
                      <a:pt x="113" y="1385"/>
                    </a:lnTo>
                    <a:lnTo>
                      <a:pt x="108" y="1389"/>
                    </a:lnTo>
                    <a:lnTo>
                      <a:pt x="101" y="1394"/>
                    </a:lnTo>
                    <a:lnTo>
                      <a:pt x="98" y="1400"/>
                    </a:lnTo>
                    <a:lnTo>
                      <a:pt x="95" y="1409"/>
                    </a:lnTo>
                    <a:lnTo>
                      <a:pt x="91" y="1420"/>
                    </a:lnTo>
                    <a:lnTo>
                      <a:pt x="99" y="1434"/>
                    </a:lnTo>
                    <a:lnTo>
                      <a:pt x="112" y="1435"/>
                    </a:lnTo>
                    <a:lnTo>
                      <a:pt x="125" y="1434"/>
                    </a:lnTo>
                    <a:lnTo>
                      <a:pt x="136" y="1433"/>
                    </a:lnTo>
                    <a:lnTo>
                      <a:pt x="149" y="1431"/>
                    </a:lnTo>
                    <a:lnTo>
                      <a:pt x="162" y="1429"/>
                    </a:lnTo>
                    <a:lnTo>
                      <a:pt x="175" y="1428"/>
                    </a:lnTo>
                    <a:lnTo>
                      <a:pt x="187" y="1428"/>
                    </a:lnTo>
                    <a:lnTo>
                      <a:pt x="199" y="1428"/>
                    </a:lnTo>
                    <a:lnTo>
                      <a:pt x="206" y="1430"/>
                    </a:lnTo>
                    <a:lnTo>
                      <a:pt x="213" y="1433"/>
                    </a:lnTo>
                    <a:lnTo>
                      <a:pt x="219" y="1437"/>
                    </a:lnTo>
                    <a:lnTo>
                      <a:pt x="226" y="1442"/>
                    </a:lnTo>
                    <a:lnTo>
                      <a:pt x="237" y="1453"/>
                    </a:lnTo>
                    <a:lnTo>
                      <a:pt x="249" y="1465"/>
                    </a:lnTo>
                    <a:lnTo>
                      <a:pt x="256" y="1470"/>
                    </a:lnTo>
                    <a:lnTo>
                      <a:pt x="263" y="1475"/>
                    </a:lnTo>
                    <a:lnTo>
                      <a:pt x="272" y="1479"/>
                    </a:lnTo>
                    <a:lnTo>
                      <a:pt x="282" y="1483"/>
                    </a:lnTo>
                    <a:lnTo>
                      <a:pt x="301" y="1491"/>
                    </a:lnTo>
                    <a:lnTo>
                      <a:pt x="323" y="1496"/>
                    </a:lnTo>
                    <a:lnTo>
                      <a:pt x="345" y="1500"/>
                    </a:lnTo>
                    <a:lnTo>
                      <a:pt x="367" y="1503"/>
                    </a:lnTo>
                    <a:lnTo>
                      <a:pt x="386" y="1504"/>
                    </a:lnTo>
                    <a:lnTo>
                      <a:pt x="405" y="1504"/>
                    </a:lnTo>
                    <a:lnTo>
                      <a:pt x="427" y="1507"/>
                    </a:lnTo>
                    <a:lnTo>
                      <a:pt x="453" y="1509"/>
                    </a:lnTo>
                    <a:lnTo>
                      <a:pt x="465" y="1510"/>
                    </a:lnTo>
                    <a:lnTo>
                      <a:pt x="477" y="1510"/>
                    </a:lnTo>
                    <a:lnTo>
                      <a:pt x="482" y="1509"/>
                    </a:lnTo>
                    <a:lnTo>
                      <a:pt x="487" y="1508"/>
                    </a:lnTo>
                    <a:lnTo>
                      <a:pt x="491" y="1505"/>
                    </a:lnTo>
                    <a:lnTo>
                      <a:pt x="495" y="1503"/>
                    </a:lnTo>
                    <a:lnTo>
                      <a:pt x="504" y="1498"/>
                    </a:lnTo>
                    <a:lnTo>
                      <a:pt x="512" y="1492"/>
                    </a:lnTo>
                    <a:lnTo>
                      <a:pt x="520" y="1486"/>
                    </a:lnTo>
                    <a:lnTo>
                      <a:pt x="525" y="1479"/>
                    </a:lnTo>
                    <a:lnTo>
                      <a:pt x="535" y="1464"/>
                    </a:lnTo>
                    <a:lnTo>
                      <a:pt x="546" y="1447"/>
                    </a:lnTo>
                    <a:lnTo>
                      <a:pt x="550" y="1441"/>
                    </a:lnTo>
                    <a:lnTo>
                      <a:pt x="552" y="1439"/>
                    </a:lnTo>
                    <a:lnTo>
                      <a:pt x="556" y="1441"/>
                    </a:lnTo>
                    <a:lnTo>
                      <a:pt x="559" y="1443"/>
                    </a:lnTo>
                    <a:lnTo>
                      <a:pt x="563" y="1448"/>
                    </a:lnTo>
                    <a:lnTo>
                      <a:pt x="565" y="1455"/>
                    </a:lnTo>
                    <a:lnTo>
                      <a:pt x="570" y="1460"/>
                    </a:lnTo>
                    <a:lnTo>
                      <a:pt x="577" y="1464"/>
                    </a:lnTo>
                    <a:lnTo>
                      <a:pt x="589" y="1468"/>
                    </a:lnTo>
                    <a:lnTo>
                      <a:pt x="598" y="1469"/>
                    </a:lnTo>
                    <a:lnTo>
                      <a:pt x="607" y="1469"/>
                    </a:lnTo>
                    <a:lnTo>
                      <a:pt x="614" y="1468"/>
                    </a:lnTo>
                    <a:lnTo>
                      <a:pt x="621" y="1465"/>
                    </a:lnTo>
                    <a:lnTo>
                      <a:pt x="626" y="1463"/>
                    </a:lnTo>
                    <a:lnTo>
                      <a:pt x="631" y="1457"/>
                    </a:lnTo>
                    <a:lnTo>
                      <a:pt x="635" y="1452"/>
                    </a:lnTo>
                    <a:lnTo>
                      <a:pt x="644" y="1442"/>
                    </a:lnTo>
                    <a:lnTo>
                      <a:pt x="652" y="1431"/>
                    </a:lnTo>
                    <a:lnTo>
                      <a:pt x="656" y="1428"/>
                    </a:lnTo>
                    <a:lnTo>
                      <a:pt x="661" y="1425"/>
                    </a:lnTo>
                    <a:lnTo>
                      <a:pt x="666" y="1424"/>
                    </a:lnTo>
                    <a:lnTo>
                      <a:pt x="673" y="1422"/>
                    </a:lnTo>
                    <a:lnTo>
                      <a:pt x="683" y="1425"/>
                    </a:lnTo>
                    <a:lnTo>
                      <a:pt x="690" y="1428"/>
                    </a:lnTo>
                    <a:lnTo>
                      <a:pt x="696" y="1433"/>
                    </a:lnTo>
                    <a:lnTo>
                      <a:pt x="701" y="1437"/>
                    </a:lnTo>
                    <a:lnTo>
                      <a:pt x="706" y="1441"/>
                    </a:lnTo>
                    <a:lnTo>
                      <a:pt x="715" y="1442"/>
                    </a:lnTo>
                    <a:lnTo>
                      <a:pt x="727" y="1442"/>
                    </a:lnTo>
                    <a:lnTo>
                      <a:pt x="743" y="1437"/>
                    </a:lnTo>
                    <a:lnTo>
                      <a:pt x="750" y="1434"/>
                    </a:lnTo>
                    <a:lnTo>
                      <a:pt x="756" y="1429"/>
                    </a:lnTo>
                    <a:lnTo>
                      <a:pt x="760" y="1425"/>
                    </a:lnTo>
                    <a:lnTo>
                      <a:pt x="762" y="1420"/>
                    </a:lnTo>
                    <a:lnTo>
                      <a:pt x="765" y="1409"/>
                    </a:lnTo>
                    <a:lnTo>
                      <a:pt x="766" y="1400"/>
                    </a:lnTo>
                    <a:lnTo>
                      <a:pt x="767" y="1395"/>
                    </a:lnTo>
                    <a:lnTo>
                      <a:pt x="769" y="1393"/>
                    </a:lnTo>
                    <a:lnTo>
                      <a:pt x="771" y="1390"/>
                    </a:lnTo>
                    <a:lnTo>
                      <a:pt x="775" y="1390"/>
                    </a:lnTo>
                    <a:lnTo>
                      <a:pt x="782" y="1390"/>
                    </a:lnTo>
                    <a:lnTo>
                      <a:pt x="789" y="1393"/>
                    </a:lnTo>
                    <a:lnTo>
                      <a:pt x="798" y="1396"/>
                    </a:lnTo>
                    <a:lnTo>
                      <a:pt x="811" y="1402"/>
                    </a:lnTo>
                    <a:lnTo>
                      <a:pt x="839" y="1411"/>
                    </a:lnTo>
                    <a:lnTo>
                      <a:pt x="879" y="1422"/>
                    </a:lnTo>
                    <a:lnTo>
                      <a:pt x="899" y="1428"/>
                    </a:lnTo>
                    <a:lnTo>
                      <a:pt x="918" y="1430"/>
                    </a:lnTo>
                    <a:lnTo>
                      <a:pt x="932" y="1433"/>
                    </a:lnTo>
                    <a:lnTo>
                      <a:pt x="940" y="1431"/>
                    </a:lnTo>
                    <a:lnTo>
                      <a:pt x="946" y="1426"/>
                    </a:lnTo>
                    <a:lnTo>
                      <a:pt x="953" y="1418"/>
                    </a:lnTo>
                    <a:lnTo>
                      <a:pt x="958" y="1409"/>
                    </a:lnTo>
                    <a:lnTo>
                      <a:pt x="963" y="1403"/>
                    </a:lnTo>
                    <a:lnTo>
                      <a:pt x="966" y="1399"/>
                    </a:lnTo>
                    <a:lnTo>
                      <a:pt x="968" y="1398"/>
                    </a:lnTo>
                    <a:lnTo>
                      <a:pt x="969" y="1396"/>
                    </a:lnTo>
                    <a:lnTo>
                      <a:pt x="972" y="1398"/>
                    </a:lnTo>
                    <a:lnTo>
                      <a:pt x="973" y="1400"/>
                    </a:lnTo>
                    <a:lnTo>
                      <a:pt x="975" y="1404"/>
                    </a:lnTo>
                    <a:lnTo>
                      <a:pt x="977" y="1411"/>
                    </a:lnTo>
                    <a:lnTo>
                      <a:pt x="978" y="1418"/>
                    </a:lnTo>
                    <a:lnTo>
                      <a:pt x="981" y="1433"/>
                    </a:lnTo>
                    <a:lnTo>
                      <a:pt x="984" y="1442"/>
                    </a:lnTo>
                    <a:lnTo>
                      <a:pt x="986" y="1444"/>
                    </a:lnTo>
                    <a:lnTo>
                      <a:pt x="989" y="1447"/>
                    </a:lnTo>
                    <a:lnTo>
                      <a:pt x="991" y="1447"/>
                    </a:lnTo>
                    <a:lnTo>
                      <a:pt x="994" y="1448"/>
                    </a:lnTo>
                    <a:lnTo>
                      <a:pt x="1008" y="1446"/>
                    </a:lnTo>
                    <a:lnTo>
                      <a:pt x="1032" y="1443"/>
                    </a:lnTo>
                    <a:lnTo>
                      <a:pt x="1037" y="1443"/>
                    </a:lnTo>
                    <a:lnTo>
                      <a:pt x="1043" y="1446"/>
                    </a:lnTo>
                    <a:lnTo>
                      <a:pt x="1050" y="1450"/>
                    </a:lnTo>
                    <a:lnTo>
                      <a:pt x="1056" y="1453"/>
                    </a:lnTo>
                    <a:lnTo>
                      <a:pt x="1069" y="1464"/>
                    </a:lnTo>
                    <a:lnTo>
                      <a:pt x="1083" y="1475"/>
                    </a:lnTo>
                    <a:lnTo>
                      <a:pt x="1098" y="1487"/>
                    </a:lnTo>
                    <a:lnTo>
                      <a:pt x="1111" y="1495"/>
                    </a:lnTo>
                    <a:lnTo>
                      <a:pt x="1117" y="1498"/>
                    </a:lnTo>
                    <a:lnTo>
                      <a:pt x="1122" y="1498"/>
                    </a:lnTo>
                    <a:lnTo>
                      <a:pt x="1127" y="1496"/>
                    </a:lnTo>
                    <a:lnTo>
                      <a:pt x="1133" y="1494"/>
                    </a:lnTo>
                    <a:lnTo>
                      <a:pt x="1138" y="1488"/>
                    </a:lnTo>
                    <a:lnTo>
                      <a:pt x="1142" y="1483"/>
                    </a:lnTo>
                    <a:lnTo>
                      <a:pt x="1144" y="1478"/>
                    </a:lnTo>
                    <a:lnTo>
                      <a:pt x="1146" y="1473"/>
                    </a:lnTo>
                    <a:lnTo>
                      <a:pt x="1146" y="1464"/>
                    </a:lnTo>
                    <a:lnTo>
                      <a:pt x="1143" y="1456"/>
                    </a:lnTo>
                    <a:lnTo>
                      <a:pt x="1140" y="1446"/>
                    </a:lnTo>
                    <a:lnTo>
                      <a:pt x="1140" y="1435"/>
                    </a:lnTo>
                    <a:lnTo>
                      <a:pt x="1142" y="1430"/>
                    </a:lnTo>
                    <a:lnTo>
                      <a:pt x="1144" y="1424"/>
                    </a:lnTo>
                    <a:lnTo>
                      <a:pt x="1148" y="1416"/>
                    </a:lnTo>
                    <a:lnTo>
                      <a:pt x="1155" y="1408"/>
                    </a:lnTo>
                    <a:lnTo>
                      <a:pt x="1239" y="1304"/>
                    </a:lnTo>
                    <a:lnTo>
                      <a:pt x="1241" y="1294"/>
                    </a:lnTo>
                    <a:lnTo>
                      <a:pt x="1245" y="1285"/>
                    </a:lnTo>
                    <a:lnTo>
                      <a:pt x="1249" y="1277"/>
                    </a:lnTo>
                    <a:lnTo>
                      <a:pt x="1254" y="1271"/>
                    </a:lnTo>
                    <a:lnTo>
                      <a:pt x="1263" y="1258"/>
                    </a:lnTo>
                    <a:lnTo>
                      <a:pt x="1275" y="1246"/>
                    </a:lnTo>
                    <a:lnTo>
                      <a:pt x="1298" y="1227"/>
                    </a:lnTo>
                    <a:lnTo>
                      <a:pt x="1327" y="1205"/>
                    </a:lnTo>
                    <a:lnTo>
                      <a:pt x="1331" y="1201"/>
                    </a:lnTo>
                    <a:lnTo>
                      <a:pt x="1333" y="1196"/>
                    </a:lnTo>
                    <a:lnTo>
                      <a:pt x="1336" y="1190"/>
                    </a:lnTo>
                    <a:lnTo>
                      <a:pt x="1339" y="1185"/>
                    </a:lnTo>
                    <a:lnTo>
                      <a:pt x="1341" y="1172"/>
                    </a:lnTo>
                    <a:lnTo>
                      <a:pt x="1344" y="1158"/>
                    </a:lnTo>
                    <a:lnTo>
                      <a:pt x="1345" y="1144"/>
                    </a:lnTo>
                    <a:lnTo>
                      <a:pt x="1346" y="1130"/>
                    </a:lnTo>
                    <a:lnTo>
                      <a:pt x="1349" y="1117"/>
                    </a:lnTo>
                    <a:lnTo>
                      <a:pt x="1354" y="1105"/>
                    </a:lnTo>
                    <a:lnTo>
                      <a:pt x="1355" y="1101"/>
                    </a:lnTo>
                    <a:lnTo>
                      <a:pt x="1357" y="1096"/>
                    </a:lnTo>
                    <a:lnTo>
                      <a:pt x="1357" y="1092"/>
                    </a:lnTo>
                    <a:lnTo>
                      <a:pt x="1355" y="1087"/>
                    </a:lnTo>
                    <a:lnTo>
                      <a:pt x="1352" y="1079"/>
                    </a:lnTo>
                    <a:lnTo>
                      <a:pt x="1346" y="1070"/>
                    </a:lnTo>
                    <a:lnTo>
                      <a:pt x="1341" y="1062"/>
                    </a:lnTo>
                    <a:lnTo>
                      <a:pt x="1337" y="1053"/>
                    </a:lnTo>
                    <a:lnTo>
                      <a:pt x="1333" y="1045"/>
                    </a:lnTo>
                    <a:lnTo>
                      <a:pt x="1332" y="1038"/>
                    </a:lnTo>
                    <a:lnTo>
                      <a:pt x="1333" y="1035"/>
                    </a:lnTo>
                    <a:lnTo>
                      <a:pt x="1335" y="1031"/>
                    </a:lnTo>
                    <a:lnTo>
                      <a:pt x="1337" y="1030"/>
                    </a:lnTo>
                    <a:lnTo>
                      <a:pt x="1340" y="1029"/>
                    </a:lnTo>
                    <a:lnTo>
                      <a:pt x="1346" y="1026"/>
                    </a:lnTo>
                    <a:lnTo>
                      <a:pt x="1354" y="1025"/>
                    </a:lnTo>
                    <a:lnTo>
                      <a:pt x="1363" y="1023"/>
                    </a:lnTo>
                    <a:lnTo>
                      <a:pt x="1371" y="1020"/>
                    </a:lnTo>
                    <a:lnTo>
                      <a:pt x="1375" y="1017"/>
                    </a:lnTo>
                    <a:lnTo>
                      <a:pt x="1379" y="1013"/>
                    </a:lnTo>
                    <a:lnTo>
                      <a:pt x="1381" y="1008"/>
                    </a:lnTo>
                    <a:lnTo>
                      <a:pt x="1384" y="1001"/>
                    </a:lnTo>
                    <a:lnTo>
                      <a:pt x="1389" y="973"/>
                    </a:lnTo>
                    <a:lnTo>
                      <a:pt x="1392" y="944"/>
                    </a:lnTo>
                    <a:lnTo>
                      <a:pt x="1393" y="938"/>
                    </a:lnTo>
                    <a:lnTo>
                      <a:pt x="1394" y="931"/>
                    </a:lnTo>
                    <a:lnTo>
                      <a:pt x="1397" y="926"/>
                    </a:lnTo>
                    <a:lnTo>
                      <a:pt x="1401" y="920"/>
                    </a:lnTo>
                    <a:lnTo>
                      <a:pt x="1405" y="915"/>
                    </a:lnTo>
                    <a:lnTo>
                      <a:pt x="1411" y="909"/>
                    </a:lnTo>
                    <a:lnTo>
                      <a:pt x="1418" y="906"/>
                    </a:lnTo>
                    <a:lnTo>
                      <a:pt x="1425" y="902"/>
                    </a:lnTo>
                    <a:lnTo>
                      <a:pt x="1427" y="900"/>
                    </a:lnTo>
                    <a:lnTo>
                      <a:pt x="1427" y="899"/>
                    </a:lnTo>
                    <a:lnTo>
                      <a:pt x="1427" y="898"/>
                    </a:lnTo>
                    <a:lnTo>
                      <a:pt x="1425" y="895"/>
                    </a:lnTo>
                    <a:lnTo>
                      <a:pt x="1423" y="890"/>
                    </a:lnTo>
                    <a:lnTo>
                      <a:pt x="1420" y="883"/>
                    </a:lnTo>
                    <a:lnTo>
                      <a:pt x="1416" y="877"/>
                    </a:lnTo>
                    <a:lnTo>
                      <a:pt x="1412" y="869"/>
                    </a:lnTo>
                    <a:lnTo>
                      <a:pt x="1411" y="863"/>
                    </a:lnTo>
                    <a:lnTo>
                      <a:pt x="1411" y="856"/>
                    </a:lnTo>
                    <a:lnTo>
                      <a:pt x="1418" y="838"/>
                    </a:lnTo>
                    <a:lnTo>
                      <a:pt x="1425" y="820"/>
                    </a:lnTo>
                    <a:lnTo>
                      <a:pt x="1434" y="803"/>
                    </a:lnTo>
                    <a:lnTo>
                      <a:pt x="1441" y="784"/>
                    </a:lnTo>
                    <a:lnTo>
                      <a:pt x="1442" y="779"/>
                    </a:lnTo>
                    <a:lnTo>
                      <a:pt x="1442" y="775"/>
                    </a:lnTo>
                    <a:lnTo>
                      <a:pt x="1442" y="771"/>
                    </a:lnTo>
                    <a:lnTo>
                      <a:pt x="1441" y="768"/>
                    </a:lnTo>
                    <a:lnTo>
                      <a:pt x="1436" y="762"/>
                    </a:lnTo>
                    <a:lnTo>
                      <a:pt x="1429" y="757"/>
                    </a:lnTo>
                    <a:lnTo>
                      <a:pt x="1423" y="750"/>
                    </a:lnTo>
                    <a:lnTo>
                      <a:pt x="1416" y="742"/>
                    </a:lnTo>
                    <a:lnTo>
                      <a:pt x="1412" y="737"/>
                    </a:lnTo>
                    <a:lnTo>
                      <a:pt x="1410" y="731"/>
                    </a:lnTo>
                    <a:lnTo>
                      <a:pt x="1409" y="724"/>
                    </a:lnTo>
                    <a:lnTo>
                      <a:pt x="1407" y="716"/>
                    </a:lnTo>
                    <a:lnTo>
                      <a:pt x="1412" y="688"/>
                    </a:lnTo>
                    <a:lnTo>
                      <a:pt x="1415" y="674"/>
                    </a:lnTo>
                    <a:lnTo>
                      <a:pt x="1416" y="672"/>
                    </a:lnTo>
                    <a:lnTo>
                      <a:pt x="1418" y="672"/>
                    </a:lnTo>
                    <a:lnTo>
                      <a:pt x="1420" y="672"/>
                    </a:lnTo>
                    <a:lnTo>
                      <a:pt x="1423" y="675"/>
                    </a:lnTo>
                    <a:lnTo>
                      <a:pt x="1431" y="683"/>
                    </a:lnTo>
                    <a:lnTo>
                      <a:pt x="1442" y="696"/>
                    </a:lnTo>
                    <a:lnTo>
                      <a:pt x="1447" y="700"/>
                    </a:lnTo>
                    <a:lnTo>
                      <a:pt x="1451" y="703"/>
                    </a:lnTo>
                    <a:lnTo>
                      <a:pt x="1457" y="705"/>
                    </a:lnTo>
                    <a:lnTo>
                      <a:pt x="1459" y="703"/>
                    </a:lnTo>
                    <a:lnTo>
                      <a:pt x="1462" y="702"/>
                    </a:lnTo>
                    <a:lnTo>
                      <a:pt x="1464" y="700"/>
                    </a:lnTo>
                    <a:lnTo>
                      <a:pt x="1467" y="697"/>
                    </a:lnTo>
                    <a:lnTo>
                      <a:pt x="1469" y="693"/>
                    </a:lnTo>
                    <a:lnTo>
                      <a:pt x="1473" y="674"/>
                    </a:lnTo>
                    <a:lnTo>
                      <a:pt x="1476" y="661"/>
                    </a:lnTo>
                    <a:lnTo>
                      <a:pt x="1479" y="659"/>
                    </a:lnTo>
                    <a:lnTo>
                      <a:pt x="1475" y="648"/>
                    </a:lnTo>
                    <a:lnTo>
                      <a:pt x="1472" y="631"/>
                    </a:lnTo>
                    <a:lnTo>
                      <a:pt x="1469" y="623"/>
                    </a:lnTo>
                    <a:lnTo>
                      <a:pt x="1468" y="615"/>
                    </a:lnTo>
                    <a:lnTo>
                      <a:pt x="1466" y="610"/>
                    </a:lnTo>
                    <a:lnTo>
                      <a:pt x="1462" y="605"/>
                    </a:lnTo>
                    <a:lnTo>
                      <a:pt x="1455" y="600"/>
                    </a:lnTo>
                    <a:lnTo>
                      <a:pt x="1446" y="597"/>
                    </a:lnTo>
                    <a:lnTo>
                      <a:pt x="1437" y="595"/>
                    </a:lnTo>
                    <a:lnTo>
                      <a:pt x="1428" y="592"/>
                    </a:lnTo>
                    <a:lnTo>
                      <a:pt x="1418" y="588"/>
                    </a:lnTo>
                    <a:lnTo>
                      <a:pt x="1412" y="584"/>
                    </a:lnTo>
                    <a:lnTo>
                      <a:pt x="1407" y="578"/>
                    </a:lnTo>
                    <a:lnTo>
                      <a:pt x="1403" y="569"/>
                    </a:lnTo>
                    <a:lnTo>
                      <a:pt x="1397" y="548"/>
                    </a:lnTo>
                    <a:lnTo>
                      <a:pt x="1389" y="519"/>
                    </a:lnTo>
                    <a:lnTo>
                      <a:pt x="1383" y="507"/>
                    </a:lnTo>
                    <a:lnTo>
                      <a:pt x="1377" y="496"/>
                    </a:lnTo>
                    <a:lnTo>
                      <a:pt x="1374" y="491"/>
                    </a:lnTo>
                    <a:lnTo>
                      <a:pt x="1370" y="488"/>
                    </a:lnTo>
                    <a:lnTo>
                      <a:pt x="1366" y="486"/>
                    </a:lnTo>
                    <a:lnTo>
                      <a:pt x="1362" y="486"/>
                    </a:lnTo>
                    <a:lnTo>
                      <a:pt x="1353" y="486"/>
                    </a:lnTo>
                    <a:lnTo>
                      <a:pt x="1345" y="487"/>
                    </a:lnTo>
                    <a:lnTo>
                      <a:pt x="1337" y="490"/>
                    </a:lnTo>
                    <a:lnTo>
                      <a:pt x="1330" y="492"/>
                    </a:lnTo>
                    <a:lnTo>
                      <a:pt x="1315" y="500"/>
                    </a:lnTo>
                    <a:lnTo>
                      <a:pt x="1302" y="509"/>
                    </a:lnTo>
                    <a:lnTo>
                      <a:pt x="1291" y="517"/>
                    </a:lnTo>
                    <a:lnTo>
                      <a:pt x="1278" y="526"/>
                    </a:lnTo>
                    <a:lnTo>
                      <a:pt x="1271" y="530"/>
                    </a:lnTo>
                    <a:lnTo>
                      <a:pt x="1265" y="532"/>
                    </a:lnTo>
                    <a:lnTo>
                      <a:pt x="1258" y="535"/>
                    </a:lnTo>
                    <a:lnTo>
                      <a:pt x="1252" y="536"/>
                    </a:lnTo>
                    <a:lnTo>
                      <a:pt x="1240" y="538"/>
                    </a:lnTo>
                    <a:lnTo>
                      <a:pt x="1229" y="536"/>
                    </a:lnTo>
                    <a:lnTo>
                      <a:pt x="1217" y="534"/>
                    </a:lnTo>
                    <a:lnTo>
                      <a:pt x="1205" y="530"/>
                    </a:lnTo>
                    <a:lnTo>
                      <a:pt x="1194" y="525"/>
                    </a:lnTo>
                    <a:lnTo>
                      <a:pt x="1182" y="518"/>
                    </a:lnTo>
                    <a:lnTo>
                      <a:pt x="1172" y="509"/>
                    </a:lnTo>
                    <a:lnTo>
                      <a:pt x="1161" y="501"/>
                    </a:lnTo>
                    <a:lnTo>
                      <a:pt x="1151" y="491"/>
                    </a:lnTo>
                    <a:lnTo>
                      <a:pt x="1142" y="481"/>
                    </a:lnTo>
                    <a:lnTo>
                      <a:pt x="1133" y="470"/>
                    </a:lnTo>
                    <a:lnTo>
                      <a:pt x="1125" y="459"/>
                    </a:lnTo>
                    <a:lnTo>
                      <a:pt x="1117" y="448"/>
                    </a:lnTo>
                    <a:lnTo>
                      <a:pt x="1112" y="437"/>
                    </a:lnTo>
                    <a:lnTo>
                      <a:pt x="1107" y="426"/>
                    </a:lnTo>
                    <a:lnTo>
                      <a:pt x="1103" y="416"/>
                    </a:lnTo>
                    <a:lnTo>
                      <a:pt x="1098" y="400"/>
                    </a:lnTo>
                    <a:lnTo>
                      <a:pt x="1095" y="383"/>
                    </a:lnTo>
                    <a:lnTo>
                      <a:pt x="1095" y="367"/>
                    </a:lnTo>
                    <a:lnTo>
                      <a:pt x="1098" y="350"/>
                    </a:lnTo>
                    <a:lnTo>
                      <a:pt x="1099" y="341"/>
                    </a:lnTo>
                    <a:lnTo>
                      <a:pt x="1102" y="333"/>
                    </a:lnTo>
                    <a:lnTo>
                      <a:pt x="1105" y="325"/>
                    </a:lnTo>
                    <a:lnTo>
                      <a:pt x="1109" y="319"/>
                    </a:lnTo>
                    <a:lnTo>
                      <a:pt x="1115" y="312"/>
                    </a:lnTo>
                    <a:lnTo>
                      <a:pt x="1121" y="307"/>
                    </a:lnTo>
                    <a:lnTo>
                      <a:pt x="1127" y="302"/>
                    </a:lnTo>
                    <a:lnTo>
                      <a:pt x="1135" y="298"/>
                    </a:lnTo>
                    <a:lnTo>
                      <a:pt x="1153" y="294"/>
                    </a:lnTo>
                    <a:lnTo>
                      <a:pt x="1173" y="291"/>
                    </a:lnTo>
                    <a:lnTo>
                      <a:pt x="1177" y="290"/>
                    </a:lnTo>
                    <a:lnTo>
                      <a:pt x="1179" y="289"/>
                    </a:lnTo>
                    <a:lnTo>
                      <a:pt x="1182" y="286"/>
                    </a:lnTo>
                    <a:lnTo>
                      <a:pt x="1183" y="284"/>
                    </a:lnTo>
                    <a:lnTo>
                      <a:pt x="1183" y="280"/>
                    </a:lnTo>
                    <a:lnTo>
                      <a:pt x="1183" y="276"/>
                    </a:lnTo>
                    <a:lnTo>
                      <a:pt x="1181" y="271"/>
                    </a:lnTo>
                    <a:lnTo>
                      <a:pt x="1177" y="264"/>
                    </a:lnTo>
                    <a:lnTo>
                      <a:pt x="1172" y="255"/>
                    </a:lnTo>
                    <a:lnTo>
                      <a:pt x="1166" y="246"/>
                    </a:lnTo>
                    <a:lnTo>
                      <a:pt x="1162" y="236"/>
                    </a:lnTo>
                    <a:lnTo>
                      <a:pt x="1160" y="227"/>
                    </a:lnTo>
                    <a:lnTo>
                      <a:pt x="1160" y="222"/>
                    </a:lnTo>
                    <a:lnTo>
                      <a:pt x="1160" y="218"/>
                    </a:lnTo>
                    <a:lnTo>
                      <a:pt x="1161" y="214"/>
                    </a:lnTo>
                    <a:lnTo>
                      <a:pt x="1164" y="210"/>
                    </a:lnTo>
                    <a:lnTo>
                      <a:pt x="1168" y="206"/>
                    </a:lnTo>
                    <a:lnTo>
                      <a:pt x="1172" y="203"/>
                    </a:lnTo>
                    <a:lnTo>
                      <a:pt x="1177" y="201"/>
                    </a:lnTo>
                    <a:lnTo>
                      <a:pt x="1183" y="198"/>
                    </a:lnTo>
                    <a:lnTo>
                      <a:pt x="1205" y="197"/>
                    </a:lnTo>
                    <a:lnTo>
                      <a:pt x="1231" y="194"/>
                    </a:lnTo>
                    <a:lnTo>
                      <a:pt x="1243" y="192"/>
                    </a:lnTo>
                    <a:lnTo>
                      <a:pt x="1253" y="188"/>
                    </a:lnTo>
                    <a:lnTo>
                      <a:pt x="1256" y="184"/>
                    </a:lnTo>
                    <a:lnTo>
                      <a:pt x="1258" y="180"/>
                    </a:lnTo>
                    <a:lnTo>
                      <a:pt x="1260" y="176"/>
                    </a:lnTo>
                    <a:lnTo>
                      <a:pt x="1260" y="170"/>
                    </a:lnTo>
                    <a:lnTo>
                      <a:pt x="1288" y="128"/>
                    </a:lnTo>
                    <a:lnTo>
                      <a:pt x="1287" y="124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1" name="Freeform 225">
                <a:extLst>
                  <a:ext uri="{FF2B5EF4-FFF2-40B4-BE49-F238E27FC236}">
                    <a16:creationId xmlns:a16="http://schemas.microsoft.com/office/drawing/2014/main" id="{FA2FD08F-A39D-A548-9570-51309A7621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61041" y="2355552"/>
                <a:ext cx="672204" cy="680977"/>
              </a:xfrm>
              <a:custGeom>
                <a:avLst/>
                <a:gdLst/>
                <a:ahLst/>
                <a:cxnLst>
                  <a:cxn ang="0">
                    <a:pos x="1313" y="16"/>
                  </a:cxn>
                  <a:cxn ang="0">
                    <a:pos x="1134" y="21"/>
                  </a:cxn>
                  <a:cxn ang="0">
                    <a:pos x="985" y="126"/>
                  </a:cxn>
                  <a:cxn ang="0">
                    <a:pos x="959" y="194"/>
                  </a:cxn>
                  <a:cxn ang="0">
                    <a:pos x="1056" y="275"/>
                  </a:cxn>
                  <a:cxn ang="0">
                    <a:pos x="915" y="301"/>
                  </a:cxn>
                  <a:cxn ang="0">
                    <a:pos x="911" y="370"/>
                  </a:cxn>
                  <a:cxn ang="0">
                    <a:pos x="831" y="311"/>
                  </a:cxn>
                  <a:cxn ang="0">
                    <a:pos x="739" y="316"/>
                  </a:cxn>
                  <a:cxn ang="0">
                    <a:pos x="626" y="205"/>
                  </a:cxn>
                  <a:cxn ang="0">
                    <a:pos x="581" y="232"/>
                  </a:cxn>
                  <a:cxn ang="0">
                    <a:pos x="473" y="247"/>
                  </a:cxn>
                  <a:cxn ang="0">
                    <a:pos x="522" y="273"/>
                  </a:cxn>
                  <a:cxn ang="0">
                    <a:pos x="427" y="291"/>
                  </a:cxn>
                  <a:cxn ang="0">
                    <a:pos x="543" y="400"/>
                  </a:cxn>
                  <a:cxn ang="0">
                    <a:pos x="520" y="434"/>
                  </a:cxn>
                  <a:cxn ang="0">
                    <a:pos x="456" y="496"/>
                  </a:cxn>
                  <a:cxn ang="0">
                    <a:pos x="377" y="541"/>
                  </a:cxn>
                  <a:cxn ang="0">
                    <a:pos x="416" y="602"/>
                  </a:cxn>
                  <a:cxn ang="0">
                    <a:pos x="446" y="653"/>
                  </a:cxn>
                  <a:cxn ang="0">
                    <a:pos x="482" y="715"/>
                  </a:cxn>
                  <a:cxn ang="0">
                    <a:pos x="587" y="792"/>
                  </a:cxn>
                  <a:cxn ang="0">
                    <a:pos x="393" y="894"/>
                  </a:cxn>
                  <a:cxn ang="0">
                    <a:pos x="349" y="965"/>
                  </a:cxn>
                  <a:cxn ang="0">
                    <a:pos x="521" y="966"/>
                  </a:cxn>
                  <a:cxn ang="0">
                    <a:pos x="463" y="1012"/>
                  </a:cxn>
                  <a:cxn ang="0">
                    <a:pos x="230" y="1014"/>
                  </a:cxn>
                  <a:cxn ang="0">
                    <a:pos x="213" y="1087"/>
                  </a:cxn>
                  <a:cxn ang="0">
                    <a:pos x="110" y="1042"/>
                  </a:cxn>
                  <a:cxn ang="0">
                    <a:pos x="29" y="1066"/>
                  </a:cxn>
                  <a:cxn ang="0">
                    <a:pos x="183" y="1144"/>
                  </a:cxn>
                  <a:cxn ang="0">
                    <a:pos x="8" y="1194"/>
                  </a:cxn>
                  <a:cxn ang="0">
                    <a:pos x="34" y="1273"/>
                  </a:cxn>
                  <a:cxn ang="0">
                    <a:pos x="91" y="1302"/>
                  </a:cxn>
                  <a:cxn ang="0">
                    <a:pos x="20" y="1328"/>
                  </a:cxn>
                  <a:cxn ang="0">
                    <a:pos x="173" y="1341"/>
                  </a:cxn>
                  <a:cxn ang="0">
                    <a:pos x="170" y="1378"/>
                  </a:cxn>
                  <a:cxn ang="0">
                    <a:pos x="125" y="1434"/>
                  </a:cxn>
                  <a:cxn ang="0">
                    <a:pos x="263" y="1475"/>
                  </a:cxn>
                  <a:cxn ang="0">
                    <a:pos x="487" y="1508"/>
                  </a:cxn>
                  <a:cxn ang="0">
                    <a:pos x="565" y="1455"/>
                  </a:cxn>
                  <a:cxn ang="0">
                    <a:pos x="661" y="1425"/>
                  </a:cxn>
                  <a:cxn ang="0">
                    <a:pos x="762" y="1420"/>
                  </a:cxn>
                  <a:cxn ang="0">
                    <a:pos x="918" y="1430"/>
                  </a:cxn>
                  <a:cxn ang="0">
                    <a:pos x="978" y="1418"/>
                  </a:cxn>
                  <a:cxn ang="0">
                    <a:pos x="1083" y="1475"/>
                  </a:cxn>
                  <a:cxn ang="0">
                    <a:pos x="1140" y="1435"/>
                  </a:cxn>
                  <a:cxn ang="0">
                    <a:pos x="1331" y="1201"/>
                  </a:cxn>
                  <a:cxn ang="0">
                    <a:pos x="1352" y="1079"/>
                  </a:cxn>
                  <a:cxn ang="0">
                    <a:pos x="1375" y="1017"/>
                  </a:cxn>
                  <a:cxn ang="0">
                    <a:pos x="1427" y="900"/>
                  </a:cxn>
                  <a:cxn ang="0">
                    <a:pos x="1442" y="779"/>
                  </a:cxn>
                  <a:cxn ang="0">
                    <a:pos x="1416" y="672"/>
                  </a:cxn>
                  <a:cxn ang="0">
                    <a:pos x="1473" y="674"/>
                  </a:cxn>
                  <a:cxn ang="0">
                    <a:pos x="1412" y="584"/>
                  </a:cxn>
                  <a:cxn ang="0">
                    <a:pos x="1330" y="492"/>
                  </a:cxn>
                  <a:cxn ang="0">
                    <a:pos x="1182" y="518"/>
                  </a:cxn>
                  <a:cxn ang="0">
                    <a:pos x="1098" y="350"/>
                  </a:cxn>
                  <a:cxn ang="0">
                    <a:pos x="1183" y="284"/>
                  </a:cxn>
                  <a:cxn ang="0">
                    <a:pos x="1172" y="203"/>
                  </a:cxn>
                </a:cxnLst>
                <a:rect l="0" t="0" r="r" b="b"/>
                <a:pathLst>
                  <a:path w="1479" h="1510">
                    <a:moveTo>
                      <a:pt x="1287" y="124"/>
                    </a:moveTo>
                    <a:lnTo>
                      <a:pt x="1286" y="114"/>
                    </a:lnTo>
                    <a:lnTo>
                      <a:pt x="1287" y="108"/>
                    </a:lnTo>
                    <a:lnTo>
                      <a:pt x="1289" y="101"/>
                    </a:lnTo>
                    <a:lnTo>
                      <a:pt x="1293" y="96"/>
                    </a:lnTo>
                    <a:lnTo>
                      <a:pt x="1297" y="91"/>
                    </a:lnTo>
                    <a:lnTo>
                      <a:pt x="1300" y="86"/>
                    </a:lnTo>
                    <a:lnTo>
                      <a:pt x="1302" y="79"/>
                    </a:lnTo>
                    <a:lnTo>
                      <a:pt x="1304" y="73"/>
                    </a:lnTo>
                    <a:lnTo>
                      <a:pt x="1309" y="53"/>
                    </a:lnTo>
                    <a:lnTo>
                      <a:pt x="1313" y="31"/>
                    </a:lnTo>
                    <a:lnTo>
                      <a:pt x="1314" y="26"/>
                    </a:lnTo>
                    <a:lnTo>
                      <a:pt x="1313" y="21"/>
                    </a:lnTo>
                    <a:lnTo>
                      <a:pt x="1313" y="16"/>
                    </a:lnTo>
                    <a:lnTo>
                      <a:pt x="1310" y="12"/>
                    </a:lnTo>
                    <a:lnTo>
                      <a:pt x="1308" y="9"/>
                    </a:lnTo>
                    <a:lnTo>
                      <a:pt x="1305" y="5"/>
                    </a:lnTo>
                    <a:lnTo>
                      <a:pt x="1300" y="4"/>
                    </a:lnTo>
                    <a:lnTo>
                      <a:pt x="1293" y="3"/>
                    </a:lnTo>
                    <a:lnTo>
                      <a:pt x="1278" y="1"/>
                    </a:lnTo>
                    <a:lnTo>
                      <a:pt x="1260" y="0"/>
                    </a:lnTo>
                    <a:lnTo>
                      <a:pt x="1239" y="1"/>
                    </a:lnTo>
                    <a:lnTo>
                      <a:pt x="1218" y="3"/>
                    </a:lnTo>
                    <a:lnTo>
                      <a:pt x="1199" y="4"/>
                    </a:lnTo>
                    <a:lnTo>
                      <a:pt x="1178" y="8"/>
                    </a:lnTo>
                    <a:lnTo>
                      <a:pt x="1161" y="12"/>
                    </a:lnTo>
                    <a:lnTo>
                      <a:pt x="1146" y="16"/>
                    </a:lnTo>
                    <a:lnTo>
                      <a:pt x="1134" y="21"/>
                    </a:lnTo>
                    <a:lnTo>
                      <a:pt x="1124" y="26"/>
                    </a:lnTo>
                    <a:lnTo>
                      <a:pt x="1115" y="32"/>
                    </a:lnTo>
                    <a:lnTo>
                      <a:pt x="1107" y="39"/>
                    </a:lnTo>
                    <a:lnTo>
                      <a:pt x="1092" y="52"/>
                    </a:lnTo>
                    <a:lnTo>
                      <a:pt x="1074" y="67"/>
                    </a:lnTo>
                    <a:lnTo>
                      <a:pt x="1068" y="78"/>
                    </a:lnTo>
                    <a:lnTo>
                      <a:pt x="1061" y="87"/>
                    </a:lnTo>
                    <a:lnTo>
                      <a:pt x="1055" y="96"/>
                    </a:lnTo>
                    <a:lnTo>
                      <a:pt x="1047" y="105"/>
                    </a:lnTo>
                    <a:lnTo>
                      <a:pt x="1038" y="111"/>
                    </a:lnTo>
                    <a:lnTo>
                      <a:pt x="1028" y="117"/>
                    </a:lnTo>
                    <a:lnTo>
                      <a:pt x="1016" y="122"/>
                    </a:lnTo>
                    <a:lnTo>
                      <a:pt x="1003" y="124"/>
                    </a:lnTo>
                    <a:lnTo>
                      <a:pt x="985" y="126"/>
                    </a:lnTo>
                    <a:lnTo>
                      <a:pt x="960" y="126"/>
                    </a:lnTo>
                    <a:lnTo>
                      <a:pt x="949" y="128"/>
                    </a:lnTo>
                    <a:lnTo>
                      <a:pt x="940" y="131"/>
                    </a:lnTo>
                    <a:lnTo>
                      <a:pt x="936" y="133"/>
                    </a:lnTo>
                    <a:lnTo>
                      <a:pt x="933" y="136"/>
                    </a:lnTo>
                    <a:lnTo>
                      <a:pt x="931" y="140"/>
                    </a:lnTo>
                    <a:lnTo>
                      <a:pt x="931" y="144"/>
                    </a:lnTo>
                    <a:lnTo>
                      <a:pt x="931" y="152"/>
                    </a:lnTo>
                    <a:lnTo>
                      <a:pt x="933" y="161"/>
                    </a:lnTo>
                    <a:lnTo>
                      <a:pt x="936" y="167"/>
                    </a:lnTo>
                    <a:lnTo>
                      <a:pt x="941" y="175"/>
                    </a:lnTo>
                    <a:lnTo>
                      <a:pt x="946" y="181"/>
                    </a:lnTo>
                    <a:lnTo>
                      <a:pt x="951" y="188"/>
                    </a:lnTo>
                    <a:lnTo>
                      <a:pt x="959" y="194"/>
                    </a:lnTo>
                    <a:lnTo>
                      <a:pt x="966" y="200"/>
                    </a:lnTo>
                    <a:lnTo>
                      <a:pt x="982" y="210"/>
                    </a:lnTo>
                    <a:lnTo>
                      <a:pt x="999" y="219"/>
                    </a:lnTo>
                    <a:lnTo>
                      <a:pt x="1015" y="228"/>
                    </a:lnTo>
                    <a:lnTo>
                      <a:pt x="1030" y="234"/>
                    </a:lnTo>
                    <a:lnTo>
                      <a:pt x="1046" y="238"/>
                    </a:lnTo>
                    <a:lnTo>
                      <a:pt x="1073" y="245"/>
                    </a:lnTo>
                    <a:lnTo>
                      <a:pt x="1083" y="249"/>
                    </a:lnTo>
                    <a:lnTo>
                      <a:pt x="1091" y="253"/>
                    </a:lnTo>
                    <a:lnTo>
                      <a:pt x="1092" y="255"/>
                    </a:lnTo>
                    <a:lnTo>
                      <a:pt x="1091" y="258"/>
                    </a:lnTo>
                    <a:lnTo>
                      <a:pt x="1089" y="260"/>
                    </a:lnTo>
                    <a:lnTo>
                      <a:pt x="1083" y="263"/>
                    </a:lnTo>
                    <a:lnTo>
                      <a:pt x="1056" y="275"/>
                    </a:lnTo>
                    <a:lnTo>
                      <a:pt x="1034" y="285"/>
                    </a:lnTo>
                    <a:lnTo>
                      <a:pt x="1023" y="288"/>
                    </a:lnTo>
                    <a:lnTo>
                      <a:pt x="1011" y="290"/>
                    </a:lnTo>
                    <a:lnTo>
                      <a:pt x="998" y="289"/>
                    </a:lnTo>
                    <a:lnTo>
                      <a:pt x="984" y="285"/>
                    </a:lnTo>
                    <a:lnTo>
                      <a:pt x="972" y="282"/>
                    </a:lnTo>
                    <a:lnTo>
                      <a:pt x="962" y="281"/>
                    </a:lnTo>
                    <a:lnTo>
                      <a:pt x="953" y="281"/>
                    </a:lnTo>
                    <a:lnTo>
                      <a:pt x="944" y="282"/>
                    </a:lnTo>
                    <a:lnTo>
                      <a:pt x="936" y="284"/>
                    </a:lnTo>
                    <a:lnTo>
                      <a:pt x="928" y="288"/>
                    </a:lnTo>
                    <a:lnTo>
                      <a:pt x="923" y="291"/>
                    </a:lnTo>
                    <a:lnTo>
                      <a:pt x="918" y="295"/>
                    </a:lnTo>
                    <a:lnTo>
                      <a:pt x="915" y="301"/>
                    </a:lnTo>
                    <a:lnTo>
                      <a:pt x="912" y="307"/>
                    </a:lnTo>
                    <a:lnTo>
                      <a:pt x="912" y="314"/>
                    </a:lnTo>
                    <a:lnTo>
                      <a:pt x="915" y="321"/>
                    </a:lnTo>
                    <a:lnTo>
                      <a:pt x="919" y="329"/>
                    </a:lnTo>
                    <a:lnTo>
                      <a:pt x="924" y="338"/>
                    </a:lnTo>
                    <a:lnTo>
                      <a:pt x="933" y="347"/>
                    </a:lnTo>
                    <a:lnTo>
                      <a:pt x="944" y="356"/>
                    </a:lnTo>
                    <a:lnTo>
                      <a:pt x="947" y="360"/>
                    </a:lnTo>
                    <a:lnTo>
                      <a:pt x="949" y="363"/>
                    </a:lnTo>
                    <a:lnTo>
                      <a:pt x="950" y="365"/>
                    </a:lnTo>
                    <a:lnTo>
                      <a:pt x="949" y="367"/>
                    </a:lnTo>
                    <a:lnTo>
                      <a:pt x="944" y="369"/>
                    </a:lnTo>
                    <a:lnTo>
                      <a:pt x="934" y="370"/>
                    </a:lnTo>
                    <a:lnTo>
                      <a:pt x="911" y="370"/>
                    </a:lnTo>
                    <a:lnTo>
                      <a:pt x="894" y="373"/>
                    </a:lnTo>
                    <a:lnTo>
                      <a:pt x="889" y="373"/>
                    </a:lnTo>
                    <a:lnTo>
                      <a:pt x="885" y="373"/>
                    </a:lnTo>
                    <a:lnTo>
                      <a:pt x="883" y="372"/>
                    </a:lnTo>
                    <a:lnTo>
                      <a:pt x="881" y="369"/>
                    </a:lnTo>
                    <a:lnTo>
                      <a:pt x="879" y="361"/>
                    </a:lnTo>
                    <a:lnTo>
                      <a:pt x="877" y="352"/>
                    </a:lnTo>
                    <a:lnTo>
                      <a:pt x="876" y="342"/>
                    </a:lnTo>
                    <a:lnTo>
                      <a:pt x="874" y="333"/>
                    </a:lnTo>
                    <a:lnTo>
                      <a:pt x="871" y="328"/>
                    </a:lnTo>
                    <a:lnTo>
                      <a:pt x="868" y="324"/>
                    </a:lnTo>
                    <a:lnTo>
                      <a:pt x="863" y="321"/>
                    </a:lnTo>
                    <a:lnTo>
                      <a:pt x="858" y="320"/>
                    </a:lnTo>
                    <a:lnTo>
                      <a:pt x="831" y="311"/>
                    </a:lnTo>
                    <a:lnTo>
                      <a:pt x="809" y="302"/>
                    </a:lnTo>
                    <a:lnTo>
                      <a:pt x="804" y="302"/>
                    </a:lnTo>
                    <a:lnTo>
                      <a:pt x="797" y="301"/>
                    </a:lnTo>
                    <a:lnTo>
                      <a:pt x="792" y="301"/>
                    </a:lnTo>
                    <a:lnTo>
                      <a:pt x="787" y="302"/>
                    </a:lnTo>
                    <a:lnTo>
                      <a:pt x="780" y="303"/>
                    </a:lnTo>
                    <a:lnTo>
                      <a:pt x="774" y="307"/>
                    </a:lnTo>
                    <a:lnTo>
                      <a:pt x="767" y="311"/>
                    </a:lnTo>
                    <a:lnTo>
                      <a:pt x="761" y="315"/>
                    </a:lnTo>
                    <a:lnTo>
                      <a:pt x="753" y="320"/>
                    </a:lnTo>
                    <a:lnTo>
                      <a:pt x="748" y="323"/>
                    </a:lnTo>
                    <a:lnTo>
                      <a:pt x="744" y="323"/>
                    </a:lnTo>
                    <a:lnTo>
                      <a:pt x="740" y="320"/>
                    </a:lnTo>
                    <a:lnTo>
                      <a:pt x="739" y="316"/>
                    </a:lnTo>
                    <a:lnTo>
                      <a:pt x="738" y="311"/>
                    </a:lnTo>
                    <a:lnTo>
                      <a:pt x="736" y="304"/>
                    </a:lnTo>
                    <a:lnTo>
                      <a:pt x="736" y="297"/>
                    </a:lnTo>
                    <a:lnTo>
                      <a:pt x="735" y="281"/>
                    </a:lnTo>
                    <a:lnTo>
                      <a:pt x="732" y="264"/>
                    </a:lnTo>
                    <a:lnTo>
                      <a:pt x="730" y="258"/>
                    </a:lnTo>
                    <a:lnTo>
                      <a:pt x="727" y="251"/>
                    </a:lnTo>
                    <a:lnTo>
                      <a:pt x="722" y="246"/>
                    </a:lnTo>
                    <a:lnTo>
                      <a:pt x="717" y="244"/>
                    </a:lnTo>
                    <a:lnTo>
                      <a:pt x="686" y="228"/>
                    </a:lnTo>
                    <a:lnTo>
                      <a:pt x="649" y="210"/>
                    </a:lnTo>
                    <a:lnTo>
                      <a:pt x="640" y="207"/>
                    </a:lnTo>
                    <a:lnTo>
                      <a:pt x="633" y="206"/>
                    </a:lnTo>
                    <a:lnTo>
                      <a:pt x="626" y="205"/>
                    </a:lnTo>
                    <a:lnTo>
                      <a:pt x="620" y="206"/>
                    </a:lnTo>
                    <a:lnTo>
                      <a:pt x="618" y="207"/>
                    </a:lnTo>
                    <a:lnTo>
                      <a:pt x="616" y="210"/>
                    </a:lnTo>
                    <a:lnTo>
                      <a:pt x="614" y="212"/>
                    </a:lnTo>
                    <a:lnTo>
                      <a:pt x="613" y="215"/>
                    </a:lnTo>
                    <a:lnTo>
                      <a:pt x="613" y="223"/>
                    </a:lnTo>
                    <a:lnTo>
                      <a:pt x="614" y="233"/>
                    </a:lnTo>
                    <a:lnTo>
                      <a:pt x="614" y="238"/>
                    </a:lnTo>
                    <a:lnTo>
                      <a:pt x="614" y="242"/>
                    </a:lnTo>
                    <a:lnTo>
                      <a:pt x="613" y="245"/>
                    </a:lnTo>
                    <a:lnTo>
                      <a:pt x="611" y="246"/>
                    </a:lnTo>
                    <a:lnTo>
                      <a:pt x="604" y="246"/>
                    </a:lnTo>
                    <a:lnTo>
                      <a:pt x="598" y="244"/>
                    </a:lnTo>
                    <a:lnTo>
                      <a:pt x="581" y="232"/>
                    </a:lnTo>
                    <a:lnTo>
                      <a:pt x="570" y="223"/>
                    </a:lnTo>
                    <a:lnTo>
                      <a:pt x="557" y="206"/>
                    </a:lnTo>
                    <a:lnTo>
                      <a:pt x="551" y="193"/>
                    </a:lnTo>
                    <a:lnTo>
                      <a:pt x="550" y="190"/>
                    </a:lnTo>
                    <a:lnTo>
                      <a:pt x="547" y="189"/>
                    </a:lnTo>
                    <a:lnTo>
                      <a:pt x="544" y="189"/>
                    </a:lnTo>
                    <a:lnTo>
                      <a:pt x="542" y="190"/>
                    </a:lnTo>
                    <a:lnTo>
                      <a:pt x="534" y="196"/>
                    </a:lnTo>
                    <a:lnTo>
                      <a:pt x="522" y="206"/>
                    </a:lnTo>
                    <a:lnTo>
                      <a:pt x="508" y="216"/>
                    </a:lnTo>
                    <a:lnTo>
                      <a:pt x="485" y="234"/>
                    </a:lnTo>
                    <a:lnTo>
                      <a:pt x="481" y="238"/>
                    </a:lnTo>
                    <a:lnTo>
                      <a:pt x="476" y="244"/>
                    </a:lnTo>
                    <a:lnTo>
                      <a:pt x="473" y="247"/>
                    </a:lnTo>
                    <a:lnTo>
                      <a:pt x="472" y="251"/>
                    </a:lnTo>
                    <a:lnTo>
                      <a:pt x="472" y="254"/>
                    </a:lnTo>
                    <a:lnTo>
                      <a:pt x="475" y="257"/>
                    </a:lnTo>
                    <a:lnTo>
                      <a:pt x="480" y="258"/>
                    </a:lnTo>
                    <a:lnTo>
                      <a:pt x="486" y="259"/>
                    </a:lnTo>
                    <a:lnTo>
                      <a:pt x="497" y="258"/>
                    </a:lnTo>
                    <a:lnTo>
                      <a:pt x="511" y="257"/>
                    </a:lnTo>
                    <a:lnTo>
                      <a:pt x="517" y="255"/>
                    </a:lnTo>
                    <a:lnTo>
                      <a:pt x="524" y="255"/>
                    </a:lnTo>
                    <a:lnTo>
                      <a:pt x="529" y="255"/>
                    </a:lnTo>
                    <a:lnTo>
                      <a:pt x="532" y="258"/>
                    </a:lnTo>
                    <a:lnTo>
                      <a:pt x="529" y="260"/>
                    </a:lnTo>
                    <a:lnTo>
                      <a:pt x="525" y="266"/>
                    </a:lnTo>
                    <a:lnTo>
                      <a:pt x="522" y="273"/>
                    </a:lnTo>
                    <a:lnTo>
                      <a:pt x="519" y="281"/>
                    </a:lnTo>
                    <a:lnTo>
                      <a:pt x="515" y="288"/>
                    </a:lnTo>
                    <a:lnTo>
                      <a:pt x="508" y="293"/>
                    </a:lnTo>
                    <a:lnTo>
                      <a:pt x="504" y="294"/>
                    </a:lnTo>
                    <a:lnTo>
                      <a:pt x="499" y="295"/>
                    </a:lnTo>
                    <a:lnTo>
                      <a:pt x="494" y="295"/>
                    </a:lnTo>
                    <a:lnTo>
                      <a:pt x="487" y="294"/>
                    </a:lnTo>
                    <a:lnTo>
                      <a:pt x="469" y="289"/>
                    </a:lnTo>
                    <a:lnTo>
                      <a:pt x="446" y="286"/>
                    </a:lnTo>
                    <a:lnTo>
                      <a:pt x="441" y="286"/>
                    </a:lnTo>
                    <a:lnTo>
                      <a:pt x="436" y="286"/>
                    </a:lnTo>
                    <a:lnTo>
                      <a:pt x="432" y="288"/>
                    </a:lnTo>
                    <a:lnTo>
                      <a:pt x="428" y="289"/>
                    </a:lnTo>
                    <a:lnTo>
                      <a:pt x="427" y="291"/>
                    </a:lnTo>
                    <a:lnTo>
                      <a:pt x="425" y="295"/>
                    </a:lnTo>
                    <a:lnTo>
                      <a:pt x="425" y="299"/>
                    </a:lnTo>
                    <a:lnTo>
                      <a:pt x="427" y="304"/>
                    </a:lnTo>
                    <a:lnTo>
                      <a:pt x="433" y="315"/>
                    </a:lnTo>
                    <a:lnTo>
                      <a:pt x="445" y="328"/>
                    </a:lnTo>
                    <a:lnTo>
                      <a:pt x="459" y="343"/>
                    </a:lnTo>
                    <a:lnTo>
                      <a:pt x="476" y="359"/>
                    </a:lnTo>
                    <a:lnTo>
                      <a:pt x="494" y="374"/>
                    </a:lnTo>
                    <a:lnTo>
                      <a:pt x="511" y="387"/>
                    </a:lnTo>
                    <a:lnTo>
                      <a:pt x="519" y="393"/>
                    </a:lnTo>
                    <a:lnTo>
                      <a:pt x="526" y="396"/>
                    </a:lnTo>
                    <a:lnTo>
                      <a:pt x="532" y="399"/>
                    </a:lnTo>
                    <a:lnTo>
                      <a:pt x="537" y="400"/>
                    </a:lnTo>
                    <a:lnTo>
                      <a:pt x="543" y="400"/>
                    </a:lnTo>
                    <a:lnTo>
                      <a:pt x="547" y="402"/>
                    </a:lnTo>
                    <a:lnTo>
                      <a:pt x="550" y="404"/>
                    </a:lnTo>
                    <a:lnTo>
                      <a:pt x="552" y="407"/>
                    </a:lnTo>
                    <a:lnTo>
                      <a:pt x="554" y="411"/>
                    </a:lnTo>
                    <a:lnTo>
                      <a:pt x="554" y="413"/>
                    </a:lnTo>
                    <a:lnTo>
                      <a:pt x="554" y="417"/>
                    </a:lnTo>
                    <a:lnTo>
                      <a:pt x="551" y="421"/>
                    </a:lnTo>
                    <a:lnTo>
                      <a:pt x="548" y="424"/>
                    </a:lnTo>
                    <a:lnTo>
                      <a:pt x="546" y="427"/>
                    </a:lnTo>
                    <a:lnTo>
                      <a:pt x="542" y="430"/>
                    </a:lnTo>
                    <a:lnTo>
                      <a:pt x="538" y="433"/>
                    </a:lnTo>
                    <a:lnTo>
                      <a:pt x="533" y="434"/>
                    </a:lnTo>
                    <a:lnTo>
                      <a:pt x="526" y="434"/>
                    </a:lnTo>
                    <a:lnTo>
                      <a:pt x="520" y="434"/>
                    </a:lnTo>
                    <a:lnTo>
                      <a:pt x="513" y="433"/>
                    </a:lnTo>
                    <a:lnTo>
                      <a:pt x="502" y="429"/>
                    </a:lnTo>
                    <a:lnTo>
                      <a:pt x="491" y="429"/>
                    </a:lnTo>
                    <a:lnTo>
                      <a:pt x="485" y="430"/>
                    </a:lnTo>
                    <a:lnTo>
                      <a:pt x="480" y="433"/>
                    </a:lnTo>
                    <a:lnTo>
                      <a:pt x="476" y="437"/>
                    </a:lnTo>
                    <a:lnTo>
                      <a:pt x="473" y="442"/>
                    </a:lnTo>
                    <a:lnTo>
                      <a:pt x="472" y="448"/>
                    </a:lnTo>
                    <a:lnTo>
                      <a:pt x="471" y="456"/>
                    </a:lnTo>
                    <a:lnTo>
                      <a:pt x="469" y="470"/>
                    </a:lnTo>
                    <a:lnTo>
                      <a:pt x="467" y="483"/>
                    </a:lnTo>
                    <a:lnTo>
                      <a:pt x="465" y="488"/>
                    </a:lnTo>
                    <a:lnTo>
                      <a:pt x="462" y="492"/>
                    </a:lnTo>
                    <a:lnTo>
                      <a:pt x="456" y="496"/>
                    </a:lnTo>
                    <a:lnTo>
                      <a:pt x="449" y="497"/>
                    </a:lnTo>
                    <a:lnTo>
                      <a:pt x="427" y="495"/>
                    </a:lnTo>
                    <a:lnTo>
                      <a:pt x="408" y="492"/>
                    </a:lnTo>
                    <a:lnTo>
                      <a:pt x="406" y="492"/>
                    </a:lnTo>
                    <a:lnTo>
                      <a:pt x="402" y="492"/>
                    </a:lnTo>
                    <a:lnTo>
                      <a:pt x="398" y="494"/>
                    </a:lnTo>
                    <a:lnTo>
                      <a:pt x="396" y="496"/>
                    </a:lnTo>
                    <a:lnTo>
                      <a:pt x="393" y="500"/>
                    </a:lnTo>
                    <a:lnTo>
                      <a:pt x="390" y="504"/>
                    </a:lnTo>
                    <a:lnTo>
                      <a:pt x="388" y="509"/>
                    </a:lnTo>
                    <a:lnTo>
                      <a:pt x="385" y="517"/>
                    </a:lnTo>
                    <a:lnTo>
                      <a:pt x="384" y="525"/>
                    </a:lnTo>
                    <a:lnTo>
                      <a:pt x="381" y="534"/>
                    </a:lnTo>
                    <a:lnTo>
                      <a:pt x="377" y="541"/>
                    </a:lnTo>
                    <a:lnTo>
                      <a:pt x="373" y="548"/>
                    </a:lnTo>
                    <a:lnTo>
                      <a:pt x="370" y="556"/>
                    </a:lnTo>
                    <a:lnTo>
                      <a:pt x="367" y="564"/>
                    </a:lnTo>
                    <a:lnTo>
                      <a:pt x="366" y="569"/>
                    </a:lnTo>
                    <a:lnTo>
                      <a:pt x="366" y="573"/>
                    </a:lnTo>
                    <a:lnTo>
                      <a:pt x="367" y="576"/>
                    </a:lnTo>
                    <a:lnTo>
                      <a:pt x="370" y="580"/>
                    </a:lnTo>
                    <a:lnTo>
                      <a:pt x="372" y="586"/>
                    </a:lnTo>
                    <a:lnTo>
                      <a:pt x="376" y="591"/>
                    </a:lnTo>
                    <a:lnTo>
                      <a:pt x="381" y="593"/>
                    </a:lnTo>
                    <a:lnTo>
                      <a:pt x="386" y="595"/>
                    </a:lnTo>
                    <a:lnTo>
                      <a:pt x="397" y="597"/>
                    </a:lnTo>
                    <a:lnTo>
                      <a:pt x="410" y="600"/>
                    </a:lnTo>
                    <a:lnTo>
                      <a:pt x="416" y="602"/>
                    </a:lnTo>
                    <a:lnTo>
                      <a:pt x="421" y="604"/>
                    </a:lnTo>
                    <a:lnTo>
                      <a:pt x="424" y="606"/>
                    </a:lnTo>
                    <a:lnTo>
                      <a:pt x="425" y="609"/>
                    </a:lnTo>
                    <a:lnTo>
                      <a:pt x="423" y="615"/>
                    </a:lnTo>
                    <a:lnTo>
                      <a:pt x="418" y="622"/>
                    </a:lnTo>
                    <a:lnTo>
                      <a:pt x="412" y="628"/>
                    </a:lnTo>
                    <a:lnTo>
                      <a:pt x="410" y="635"/>
                    </a:lnTo>
                    <a:lnTo>
                      <a:pt x="410" y="639"/>
                    </a:lnTo>
                    <a:lnTo>
                      <a:pt x="411" y="643"/>
                    </a:lnTo>
                    <a:lnTo>
                      <a:pt x="415" y="646"/>
                    </a:lnTo>
                    <a:lnTo>
                      <a:pt x="421" y="650"/>
                    </a:lnTo>
                    <a:lnTo>
                      <a:pt x="430" y="654"/>
                    </a:lnTo>
                    <a:lnTo>
                      <a:pt x="440" y="655"/>
                    </a:lnTo>
                    <a:lnTo>
                      <a:pt x="446" y="653"/>
                    </a:lnTo>
                    <a:lnTo>
                      <a:pt x="451" y="650"/>
                    </a:lnTo>
                    <a:lnTo>
                      <a:pt x="456" y="646"/>
                    </a:lnTo>
                    <a:lnTo>
                      <a:pt x="462" y="644"/>
                    </a:lnTo>
                    <a:lnTo>
                      <a:pt x="467" y="640"/>
                    </a:lnTo>
                    <a:lnTo>
                      <a:pt x="472" y="640"/>
                    </a:lnTo>
                    <a:lnTo>
                      <a:pt x="468" y="667"/>
                    </a:lnTo>
                    <a:lnTo>
                      <a:pt x="463" y="689"/>
                    </a:lnTo>
                    <a:lnTo>
                      <a:pt x="463" y="694"/>
                    </a:lnTo>
                    <a:lnTo>
                      <a:pt x="463" y="700"/>
                    </a:lnTo>
                    <a:lnTo>
                      <a:pt x="464" y="703"/>
                    </a:lnTo>
                    <a:lnTo>
                      <a:pt x="467" y="707"/>
                    </a:lnTo>
                    <a:lnTo>
                      <a:pt x="471" y="710"/>
                    </a:lnTo>
                    <a:lnTo>
                      <a:pt x="476" y="712"/>
                    </a:lnTo>
                    <a:lnTo>
                      <a:pt x="482" y="715"/>
                    </a:lnTo>
                    <a:lnTo>
                      <a:pt x="491" y="718"/>
                    </a:lnTo>
                    <a:lnTo>
                      <a:pt x="521" y="724"/>
                    </a:lnTo>
                    <a:lnTo>
                      <a:pt x="551" y="733"/>
                    </a:lnTo>
                    <a:lnTo>
                      <a:pt x="565" y="738"/>
                    </a:lnTo>
                    <a:lnTo>
                      <a:pt x="581" y="741"/>
                    </a:lnTo>
                    <a:lnTo>
                      <a:pt x="596" y="744"/>
                    </a:lnTo>
                    <a:lnTo>
                      <a:pt x="612" y="745"/>
                    </a:lnTo>
                    <a:lnTo>
                      <a:pt x="612" y="771"/>
                    </a:lnTo>
                    <a:lnTo>
                      <a:pt x="609" y="785"/>
                    </a:lnTo>
                    <a:lnTo>
                      <a:pt x="607" y="790"/>
                    </a:lnTo>
                    <a:lnTo>
                      <a:pt x="604" y="793"/>
                    </a:lnTo>
                    <a:lnTo>
                      <a:pt x="601" y="794"/>
                    </a:lnTo>
                    <a:lnTo>
                      <a:pt x="598" y="794"/>
                    </a:lnTo>
                    <a:lnTo>
                      <a:pt x="587" y="792"/>
                    </a:lnTo>
                    <a:lnTo>
                      <a:pt x="574" y="786"/>
                    </a:lnTo>
                    <a:lnTo>
                      <a:pt x="567" y="784"/>
                    </a:lnTo>
                    <a:lnTo>
                      <a:pt x="557" y="782"/>
                    </a:lnTo>
                    <a:lnTo>
                      <a:pt x="548" y="781"/>
                    </a:lnTo>
                    <a:lnTo>
                      <a:pt x="537" y="780"/>
                    </a:lnTo>
                    <a:lnTo>
                      <a:pt x="530" y="781"/>
                    </a:lnTo>
                    <a:lnTo>
                      <a:pt x="522" y="784"/>
                    </a:lnTo>
                    <a:lnTo>
                      <a:pt x="513" y="788"/>
                    </a:lnTo>
                    <a:lnTo>
                      <a:pt x="506" y="793"/>
                    </a:lnTo>
                    <a:lnTo>
                      <a:pt x="487" y="807"/>
                    </a:lnTo>
                    <a:lnTo>
                      <a:pt x="468" y="824"/>
                    </a:lnTo>
                    <a:lnTo>
                      <a:pt x="433" y="858"/>
                    </a:lnTo>
                    <a:lnTo>
                      <a:pt x="406" y="883"/>
                    </a:lnTo>
                    <a:lnTo>
                      <a:pt x="393" y="894"/>
                    </a:lnTo>
                    <a:lnTo>
                      <a:pt x="379" y="902"/>
                    </a:lnTo>
                    <a:lnTo>
                      <a:pt x="364" y="907"/>
                    </a:lnTo>
                    <a:lnTo>
                      <a:pt x="351" y="909"/>
                    </a:lnTo>
                    <a:lnTo>
                      <a:pt x="323" y="915"/>
                    </a:lnTo>
                    <a:lnTo>
                      <a:pt x="293" y="922"/>
                    </a:lnTo>
                    <a:lnTo>
                      <a:pt x="276" y="930"/>
                    </a:lnTo>
                    <a:lnTo>
                      <a:pt x="261" y="937"/>
                    </a:lnTo>
                    <a:lnTo>
                      <a:pt x="271" y="946"/>
                    </a:lnTo>
                    <a:lnTo>
                      <a:pt x="282" y="952"/>
                    </a:lnTo>
                    <a:lnTo>
                      <a:pt x="294" y="957"/>
                    </a:lnTo>
                    <a:lnTo>
                      <a:pt x="307" y="961"/>
                    </a:lnTo>
                    <a:lnTo>
                      <a:pt x="320" y="964"/>
                    </a:lnTo>
                    <a:lnTo>
                      <a:pt x="335" y="965"/>
                    </a:lnTo>
                    <a:lnTo>
                      <a:pt x="349" y="965"/>
                    </a:lnTo>
                    <a:lnTo>
                      <a:pt x="363" y="965"/>
                    </a:lnTo>
                    <a:lnTo>
                      <a:pt x="392" y="964"/>
                    </a:lnTo>
                    <a:lnTo>
                      <a:pt x="420" y="964"/>
                    </a:lnTo>
                    <a:lnTo>
                      <a:pt x="433" y="964"/>
                    </a:lnTo>
                    <a:lnTo>
                      <a:pt x="446" y="965"/>
                    </a:lnTo>
                    <a:lnTo>
                      <a:pt x="458" y="966"/>
                    </a:lnTo>
                    <a:lnTo>
                      <a:pt x="468" y="969"/>
                    </a:lnTo>
                    <a:lnTo>
                      <a:pt x="478" y="972"/>
                    </a:lnTo>
                    <a:lnTo>
                      <a:pt x="487" y="970"/>
                    </a:lnTo>
                    <a:lnTo>
                      <a:pt x="495" y="969"/>
                    </a:lnTo>
                    <a:lnTo>
                      <a:pt x="503" y="966"/>
                    </a:lnTo>
                    <a:lnTo>
                      <a:pt x="511" y="965"/>
                    </a:lnTo>
                    <a:lnTo>
                      <a:pt x="519" y="965"/>
                    </a:lnTo>
                    <a:lnTo>
                      <a:pt x="521" y="966"/>
                    </a:lnTo>
                    <a:lnTo>
                      <a:pt x="525" y="968"/>
                    </a:lnTo>
                    <a:lnTo>
                      <a:pt x="529" y="972"/>
                    </a:lnTo>
                    <a:lnTo>
                      <a:pt x="532" y="975"/>
                    </a:lnTo>
                    <a:lnTo>
                      <a:pt x="542" y="982"/>
                    </a:lnTo>
                    <a:lnTo>
                      <a:pt x="556" y="988"/>
                    </a:lnTo>
                    <a:lnTo>
                      <a:pt x="564" y="992"/>
                    </a:lnTo>
                    <a:lnTo>
                      <a:pt x="569" y="996"/>
                    </a:lnTo>
                    <a:lnTo>
                      <a:pt x="572" y="999"/>
                    </a:lnTo>
                    <a:lnTo>
                      <a:pt x="573" y="1000"/>
                    </a:lnTo>
                    <a:lnTo>
                      <a:pt x="574" y="1003"/>
                    </a:lnTo>
                    <a:lnTo>
                      <a:pt x="576" y="1005"/>
                    </a:lnTo>
                    <a:lnTo>
                      <a:pt x="530" y="1008"/>
                    </a:lnTo>
                    <a:lnTo>
                      <a:pt x="485" y="1010"/>
                    </a:lnTo>
                    <a:lnTo>
                      <a:pt x="463" y="1012"/>
                    </a:lnTo>
                    <a:lnTo>
                      <a:pt x="441" y="1012"/>
                    </a:lnTo>
                    <a:lnTo>
                      <a:pt x="419" y="1009"/>
                    </a:lnTo>
                    <a:lnTo>
                      <a:pt x="398" y="1005"/>
                    </a:lnTo>
                    <a:lnTo>
                      <a:pt x="377" y="1001"/>
                    </a:lnTo>
                    <a:lnTo>
                      <a:pt x="359" y="1000"/>
                    </a:lnTo>
                    <a:lnTo>
                      <a:pt x="342" y="1000"/>
                    </a:lnTo>
                    <a:lnTo>
                      <a:pt x="327" y="1003"/>
                    </a:lnTo>
                    <a:lnTo>
                      <a:pt x="311" y="1005"/>
                    </a:lnTo>
                    <a:lnTo>
                      <a:pt x="296" y="1009"/>
                    </a:lnTo>
                    <a:lnTo>
                      <a:pt x="279" y="1010"/>
                    </a:lnTo>
                    <a:lnTo>
                      <a:pt x="259" y="1012"/>
                    </a:lnTo>
                    <a:lnTo>
                      <a:pt x="247" y="1012"/>
                    </a:lnTo>
                    <a:lnTo>
                      <a:pt x="237" y="1013"/>
                    </a:lnTo>
                    <a:lnTo>
                      <a:pt x="230" y="1014"/>
                    </a:lnTo>
                    <a:lnTo>
                      <a:pt x="226" y="1017"/>
                    </a:lnTo>
                    <a:lnTo>
                      <a:pt x="222" y="1020"/>
                    </a:lnTo>
                    <a:lnTo>
                      <a:pt x="221" y="1022"/>
                    </a:lnTo>
                    <a:lnTo>
                      <a:pt x="221" y="1026"/>
                    </a:lnTo>
                    <a:lnTo>
                      <a:pt x="222" y="1031"/>
                    </a:lnTo>
                    <a:lnTo>
                      <a:pt x="226" y="1040"/>
                    </a:lnTo>
                    <a:lnTo>
                      <a:pt x="228" y="1053"/>
                    </a:lnTo>
                    <a:lnTo>
                      <a:pt x="228" y="1060"/>
                    </a:lnTo>
                    <a:lnTo>
                      <a:pt x="228" y="1066"/>
                    </a:lnTo>
                    <a:lnTo>
                      <a:pt x="226" y="1074"/>
                    </a:lnTo>
                    <a:lnTo>
                      <a:pt x="222" y="1082"/>
                    </a:lnTo>
                    <a:lnTo>
                      <a:pt x="219" y="1084"/>
                    </a:lnTo>
                    <a:lnTo>
                      <a:pt x="217" y="1086"/>
                    </a:lnTo>
                    <a:lnTo>
                      <a:pt x="213" y="1087"/>
                    </a:lnTo>
                    <a:lnTo>
                      <a:pt x="209" y="1086"/>
                    </a:lnTo>
                    <a:lnTo>
                      <a:pt x="202" y="1083"/>
                    </a:lnTo>
                    <a:lnTo>
                      <a:pt x="195" y="1077"/>
                    </a:lnTo>
                    <a:lnTo>
                      <a:pt x="186" y="1070"/>
                    </a:lnTo>
                    <a:lnTo>
                      <a:pt x="177" y="1064"/>
                    </a:lnTo>
                    <a:lnTo>
                      <a:pt x="167" y="1058"/>
                    </a:lnTo>
                    <a:lnTo>
                      <a:pt x="158" y="1056"/>
                    </a:lnTo>
                    <a:lnTo>
                      <a:pt x="149" y="1057"/>
                    </a:lnTo>
                    <a:lnTo>
                      <a:pt x="138" y="1057"/>
                    </a:lnTo>
                    <a:lnTo>
                      <a:pt x="133" y="1057"/>
                    </a:lnTo>
                    <a:lnTo>
                      <a:pt x="127" y="1057"/>
                    </a:lnTo>
                    <a:lnTo>
                      <a:pt x="122" y="1054"/>
                    </a:lnTo>
                    <a:lnTo>
                      <a:pt x="120" y="1052"/>
                    </a:lnTo>
                    <a:lnTo>
                      <a:pt x="110" y="1042"/>
                    </a:lnTo>
                    <a:lnTo>
                      <a:pt x="104" y="1035"/>
                    </a:lnTo>
                    <a:lnTo>
                      <a:pt x="99" y="1031"/>
                    </a:lnTo>
                    <a:lnTo>
                      <a:pt x="94" y="1030"/>
                    </a:lnTo>
                    <a:lnTo>
                      <a:pt x="79" y="1031"/>
                    </a:lnTo>
                    <a:lnTo>
                      <a:pt x="55" y="1035"/>
                    </a:lnTo>
                    <a:lnTo>
                      <a:pt x="41" y="1036"/>
                    </a:lnTo>
                    <a:lnTo>
                      <a:pt x="17" y="1039"/>
                    </a:lnTo>
                    <a:lnTo>
                      <a:pt x="7" y="1042"/>
                    </a:lnTo>
                    <a:lnTo>
                      <a:pt x="2" y="1045"/>
                    </a:lnTo>
                    <a:lnTo>
                      <a:pt x="0" y="1048"/>
                    </a:lnTo>
                    <a:lnTo>
                      <a:pt x="2" y="1051"/>
                    </a:lnTo>
                    <a:lnTo>
                      <a:pt x="4" y="1053"/>
                    </a:lnTo>
                    <a:lnTo>
                      <a:pt x="9" y="1056"/>
                    </a:lnTo>
                    <a:lnTo>
                      <a:pt x="29" y="1066"/>
                    </a:lnTo>
                    <a:lnTo>
                      <a:pt x="48" y="1074"/>
                    </a:lnTo>
                    <a:lnTo>
                      <a:pt x="69" y="1080"/>
                    </a:lnTo>
                    <a:lnTo>
                      <a:pt x="90" y="1087"/>
                    </a:lnTo>
                    <a:lnTo>
                      <a:pt x="110" y="1093"/>
                    </a:lnTo>
                    <a:lnTo>
                      <a:pt x="131" y="1101"/>
                    </a:lnTo>
                    <a:lnTo>
                      <a:pt x="151" y="1110"/>
                    </a:lnTo>
                    <a:lnTo>
                      <a:pt x="167" y="1121"/>
                    </a:lnTo>
                    <a:lnTo>
                      <a:pt x="177" y="1126"/>
                    </a:lnTo>
                    <a:lnTo>
                      <a:pt x="182" y="1131"/>
                    </a:lnTo>
                    <a:lnTo>
                      <a:pt x="186" y="1135"/>
                    </a:lnTo>
                    <a:lnTo>
                      <a:pt x="188" y="1139"/>
                    </a:lnTo>
                    <a:lnTo>
                      <a:pt x="188" y="1141"/>
                    </a:lnTo>
                    <a:lnTo>
                      <a:pt x="187" y="1143"/>
                    </a:lnTo>
                    <a:lnTo>
                      <a:pt x="183" y="1144"/>
                    </a:lnTo>
                    <a:lnTo>
                      <a:pt x="179" y="1144"/>
                    </a:lnTo>
                    <a:lnTo>
                      <a:pt x="158" y="1143"/>
                    </a:lnTo>
                    <a:lnTo>
                      <a:pt x="136" y="1141"/>
                    </a:lnTo>
                    <a:lnTo>
                      <a:pt x="113" y="1141"/>
                    </a:lnTo>
                    <a:lnTo>
                      <a:pt x="95" y="1144"/>
                    </a:lnTo>
                    <a:lnTo>
                      <a:pt x="86" y="1146"/>
                    </a:lnTo>
                    <a:lnTo>
                      <a:pt x="78" y="1150"/>
                    </a:lnTo>
                    <a:lnTo>
                      <a:pt x="69" y="1157"/>
                    </a:lnTo>
                    <a:lnTo>
                      <a:pt x="60" y="1165"/>
                    </a:lnTo>
                    <a:lnTo>
                      <a:pt x="41" y="1175"/>
                    </a:lnTo>
                    <a:lnTo>
                      <a:pt x="19" y="1185"/>
                    </a:lnTo>
                    <a:lnTo>
                      <a:pt x="15" y="1188"/>
                    </a:lnTo>
                    <a:lnTo>
                      <a:pt x="11" y="1192"/>
                    </a:lnTo>
                    <a:lnTo>
                      <a:pt x="8" y="1194"/>
                    </a:lnTo>
                    <a:lnTo>
                      <a:pt x="6" y="1200"/>
                    </a:lnTo>
                    <a:lnTo>
                      <a:pt x="6" y="1203"/>
                    </a:lnTo>
                    <a:lnTo>
                      <a:pt x="7" y="1209"/>
                    </a:lnTo>
                    <a:lnTo>
                      <a:pt x="9" y="1215"/>
                    </a:lnTo>
                    <a:lnTo>
                      <a:pt x="13" y="1222"/>
                    </a:lnTo>
                    <a:lnTo>
                      <a:pt x="22" y="1231"/>
                    </a:lnTo>
                    <a:lnTo>
                      <a:pt x="30" y="1235"/>
                    </a:lnTo>
                    <a:lnTo>
                      <a:pt x="31" y="1236"/>
                    </a:lnTo>
                    <a:lnTo>
                      <a:pt x="33" y="1240"/>
                    </a:lnTo>
                    <a:lnTo>
                      <a:pt x="33" y="1246"/>
                    </a:lnTo>
                    <a:lnTo>
                      <a:pt x="31" y="1254"/>
                    </a:lnTo>
                    <a:lnTo>
                      <a:pt x="30" y="1263"/>
                    </a:lnTo>
                    <a:lnTo>
                      <a:pt x="31" y="1270"/>
                    </a:lnTo>
                    <a:lnTo>
                      <a:pt x="34" y="1273"/>
                    </a:lnTo>
                    <a:lnTo>
                      <a:pt x="38" y="1276"/>
                    </a:lnTo>
                    <a:lnTo>
                      <a:pt x="51" y="1277"/>
                    </a:lnTo>
                    <a:lnTo>
                      <a:pt x="65" y="1277"/>
                    </a:lnTo>
                    <a:lnTo>
                      <a:pt x="79" y="1276"/>
                    </a:lnTo>
                    <a:lnTo>
                      <a:pt x="99" y="1276"/>
                    </a:lnTo>
                    <a:lnTo>
                      <a:pt x="109" y="1276"/>
                    </a:lnTo>
                    <a:lnTo>
                      <a:pt x="118" y="1277"/>
                    </a:lnTo>
                    <a:lnTo>
                      <a:pt x="122" y="1279"/>
                    </a:lnTo>
                    <a:lnTo>
                      <a:pt x="125" y="1280"/>
                    </a:lnTo>
                    <a:lnTo>
                      <a:pt x="126" y="1282"/>
                    </a:lnTo>
                    <a:lnTo>
                      <a:pt x="126" y="1284"/>
                    </a:lnTo>
                    <a:lnTo>
                      <a:pt x="113" y="1292"/>
                    </a:lnTo>
                    <a:lnTo>
                      <a:pt x="101" y="1301"/>
                    </a:lnTo>
                    <a:lnTo>
                      <a:pt x="91" y="1302"/>
                    </a:lnTo>
                    <a:lnTo>
                      <a:pt x="81" y="1304"/>
                    </a:lnTo>
                    <a:lnTo>
                      <a:pt x="77" y="1306"/>
                    </a:lnTo>
                    <a:lnTo>
                      <a:pt x="73" y="1308"/>
                    </a:lnTo>
                    <a:lnTo>
                      <a:pt x="72" y="1312"/>
                    </a:lnTo>
                    <a:lnTo>
                      <a:pt x="70" y="1317"/>
                    </a:lnTo>
                    <a:lnTo>
                      <a:pt x="70" y="1320"/>
                    </a:lnTo>
                    <a:lnTo>
                      <a:pt x="69" y="1321"/>
                    </a:lnTo>
                    <a:lnTo>
                      <a:pt x="68" y="1323"/>
                    </a:lnTo>
                    <a:lnTo>
                      <a:pt x="65" y="1324"/>
                    </a:lnTo>
                    <a:lnTo>
                      <a:pt x="60" y="1325"/>
                    </a:lnTo>
                    <a:lnTo>
                      <a:pt x="53" y="1327"/>
                    </a:lnTo>
                    <a:lnTo>
                      <a:pt x="41" y="1325"/>
                    </a:lnTo>
                    <a:lnTo>
                      <a:pt x="30" y="1325"/>
                    </a:lnTo>
                    <a:lnTo>
                      <a:pt x="20" y="1328"/>
                    </a:lnTo>
                    <a:lnTo>
                      <a:pt x="13" y="1332"/>
                    </a:lnTo>
                    <a:lnTo>
                      <a:pt x="12" y="1333"/>
                    </a:lnTo>
                    <a:lnTo>
                      <a:pt x="13" y="1336"/>
                    </a:lnTo>
                    <a:lnTo>
                      <a:pt x="17" y="1338"/>
                    </a:lnTo>
                    <a:lnTo>
                      <a:pt x="22" y="1339"/>
                    </a:lnTo>
                    <a:lnTo>
                      <a:pt x="37" y="1342"/>
                    </a:lnTo>
                    <a:lnTo>
                      <a:pt x="50" y="1345"/>
                    </a:lnTo>
                    <a:lnTo>
                      <a:pt x="64" y="1346"/>
                    </a:lnTo>
                    <a:lnTo>
                      <a:pt x="78" y="1347"/>
                    </a:lnTo>
                    <a:lnTo>
                      <a:pt x="107" y="1347"/>
                    </a:lnTo>
                    <a:lnTo>
                      <a:pt x="134" y="1347"/>
                    </a:lnTo>
                    <a:lnTo>
                      <a:pt x="148" y="1345"/>
                    </a:lnTo>
                    <a:lnTo>
                      <a:pt x="165" y="1341"/>
                    </a:lnTo>
                    <a:lnTo>
                      <a:pt x="173" y="1341"/>
                    </a:lnTo>
                    <a:lnTo>
                      <a:pt x="179" y="1341"/>
                    </a:lnTo>
                    <a:lnTo>
                      <a:pt x="183" y="1342"/>
                    </a:lnTo>
                    <a:lnTo>
                      <a:pt x="186" y="1343"/>
                    </a:lnTo>
                    <a:lnTo>
                      <a:pt x="188" y="1345"/>
                    </a:lnTo>
                    <a:lnTo>
                      <a:pt x="191" y="1349"/>
                    </a:lnTo>
                    <a:lnTo>
                      <a:pt x="193" y="1354"/>
                    </a:lnTo>
                    <a:lnTo>
                      <a:pt x="195" y="1358"/>
                    </a:lnTo>
                    <a:lnTo>
                      <a:pt x="193" y="1361"/>
                    </a:lnTo>
                    <a:lnTo>
                      <a:pt x="193" y="1365"/>
                    </a:lnTo>
                    <a:lnTo>
                      <a:pt x="191" y="1369"/>
                    </a:lnTo>
                    <a:lnTo>
                      <a:pt x="187" y="1372"/>
                    </a:lnTo>
                    <a:lnTo>
                      <a:pt x="184" y="1373"/>
                    </a:lnTo>
                    <a:lnTo>
                      <a:pt x="179" y="1376"/>
                    </a:lnTo>
                    <a:lnTo>
                      <a:pt x="170" y="1378"/>
                    </a:lnTo>
                    <a:lnTo>
                      <a:pt x="160" y="1380"/>
                    </a:lnTo>
                    <a:lnTo>
                      <a:pt x="149" y="1381"/>
                    </a:lnTo>
                    <a:lnTo>
                      <a:pt x="142" y="1381"/>
                    </a:lnTo>
                    <a:lnTo>
                      <a:pt x="130" y="1381"/>
                    </a:lnTo>
                    <a:lnTo>
                      <a:pt x="121" y="1382"/>
                    </a:lnTo>
                    <a:lnTo>
                      <a:pt x="113" y="1385"/>
                    </a:lnTo>
                    <a:lnTo>
                      <a:pt x="108" y="1389"/>
                    </a:lnTo>
                    <a:lnTo>
                      <a:pt x="101" y="1394"/>
                    </a:lnTo>
                    <a:lnTo>
                      <a:pt x="98" y="1400"/>
                    </a:lnTo>
                    <a:lnTo>
                      <a:pt x="95" y="1409"/>
                    </a:lnTo>
                    <a:lnTo>
                      <a:pt x="91" y="1420"/>
                    </a:lnTo>
                    <a:lnTo>
                      <a:pt x="99" y="1434"/>
                    </a:lnTo>
                    <a:lnTo>
                      <a:pt x="112" y="1435"/>
                    </a:lnTo>
                    <a:lnTo>
                      <a:pt x="125" y="1434"/>
                    </a:lnTo>
                    <a:lnTo>
                      <a:pt x="136" y="1433"/>
                    </a:lnTo>
                    <a:lnTo>
                      <a:pt x="149" y="1431"/>
                    </a:lnTo>
                    <a:lnTo>
                      <a:pt x="162" y="1429"/>
                    </a:lnTo>
                    <a:lnTo>
                      <a:pt x="175" y="1428"/>
                    </a:lnTo>
                    <a:lnTo>
                      <a:pt x="187" y="1428"/>
                    </a:lnTo>
                    <a:lnTo>
                      <a:pt x="199" y="1428"/>
                    </a:lnTo>
                    <a:lnTo>
                      <a:pt x="206" y="1430"/>
                    </a:lnTo>
                    <a:lnTo>
                      <a:pt x="213" y="1433"/>
                    </a:lnTo>
                    <a:lnTo>
                      <a:pt x="219" y="1437"/>
                    </a:lnTo>
                    <a:lnTo>
                      <a:pt x="226" y="1442"/>
                    </a:lnTo>
                    <a:lnTo>
                      <a:pt x="237" y="1453"/>
                    </a:lnTo>
                    <a:lnTo>
                      <a:pt x="249" y="1465"/>
                    </a:lnTo>
                    <a:lnTo>
                      <a:pt x="256" y="1470"/>
                    </a:lnTo>
                    <a:lnTo>
                      <a:pt x="263" y="1475"/>
                    </a:lnTo>
                    <a:lnTo>
                      <a:pt x="272" y="1479"/>
                    </a:lnTo>
                    <a:lnTo>
                      <a:pt x="282" y="1483"/>
                    </a:lnTo>
                    <a:lnTo>
                      <a:pt x="301" y="1491"/>
                    </a:lnTo>
                    <a:lnTo>
                      <a:pt x="323" y="1496"/>
                    </a:lnTo>
                    <a:lnTo>
                      <a:pt x="345" y="1500"/>
                    </a:lnTo>
                    <a:lnTo>
                      <a:pt x="367" y="1503"/>
                    </a:lnTo>
                    <a:lnTo>
                      <a:pt x="386" y="1504"/>
                    </a:lnTo>
                    <a:lnTo>
                      <a:pt x="405" y="1504"/>
                    </a:lnTo>
                    <a:lnTo>
                      <a:pt x="427" y="1507"/>
                    </a:lnTo>
                    <a:lnTo>
                      <a:pt x="453" y="1509"/>
                    </a:lnTo>
                    <a:lnTo>
                      <a:pt x="465" y="1510"/>
                    </a:lnTo>
                    <a:lnTo>
                      <a:pt x="477" y="1510"/>
                    </a:lnTo>
                    <a:lnTo>
                      <a:pt x="482" y="1509"/>
                    </a:lnTo>
                    <a:lnTo>
                      <a:pt x="487" y="1508"/>
                    </a:lnTo>
                    <a:lnTo>
                      <a:pt x="491" y="1505"/>
                    </a:lnTo>
                    <a:lnTo>
                      <a:pt x="495" y="1503"/>
                    </a:lnTo>
                    <a:lnTo>
                      <a:pt x="504" y="1498"/>
                    </a:lnTo>
                    <a:lnTo>
                      <a:pt x="512" y="1492"/>
                    </a:lnTo>
                    <a:lnTo>
                      <a:pt x="520" y="1486"/>
                    </a:lnTo>
                    <a:lnTo>
                      <a:pt x="525" y="1479"/>
                    </a:lnTo>
                    <a:lnTo>
                      <a:pt x="535" y="1464"/>
                    </a:lnTo>
                    <a:lnTo>
                      <a:pt x="546" y="1447"/>
                    </a:lnTo>
                    <a:lnTo>
                      <a:pt x="550" y="1441"/>
                    </a:lnTo>
                    <a:lnTo>
                      <a:pt x="552" y="1439"/>
                    </a:lnTo>
                    <a:lnTo>
                      <a:pt x="556" y="1441"/>
                    </a:lnTo>
                    <a:lnTo>
                      <a:pt x="559" y="1443"/>
                    </a:lnTo>
                    <a:lnTo>
                      <a:pt x="563" y="1448"/>
                    </a:lnTo>
                    <a:lnTo>
                      <a:pt x="565" y="1455"/>
                    </a:lnTo>
                    <a:lnTo>
                      <a:pt x="570" y="1460"/>
                    </a:lnTo>
                    <a:lnTo>
                      <a:pt x="577" y="1464"/>
                    </a:lnTo>
                    <a:lnTo>
                      <a:pt x="589" y="1468"/>
                    </a:lnTo>
                    <a:lnTo>
                      <a:pt x="598" y="1469"/>
                    </a:lnTo>
                    <a:lnTo>
                      <a:pt x="607" y="1469"/>
                    </a:lnTo>
                    <a:lnTo>
                      <a:pt x="614" y="1468"/>
                    </a:lnTo>
                    <a:lnTo>
                      <a:pt x="621" y="1465"/>
                    </a:lnTo>
                    <a:lnTo>
                      <a:pt x="626" y="1463"/>
                    </a:lnTo>
                    <a:lnTo>
                      <a:pt x="631" y="1457"/>
                    </a:lnTo>
                    <a:lnTo>
                      <a:pt x="635" y="1452"/>
                    </a:lnTo>
                    <a:lnTo>
                      <a:pt x="644" y="1442"/>
                    </a:lnTo>
                    <a:lnTo>
                      <a:pt x="652" y="1431"/>
                    </a:lnTo>
                    <a:lnTo>
                      <a:pt x="656" y="1428"/>
                    </a:lnTo>
                    <a:lnTo>
                      <a:pt x="661" y="1425"/>
                    </a:lnTo>
                    <a:lnTo>
                      <a:pt x="666" y="1424"/>
                    </a:lnTo>
                    <a:lnTo>
                      <a:pt x="673" y="1422"/>
                    </a:lnTo>
                    <a:lnTo>
                      <a:pt x="683" y="1425"/>
                    </a:lnTo>
                    <a:lnTo>
                      <a:pt x="690" y="1428"/>
                    </a:lnTo>
                    <a:lnTo>
                      <a:pt x="696" y="1433"/>
                    </a:lnTo>
                    <a:lnTo>
                      <a:pt x="701" y="1437"/>
                    </a:lnTo>
                    <a:lnTo>
                      <a:pt x="706" y="1441"/>
                    </a:lnTo>
                    <a:lnTo>
                      <a:pt x="715" y="1442"/>
                    </a:lnTo>
                    <a:lnTo>
                      <a:pt x="727" y="1442"/>
                    </a:lnTo>
                    <a:lnTo>
                      <a:pt x="743" y="1437"/>
                    </a:lnTo>
                    <a:lnTo>
                      <a:pt x="750" y="1434"/>
                    </a:lnTo>
                    <a:lnTo>
                      <a:pt x="756" y="1429"/>
                    </a:lnTo>
                    <a:lnTo>
                      <a:pt x="760" y="1425"/>
                    </a:lnTo>
                    <a:lnTo>
                      <a:pt x="762" y="1420"/>
                    </a:lnTo>
                    <a:lnTo>
                      <a:pt x="765" y="1409"/>
                    </a:lnTo>
                    <a:lnTo>
                      <a:pt x="766" y="1400"/>
                    </a:lnTo>
                    <a:lnTo>
                      <a:pt x="767" y="1395"/>
                    </a:lnTo>
                    <a:lnTo>
                      <a:pt x="769" y="1393"/>
                    </a:lnTo>
                    <a:lnTo>
                      <a:pt x="771" y="1390"/>
                    </a:lnTo>
                    <a:lnTo>
                      <a:pt x="775" y="1390"/>
                    </a:lnTo>
                    <a:lnTo>
                      <a:pt x="782" y="1390"/>
                    </a:lnTo>
                    <a:lnTo>
                      <a:pt x="789" y="1393"/>
                    </a:lnTo>
                    <a:lnTo>
                      <a:pt x="798" y="1396"/>
                    </a:lnTo>
                    <a:lnTo>
                      <a:pt x="811" y="1402"/>
                    </a:lnTo>
                    <a:lnTo>
                      <a:pt x="839" y="1411"/>
                    </a:lnTo>
                    <a:lnTo>
                      <a:pt x="879" y="1422"/>
                    </a:lnTo>
                    <a:lnTo>
                      <a:pt x="899" y="1428"/>
                    </a:lnTo>
                    <a:lnTo>
                      <a:pt x="918" y="1430"/>
                    </a:lnTo>
                    <a:lnTo>
                      <a:pt x="932" y="1433"/>
                    </a:lnTo>
                    <a:lnTo>
                      <a:pt x="940" y="1431"/>
                    </a:lnTo>
                    <a:lnTo>
                      <a:pt x="946" y="1426"/>
                    </a:lnTo>
                    <a:lnTo>
                      <a:pt x="953" y="1418"/>
                    </a:lnTo>
                    <a:lnTo>
                      <a:pt x="958" y="1409"/>
                    </a:lnTo>
                    <a:lnTo>
                      <a:pt x="963" y="1403"/>
                    </a:lnTo>
                    <a:lnTo>
                      <a:pt x="966" y="1399"/>
                    </a:lnTo>
                    <a:lnTo>
                      <a:pt x="968" y="1398"/>
                    </a:lnTo>
                    <a:lnTo>
                      <a:pt x="969" y="1396"/>
                    </a:lnTo>
                    <a:lnTo>
                      <a:pt x="972" y="1398"/>
                    </a:lnTo>
                    <a:lnTo>
                      <a:pt x="973" y="1400"/>
                    </a:lnTo>
                    <a:lnTo>
                      <a:pt x="975" y="1404"/>
                    </a:lnTo>
                    <a:lnTo>
                      <a:pt x="977" y="1411"/>
                    </a:lnTo>
                    <a:lnTo>
                      <a:pt x="978" y="1418"/>
                    </a:lnTo>
                    <a:lnTo>
                      <a:pt x="981" y="1433"/>
                    </a:lnTo>
                    <a:lnTo>
                      <a:pt x="984" y="1442"/>
                    </a:lnTo>
                    <a:lnTo>
                      <a:pt x="986" y="1444"/>
                    </a:lnTo>
                    <a:lnTo>
                      <a:pt x="989" y="1447"/>
                    </a:lnTo>
                    <a:lnTo>
                      <a:pt x="991" y="1447"/>
                    </a:lnTo>
                    <a:lnTo>
                      <a:pt x="994" y="1448"/>
                    </a:lnTo>
                    <a:lnTo>
                      <a:pt x="1008" y="1446"/>
                    </a:lnTo>
                    <a:lnTo>
                      <a:pt x="1032" y="1443"/>
                    </a:lnTo>
                    <a:lnTo>
                      <a:pt x="1037" y="1443"/>
                    </a:lnTo>
                    <a:lnTo>
                      <a:pt x="1043" y="1446"/>
                    </a:lnTo>
                    <a:lnTo>
                      <a:pt x="1050" y="1450"/>
                    </a:lnTo>
                    <a:lnTo>
                      <a:pt x="1056" y="1453"/>
                    </a:lnTo>
                    <a:lnTo>
                      <a:pt x="1069" y="1464"/>
                    </a:lnTo>
                    <a:lnTo>
                      <a:pt x="1083" y="1475"/>
                    </a:lnTo>
                    <a:lnTo>
                      <a:pt x="1098" y="1487"/>
                    </a:lnTo>
                    <a:lnTo>
                      <a:pt x="1111" y="1495"/>
                    </a:lnTo>
                    <a:lnTo>
                      <a:pt x="1117" y="1498"/>
                    </a:lnTo>
                    <a:lnTo>
                      <a:pt x="1122" y="1498"/>
                    </a:lnTo>
                    <a:lnTo>
                      <a:pt x="1127" y="1496"/>
                    </a:lnTo>
                    <a:lnTo>
                      <a:pt x="1133" y="1494"/>
                    </a:lnTo>
                    <a:lnTo>
                      <a:pt x="1138" y="1488"/>
                    </a:lnTo>
                    <a:lnTo>
                      <a:pt x="1142" y="1483"/>
                    </a:lnTo>
                    <a:lnTo>
                      <a:pt x="1144" y="1478"/>
                    </a:lnTo>
                    <a:lnTo>
                      <a:pt x="1146" y="1473"/>
                    </a:lnTo>
                    <a:lnTo>
                      <a:pt x="1146" y="1464"/>
                    </a:lnTo>
                    <a:lnTo>
                      <a:pt x="1143" y="1456"/>
                    </a:lnTo>
                    <a:lnTo>
                      <a:pt x="1140" y="1446"/>
                    </a:lnTo>
                    <a:lnTo>
                      <a:pt x="1140" y="1435"/>
                    </a:lnTo>
                    <a:lnTo>
                      <a:pt x="1142" y="1430"/>
                    </a:lnTo>
                    <a:lnTo>
                      <a:pt x="1144" y="1424"/>
                    </a:lnTo>
                    <a:lnTo>
                      <a:pt x="1148" y="1416"/>
                    </a:lnTo>
                    <a:lnTo>
                      <a:pt x="1155" y="1408"/>
                    </a:lnTo>
                    <a:lnTo>
                      <a:pt x="1239" y="1304"/>
                    </a:lnTo>
                    <a:lnTo>
                      <a:pt x="1241" y="1294"/>
                    </a:lnTo>
                    <a:lnTo>
                      <a:pt x="1245" y="1285"/>
                    </a:lnTo>
                    <a:lnTo>
                      <a:pt x="1249" y="1277"/>
                    </a:lnTo>
                    <a:lnTo>
                      <a:pt x="1254" y="1271"/>
                    </a:lnTo>
                    <a:lnTo>
                      <a:pt x="1263" y="1258"/>
                    </a:lnTo>
                    <a:lnTo>
                      <a:pt x="1275" y="1246"/>
                    </a:lnTo>
                    <a:lnTo>
                      <a:pt x="1298" y="1227"/>
                    </a:lnTo>
                    <a:lnTo>
                      <a:pt x="1327" y="1205"/>
                    </a:lnTo>
                    <a:lnTo>
                      <a:pt x="1331" y="1201"/>
                    </a:lnTo>
                    <a:lnTo>
                      <a:pt x="1333" y="1196"/>
                    </a:lnTo>
                    <a:lnTo>
                      <a:pt x="1336" y="1190"/>
                    </a:lnTo>
                    <a:lnTo>
                      <a:pt x="1339" y="1185"/>
                    </a:lnTo>
                    <a:lnTo>
                      <a:pt x="1341" y="1172"/>
                    </a:lnTo>
                    <a:lnTo>
                      <a:pt x="1344" y="1158"/>
                    </a:lnTo>
                    <a:lnTo>
                      <a:pt x="1345" y="1144"/>
                    </a:lnTo>
                    <a:lnTo>
                      <a:pt x="1346" y="1130"/>
                    </a:lnTo>
                    <a:lnTo>
                      <a:pt x="1349" y="1117"/>
                    </a:lnTo>
                    <a:lnTo>
                      <a:pt x="1354" y="1105"/>
                    </a:lnTo>
                    <a:lnTo>
                      <a:pt x="1355" y="1101"/>
                    </a:lnTo>
                    <a:lnTo>
                      <a:pt x="1357" y="1096"/>
                    </a:lnTo>
                    <a:lnTo>
                      <a:pt x="1357" y="1092"/>
                    </a:lnTo>
                    <a:lnTo>
                      <a:pt x="1355" y="1087"/>
                    </a:lnTo>
                    <a:lnTo>
                      <a:pt x="1352" y="1079"/>
                    </a:lnTo>
                    <a:lnTo>
                      <a:pt x="1346" y="1070"/>
                    </a:lnTo>
                    <a:lnTo>
                      <a:pt x="1341" y="1062"/>
                    </a:lnTo>
                    <a:lnTo>
                      <a:pt x="1337" y="1053"/>
                    </a:lnTo>
                    <a:lnTo>
                      <a:pt x="1333" y="1045"/>
                    </a:lnTo>
                    <a:lnTo>
                      <a:pt x="1332" y="1038"/>
                    </a:lnTo>
                    <a:lnTo>
                      <a:pt x="1333" y="1035"/>
                    </a:lnTo>
                    <a:lnTo>
                      <a:pt x="1335" y="1031"/>
                    </a:lnTo>
                    <a:lnTo>
                      <a:pt x="1337" y="1030"/>
                    </a:lnTo>
                    <a:lnTo>
                      <a:pt x="1340" y="1029"/>
                    </a:lnTo>
                    <a:lnTo>
                      <a:pt x="1346" y="1026"/>
                    </a:lnTo>
                    <a:lnTo>
                      <a:pt x="1354" y="1025"/>
                    </a:lnTo>
                    <a:lnTo>
                      <a:pt x="1363" y="1023"/>
                    </a:lnTo>
                    <a:lnTo>
                      <a:pt x="1371" y="1020"/>
                    </a:lnTo>
                    <a:lnTo>
                      <a:pt x="1375" y="1017"/>
                    </a:lnTo>
                    <a:lnTo>
                      <a:pt x="1379" y="1013"/>
                    </a:lnTo>
                    <a:lnTo>
                      <a:pt x="1381" y="1008"/>
                    </a:lnTo>
                    <a:lnTo>
                      <a:pt x="1384" y="1001"/>
                    </a:lnTo>
                    <a:lnTo>
                      <a:pt x="1389" y="973"/>
                    </a:lnTo>
                    <a:lnTo>
                      <a:pt x="1392" y="944"/>
                    </a:lnTo>
                    <a:lnTo>
                      <a:pt x="1393" y="938"/>
                    </a:lnTo>
                    <a:lnTo>
                      <a:pt x="1394" y="931"/>
                    </a:lnTo>
                    <a:lnTo>
                      <a:pt x="1397" y="926"/>
                    </a:lnTo>
                    <a:lnTo>
                      <a:pt x="1401" y="920"/>
                    </a:lnTo>
                    <a:lnTo>
                      <a:pt x="1405" y="915"/>
                    </a:lnTo>
                    <a:lnTo>
                      <a:pt x="1411" y="909"/>
                    </a:lnTo>
                    <a:lnTo>
                      <a:pt x="1418" y="906"/>
                    </a:lnTo>
                    <a:lnTo>
                      <a:pt x="1425" y="902"/>
                    </a:lnTo>
                    <a:lnTo>
                      <a:pt x="1427" y="900"/>
                    </a:lnTo>
                    <a:lnTo>
                      <a:pt x="1427" y="899"/>
                    </a:lnTo>
                    <a:lnTo>
                      <a:pt x="1427" y="898"/>
                    </a:lnTo>
                    <a:lnTo>
                      <a:pt x="1425" y="895"/>
                    </a:lnTo>
                    <a:lnTo>
                      <a:pt x="1423" y="890"/>
                    </a:lnTo>
                    <a:lnTo>
                      <a:pt x="1420" y="883"/>
                    </a:lnTo>
                    <a:lnTo>
                      <a:pt x="1416" y="877"/>
                    </a:lnTo>
                    <a:lnTo>
                      <a:pt x="1412" y="869"/>
                    </a:lnTo>
                    <a:lnTo>
                      <a:pt x="1411" y="863"/>
                    </a:lnTo>
                    <a:lnTo>
                      <a:pt x="1411" y="856"/>
                    </a:lnTo>
                    <a:lnTo>
                      <a:pt x="1418" y="838"/>
                    </a:lnTo>
                    <a:lnTo>
                      <a:pt x="1425" y="820"/>
                    </a:lnTo>
                    <a:lnTo>
                      <a:pt x="1434" y="803"/>
                    </a:lnTo>
                    <a:lnTo>
                      <a:pt x="1441" y="784"/>
                    </a:lnTo>
                    <a:lnTo>
                      <a:pt x="1442" y="779"/>
                    </a:lnTo>
                    <a:lnTo>
                      <a:pt x="1442" y="775"/>
                    </a:lnTo>
                    <a:lnTo>
                      <a:pt x="1442" y="771"/>
                    </a:lnTo>
                    <a:lnTo>
                      <a:pt x="1441" y="768"/>
                    </a:lnTo>
                    <a:lnTo>
                      <a:pt x="1436" y="762"/>
                    </a:lnTo>
                    <a:lnTo>
                      <a:pt x="1429" y="757"/>
                    </a:lnTo>
                    <a:lnTo>
                      <a:pt x="1423" y="750"/>
                    </a:lnTo>
                    <a:lnTo>
                      <a:pt x="1416" y="742"/>
                    </a:lnTo>
                    <a:lnTo>
                      <a:pt x="1412" y="737"/>
                    </a:lnTo>
                    <a:lnTo>
                      <a:pt x="1410" y="731"/>
                    </a:lnTo>
                    <a:lnTo>
                      <a:pt x="1409" y="724"/>
                    </a:lnTo>
                    <a:lnTo>
                      <a:pt x="1407" y="716"/>
                    </a:lnTo>
                    <a:lnTo>
                      <a:pt x="1412" y="688"/>
                    </a:lnTo>
                    <a:lnTo>
                      <a:pt x="1415" y="674"/>
                    </a:lnTo>
                    <a:lnTo>
                      <a:pt x="1416" y="672"/>
                    </a:lnTo>
                    <a:lnTo>
                      <a:pt x="1418" y="672"/>
                    </a:lnTo>
                    <a:lnTo>
                      <a:pt x="1420" y="672"/>
                    </a:lnTo>
                    <a:lnTo>
                      <a:pt x="1423" y="675"/>
                    </a:lnTo>
                    <a:lnTo>
                      <a:pt x="1431" y="683"/>
                    </a:lnTo>
                    <a:lnTo>
                      <a:pt x="1442" y="696"/>
                    </a:lnTo>
                    <a:lnTo>
                      <a:pt x="1447" y="700"/>
                    </a:lnTo>
                    <a:lnTo>
                      <a:pt x="1451" y="703"/>
                    </a:lnTo>
                    <a:lnTo>
                      <a:pt x="1457" y="705"/>
                    </a:lnTo>
                    <a:lnTo>
                      <a:pt x="1459" y="703"/>
                    </a:lnTo>
                    <a:lnTo>
                      <a:pt x="1462" y="702"/>
                    </a:lnTo>
                    <a:lnTo>
                      <a:pt x="1464" y="700"/>
                    </a:lnTo>
                    <a:lnTo>
                      <a:pt x="1467" y="697"/>
                    </a:lnTo>
                    <a:lnTo>
                      <a:pt x="1469" y="693"/>
                    </a:lnTo>
                    <a:lnTo>
                      <a:pt x="1473" y="674"/>
                    </a:lnTo>
                    <a:lnTo>
                      <a:pt x="1476" y="661"/>
                    </a:lnTo>
                    <a:lnTo>
                      <a:pt x="1479" y="659"/>
                    </a:lnTo>
                    <a:lnTo>
                      <a:pt x="1475" y="648"/>
                    </a:lnTo>
                    <a:lnTo>
                      <a:pt x="1472" y="631"/>
                    </a:lnTo>
                    <a:lnTo>
                      <a:pt x="1469" y="623"/>
                    </a:lnTo>
                    <a:lnTo>
                      <a:pt x="1468" y="615"/>
                    </a:lnTo>
                    <a:lnTo>
                      <a:pt x="1466" y="610"/>
                    </a:lnTo>
                    <a:lnTo>
                      <a:pt x="1462" y="605"/>
                    </a:lnTo>
                    <a:lnTo>
                      <a:pt x="1455" y="600"/>
                    </a:lnTo>
                    <a:lnTo>
                      <a:pt x="1446" y="597"/>
                    </a:lnTo>
                    <a:lnTo>
                      <a:pt x="1437" y="595"/>
                    </a:lnTo>
                    <a:lnTo>
                      <a:pt x="1428" y="592"/>
                    </a:lnTo>
                    <a:lnTo>
                      <a:pt x="1418" y="588"/>
                    </a:lnTo>
                    <a:lnTo>
                      <a:pt x="1412" y="584"/>
                    </a:lnTo>
                    <a:lnTo>
                      <a:pt x="1407" y="578"/>
                    </a:lnTo>
                    <a:lnTo>
                      <a:pt x="1403" y="569"/>
                    </a:lnTo>
                    <a:lnTo>
                      <a:pt x="1397" y="548"/>
                    </a:lnTo>
                    <a:lnTo>
                      <a:pt x="1389" y="519"/>
                    </a:lnTo>
                    <a:lnTo>
                      <a:pt x="1383" y="507"/>
                    </a:lnTo>
                    <a:lnTo>
                      <a:pt x="1377" y="496"/>
                    </a:lnTo>
                    <a:lnTo>
                      <a:pt x="1374" y="491"/>
                    </a:lnTo>
                    <a:lnTo>
                      <a:pt x="1370" y="488"/>
                    </a:lnTo>
                    <a:lnTo>
                      <a:pt x="1366" y="486"/>
                    </a:lnTo>
                    <a:lnTo>
                      <a:pt x="1362" y="486"/>
                    </a:lnTo>
                    <a:lnTo>
                      <a:pt x="1353" y="486"/>
                    </a:lnTo>
                    <a:lnTo>
                      <a:pt x="1345" y="487"/>
                    </a:lnTo>
                    <a:lnTo>
                      <a:pt x="1337" y="490"/>
                    </a:lnTo>
                    <a:lnTo>
                      <a:pt x="1330" y="492"/>
                    </a:lnTo>
                    <a:lnTo>
                      <a:pt x="1315" y="500"/>
                    </a:lnTo>
                    <a:lnTo>
                      <a:pt x="1302" y="509"/>
                    </a:lnTo>
                    <a:lnTo>
                      <a:pt x="1291" y="517"/>
                    </a:lnTo>
                    <a:lnTo>
                      <a:pt x="1278" y="526"/>
                    </a:lnTo>
                    <a:lnTo>
                      <a:pt x="1271" y="530"/>
                    </a:lnTo>
                    <a:lnTo>
                      <a:pt x="1265" y="532"/>
                    </a:lnTo>
                    <a:lnTo>
                      <a:pt x="1258" y="535"/>
                    </a:lnTo>
                    <a:lnTo>
                      <a:pt x="1252" y="536"/>
                    </a:lnTo>
                    <a:lnTo>
                      <a:pt x="1240" y="538"/>
                    </a:lnTo>
                    <a:lnTo>
                      <a:pt x="1229" y="536"/>
                    </a:lnTo>
                    <a:lnTo>
                      <a:pt x="1217" y="534"/>
                    </a:lnTo>
                    <a:lnTo>
                      <a:pt x="1205" y="530"/>
                    </a:lnTo>
                    <a:lnTo>
                      <a:pt x="1194" y="525"/>
                    </a:lnTo>
                    <a:lnTo>
                      <a:pt x="1182" y="518"/>
                    </a:lnTo>
                    <a:lnTo>
                      <a:pt x="1172" y="509"/>
                    </a:lnTo>
                    <a:lnTo>
                      <a:pt x="1161" y="501"/>
                    </a:lnTo>
                    <a:lnTo>
                      <a:pt x="1151" y="491"/>
                    </a:lnTo>
                    <a:lnTo>
                      <a:pt x="1142" y="481"/>
                    </a:lnTo>
                    <a:lnTo>
                      <a:pt x="1133" y="470"/>
                    </a:lnTo>
                    <a:lnTo>
                      <a:pt x="1125" y="459"/>
                    </a:lnTo>
                    <a:lnTo>
                      <a:pt x="1117" y="448"/>
                    </a:lnTo>
                    <a:lnTo>
                      <a:pt x="1112" y="437"/>
                    </a:lnTo>
                    <a:lnTo>
                      <a:pt x="1107" y="426"/>
                    </a:lnTo>
                    <a:lnTo>
                      <a:pt x="1103" y="416"/>
                    </a:lnTo>
                    <a:lnTo>
                      <a:pt x="1098" y="400"/>
                    </a:lnTo>
                    <a:lnTo>
                      <a:pt x="1095" y="383"/>
                    </a:lnTo>
                    <a:lnTo>
                      <a:pt x="1095" y="367"/>
                    </a:lnTo>
                    <a:lnTo>
                      <a:pt x="1098" y="350"/>
                    </a:lnTo>
                    <a:lnTo>
                      <a:pt x="1099" y="341"/>
                    </a:lnTo>
                    <a:lnTo>
                      <a:pt x="1102" y="333"/>
                    </a:lnTo>
                    <a:lnTo>
                      <a:pt x="1105" y="325"/>
                    </a:lnTo>
                    <a:lnTo>
                      <a:pt x="1109" y="319"/>
                    </a:lnTo>
                    <a:lnTo>
                      <a:pt x="1115" y="312"/>
                    </a:lnTo>
                    <a:lnTo>
                      <a:pt x="1121" y="307"/>
                    </a:lnTo>
                    <a:lnTo>
                      <a:pt x="1127" y="302"/>
                    </a:lnTo>
                    <a:lnTo>
                      <a:pt x="1135" y="298"/>
                    </a:lnTo>
                    <a:lnTo>
                      <a:pt x="1153" y="294"/>
                    </a:lnTo>
                    <a:lnTo>
                      <a:pt x="1173" y="291"/>
                    </a:lnTo>
                    <a:lnTo>
                      <a:pt x="1177" y="290"/>
                    </a:lnTo>
                    <a:lnTo>
                      <a:pt x="1179" y="289"/>
                    </a:lnTo>
                    <a:lnTo>
                      <a:pt x="1182" y="286"/>
                    </a:lnTo>
                    <a:lnTo>
                      <a:pt x="1183" y="284"/>
                    </a:lnTo>
                    <a:lnTo>
                      <a:pt x="1183" y="280"/>
                    </a:lnTo>
                    <a:lnTo>
                      <a:pt x="1183" y="276"/>
                    </a:lnTo>
                    <a:lnTo>
                      <a:pt x="1181" y="271"/>
                    </a:lnTo>
                    <a:lnTo>
                      <a:pt x="1177" y="264"/>
                    </a:lnTo>
                    <a:lnTo>
                      <a:pt x="1172" y="255"/>
                    </a:lnTo>
                    <a:lnTo>
                      <a:pt x="1166" y="246"/>
                    </a:lnTo>
                    <a:lnTo>
                      <a:pt x="1162" y="236"/>
                    </a:lnTo>
                    <a:lnTo>
                      <a:pt x="1160" y="227"/>
                    </a:lnTo>
                    <a:lnTo>
                      <a:pt x="1160" y="222"/>
                    </a:lnTo>
                    <a:lnTo>
                      <a:pt x="1160" y="218"/>
                    </a:lnTo>
                    <a:lnTo>
                      <a:pt x="1161" y="214"/>
                    </a:lnTo>
                    <a:lnTo>
                      <a:pt x="1164" y="210"/>
                    </a:lnTo>
                    <a:lnTo>
                      <a:pt x="1168" y="206"/>
                    </a:lnTo>
                    <a:lnTo>
                      <a:pt x="1172" y="203"/>
                    </a:lnTo>
                    <a:lnTo>
                      <a:pt x="1177" y="201"/>
                    </a:lnTo>
                    <a:lnTo>
                      <a:pt x="1183" y="198"/>
                    </a:lnTo>
                    <a:lnTo>
                      <a:pt x="1205" y="197"/>
                    </a:lnTo>
                    <a:lnTo>
                      <a:pt x="1231" y="194"/>
                    </a:lnTo>
                    <a:lnTo>
                      <a:pt x="1243" y="192"/>
                    </a:lnTo>
                    <a:lnTo>
                      <a:pt x="1253" y="188"/>
                    </a:lnTo>
                    <a:lnTo>
                      <a:pt x="1256" y="184"/>
                    </a:lnTo>
                    <a:lnTo>
                      <a:pt x="1258" y="180"/>
                    </a:lnTo>
                    <a:lnTo>
                      <a:pt x="1260" y="176"/>
                    </a:lnTo>
                    <a:lnTo>
                      <a:pt x="1260" y="170"/>
                    </a:lnTo>
                    <a:lnTo>
                      <a:pt x="1288" y="128"/>
                    </a:lnTo>
                    <a:lnTo>
                      <a:pt x="1287" y="124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2" name="Freeform 226">
                <a:extLst>
                  <a:ext uri="{FF2B5EF4-FFF2-40B4-BE49-F238E27FC236}">
                    <a16:creationId xmlns:a16="http://schemas.microsoft.com/office/drawing/2014/main" id="{64DBB96A-53C3-8A40-A3EE-081D7B27558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041774" y="3582034"/>
                <a:ext cx="1865411" cy="2196467"/>
              </a:xfrm>
              <a:custGeom>
                <a:avLst/>
                <a:gdLst/>
                <a:ahLst/>
                <a:cxnLst>
                  <a:cxn ang="0">
                    <a:pos x="4086" y="4191"/>
                  </a:cxn>
                  <a:cxn ang="0">
                    <a:pos x="4017" y="4233"/>
                  </a:cxn>
                  <a:cxn ang="0">
                    <a:pos x="3767" y="4361"/>
                  </a:cxn>
                  <a:cxn ang="0">
                    <a:pos x="3817" y="4490"/>
                  </a:cxn>
                  <a:cxn ang="0">
                    <a:pos x="3767" y="4635"/>
                  </a:cxn>
                  <a:cxn ang="0">
                    <a:pos x="3876" y="4790"/>
                  </a:cxn>
                  <a:cxn ang="0">
                    <a:pos x="3968" y="4746"/>
                  </a:cxn>
                  <a:cxn ang="0">
                    <a:pos x="25" y="516"/>
                  </a:cxn>
                  <a:cxn ang="0">
                    <a:pos x="869" y="2047"/>
                  </a:cxn>
                  <a:cxn ang="0">
                    <a:pos x="898" y="1884"/>
                  </a:cxn>
                  <a:cxn ang="0">
                    <a:pos x="685" y="2730"/>
                  </a:cxn>
                  <a:cxn ang="0">
                    <a:pos x="742" y="2521"/>
                  </a:cxn>
                  <a:cxn ang="0">
                    <a:pos x="942" y="2398"/>
                  </a:cxn>
                  <a:cxn ang="0">
                    <a:pos x="859" y="2116"/>
                  </a:cxn>
                  <a:cxn ang="0">
                    <a:pos x="970" y="1852"/>
                  </a:cxn>
                  <a:cxn ang="0">
                    <a:pos x="763" y="1477"/>
                  </a:cxn>
                  <a:cxn ang="0">
                    <a:pos x="679" y="1349"/>
                  </a:cxn>
                  <a:cxn ang="0">
                    <a:pos x="627" y="1186"/>
                  </a:cxn>
                  <a:cxn ang="0">
                    <a:pos x="513" y="1124"/>
                  </a:cxn>
                  <a:cxn ang="0">
                    <a:pos x="420" y="1017"/>
                  </a:cxn>
                  <a:cxn ang="0">
                    <a:pos x="269" y="840"/>
                  </a:cxn>
                  <a:cxn ang="0">
                    <a:pos x="149" y="779"/>
                  </a:cxn>
                  <a:cxn ang="0">
                    <a:pos x="152" y="686"/>
                  </a:cxn>
                  <a:cxn ang="0">
                    <a:pos x="254" y="637"/>
                  </a:cxn>
                  <a:cxn ang="0">
                    <a:pos x="264" y="503"/>
                  </a:cxn>
                  <a:cxn ang="0">
                    <a:pos x="473" y="564"/>
                  </a:cxn>
                  <a:cxn ang="0">
                    <a:pos x="641" y="528"/>
                  </a:cxn>
                  <a:cxn ang="0">
                    <a:pos x="740" y="748"/>
                  </a:cxn>
                  <a:cxn ang="0">
                    <a:pos x="959" y="736"/>
                  </a:cxn>
                  <a:cxn ang="0">
                    <a:pos x="1038" y="753"/>
                  </a:cxn>
                  <a:cxn ang="0">
                    <a:pos x="1136" y="646"/>
                  </a:cxn>
                  <a:cxn ang="0">
                    <a:pos x="1091" y="270"/>
                  </a:cxn>
                  <a:cxn ang="0">
                    <a:pos x="1306" y="401"/>
                  </a:cxn>
                  <a:cxn ang="0">
                    <a:pos x="1521" y="560"/>
                  </a:cxn>
                  <a:cxn ang="0">
                    <a:pos x="1696" y="529"/>
                  </a:cxn>
                  <a:cxn ang="0">
                    <a:pos x="2206" y="333"/>
                  </a:cxn>
                  <a:cxn ang="0">
                    <a:pos x="2411" y="29"/>
                  </a:cxn>
                  <a:cxn ang="0">
                    <a:pos x="2700" y="162"/>
                  </a:cxn>
                  <a:cxn ang="0">
                    <a:pos x="2828" y="390"/>
                  </a:cxn>
                  <a:cxn ang="0">
                    <a:pos x="3009" y="649"/>
                  </a:cxn>
                  <a:cxn ang="0">
                    <a:pos x="3249" y="849"/>
                  </a:cxn>
                  <a:cxn ang="0">
                    <a:pos x="3668" y="1063"/>
                  </a:cxn>
                  <a:cxn ang="0">
                    <a:pos x="4085" y="1319"/>
                  </a:cxn>
                  <a:cxn ang="0">
                    <a:pos x="3805" y="1867"/>
                  </a:cxn>
                  <a:cxn ang="0">
                    <a:pos x="3525" y="1988"/>
                  </a:cxn>
                  <a:cxn ang="0">
                    <a:pos x="3384" y="2141"/>
                  </a:cxn>
                  <a:cxn ang="0">
                    <a:pos x="3162" y="2498"/>
                  </a:cxn>
                  <a:cxn ang="0">
                    <a:pos x="3421" y="2413"/>
                  </a:cxn>
                  <a:cxn ang="0">
                    <a:pos x="3419" y="2727"/>
                  </a:cxn>
                  <a:cxn ang="0">
                    <a:pos x="3379" y="2968"/>
                  </a:cxn>
                  <a:cxn ang="0">
                    <a:pos x="3337" y="3226"/>
                  </a:cxn>
                  <a:cxn ang="0">
                    <a:pos x="3503" y="3521"/>
                  </a:cxn>
                  <a:cxn ang="0">
                    <a:pos x="3263" y="3771"/>
                  </a:cxn>
                  <a:cxn ang="0">
                    <a:pos x="2880" y="3874"/>
                  </a:cxn>
                  <a:cxn ang="0">
                    <a:pos x="2626" y="3700"/>
                  </a:cxn>
                  <a:cxn ang="0">
                    <a:pos x="2456" y="3628"/>
                  </a:cxn>
                  <a:cxn ang="0">
                    <a:pos x="2091" y="3626"/>
                  </a:cxn>
                  <a:cxn ang="0">
                    <a:pos x="1951" y="3856"/>
                  </a:cxn>
                  <a:cxn ang="0">
                    <a:pos x="1583" y="3900"/>
                  </a:cxn>
                  <a:cxn ang="0">
                    <a:pos x="1338" y="3655"/>
                  </a:cxn>
                  <a:cxn ang="0">
                    <a:pos x="1112" y="3624"/>
                  </a:cxn>
                  <a:cxn ang="0">
                    <a:pos x="723" y="3464"/>
                  </a:cxn>
                  <a:cxn ang="0">
                    <a:pos x="548" y="3242"/>
                  </a:cxn>
                </a:cxnLst>
                <a:rect l="0" t="0" r="r" b="b"/>
                <a:pathLst>
                  <a:path w="4099" h="4863">
                    <a:moveTo>
                      <a:pt x="4010" y="4635"/>
                    </a:moveTo>
                    <a:lnTo>
                      <a:pt x="4013" y="4621"/>
                    </a:lnTo>
                    <a:lnTo>
                      <a:pt x="4017" y="4608"/>
                    </a:lnTo>
                    <a:lnTo>
                      <a:pt x="4021" y="4594"/>
                    </a:lnTo>
                    <a:lnTo>
                      <a:pt x="4028" y="4581"/>
                    </a:lnTo>
                    <a:lnTo>
                      <a:pt x="4041" y="4562"/>
                    </a:lnTo>
                    <a:lnTo>
                      <a:pt x="4055" y="4545"/>
                    </a:lnTo>
                    <a:lnTo>
                      <a:pt x="4063" y="4534"/>
                    </a:lnTo>
                    <a:lnTo>
                      <a:pt x="4069" y="4524"/>
                    </a:lnTo>
                    <a:lnTo>
                      <a:pt x="4074" y="4515"/>
                    </a:lnTo>
                    <a:lnTo>
                      <a:pt x="4080" y="4505"/>
                    </a:lnTo>
                    <a:lnTo>
                      <a:pt x="4083" y="4494"/>
                    </a:lnTo>
                    <a:lnTo>
                      <a:pt x="4086" y="4483"/>
                    </a:lnTo>
                    <a:lnTo>
                      <a:pt x="4087" y="4471"/>
                    </a:lnTo>
                    <a:lnTo>
                      <a:pt x="4089" y="4458"/>
                    </a:lnTo>
                    <a:lnTo>
                      <a:pt x="4089" y="4444"/>
                    </a:lnTo>
                    <a:lnTo>
                      <a:pt x="4090" y="4428"/>
                    </a:lnTo>
                    <a:lnTo>
                      <a:pt x="4090" y="4411"/>
                    </a:lnTo>
                    <a:lnTo>
                      <a:pt x="4087" y="4398"/>
                    </a:lnTo>
                    <a:lnTo>
                      <a:pt x="4086" y="4378"/>
                    </a:lnTo>
                    <a:lnTo>
                      <a:pt x="4083" y="4356"/>
                    </a:lnTo>
                    <a:lnTo>
                      <a:pt x="4078" y="4331"/>
                    </a:lnTo>
                    <a:lnTo>
                      <a:pt x="4074" y="4305"/>
                    </a:lnTo>
                    <a:lnTo>
                      <a:pt x="4072" y="4281"/>
                    </a:lnTo>
                    <a:lnTo>
                      <a:pt x="4070" y="4256"/>
                    </a:lnTo>
                    <a:lnTo>
                      <a:pt x="4070" y="4246"/>
                    </a:lnTo>
                    <a:lnTo>
                      <a:pt x="4072" y="4235"/>
                    </a:lnTo>
                    <a:lnTo>
                      <a:pt x="4074" y="4225"/>
                    </a:lnTo>
                    <a:lnTo>
                      <a:pt x="4078" y="4216"/>
                    </a:lnTo>
                    <a:lnTo>
                      <a:pt x="4081" y="4207"/>
                    </a:lnTo>
                    <a:lnTo>
                      <a:pt x="4086" y="4191"/>
                    </a:lnTo>
                    <a:lnTo>
                      <a:pt x="4091" y="4172"/>
                    </a:lnTo>
                    <a:lnTo>
                      <a:pt x="4095" y="4152"/>
                    </a:lnTo>
                    <a:lnTo>
                      <a:pt x="4096" y="4142"/>
                    </a:lnTo>
                    <a:lnTo>
                      <a:pt x="4096" y="4134"/>
                    </a:lnTo>
                    <a:lnTo>
                      <a:pt x="4096" y="4126"/>
                    </a:lnTo>
                    <a:lnTo>
                      <a:pt x="4095" y="4120"/>
                    </a:lnTo>
                    <a:lnTo>
                      <a:pt x="4094" y="4117"/>
                    </a:lnTo>
                    <a:lnTo>
                      <a:pt x="4092" y="4116"/>
                    </a:lnTo>
                    <a:lnTo>
                      <a:pt x="4090" y="4115"/>
                    </a:lnTo>
                    <a:lnTo>
                      <a:pt x="4089" y="4115"/>
                    </a:lnTo>
                    <a:lnTo>
                      <a:pt x="4082" y="4115"/>
                    </a:lnTo>
                    <a:lnTo>
                      <a:pt x="4076" y="4119"/>
                    </a:lnTo>
                    <a:lnTo>
                      <a:pt x="4068" y="4125"/>
                    </a:lnTo>
                    <a:lnTo>
                      <a:pt x="4063" y="4132"/>
                    </a:lnTo>
                    <a:lnTo>
                      <a:pt x="4057" y="4138"/>
                    </a:lnTo>
                    <a:lnTo>
                      <a:pt x="4054" y="4145"/>
                    </a:lnTo>
                    <a:lnTo>
                      <a:pt x="4047" y="4160"/>
                    </a:lnTo>
                    <a:lnTo>
                      <a:pt x="4038" y="4176"/>
                    </a:lnTo>
                    <a:lnTo>
                      <a:pt x="4035" y="4181"/>
                    </a:lnTo>
                    <a:lnTo>
                      <a:pt x="4034" y="4186"/>
                    </a:lnTo>
                    <a:lnTo>
                      <a:pt x="4034" y="4191"/>
                    </a:lnTo>
                    <a:lnTo>
                      <a:pt x="4037" y="4195"/>
                    </a:lnTo>
                    <a:lnTo>
                      <a:pt x="4041" y="4204"/>
                    </a:lnTo>
                    <a:lnTo>
                      <a:pt x="4043" y="4214"/>
                    </a:lnTo>
                    <a:lnTo>
                      <a:pt x="4043" y="4218"/>
                    </a:lnTo>
                    <a:lnTo>
                      <a:pt x="4042" y="4222"/>
                    </a:lnTo>
                    <a:lnTo>
                      <a:pt x="4039" y="4225"/>
                    </a:lnTo>
                    <a:lnTo>
                      <a:pt x="4038" y="4227"/>
                    </a:lnTo>
                    <a:lnTo>
                      <a:pt x="4032" y="4231"/>
                    </a:lnTo>
                    <a:lnTo>
                      <a:pt x="4025" y="4233"/>
                    </a:lnTo>
                    <a:lnTo>
                      <a:pt x="4017" y="4233"/>
                    </a:lnTo>
                    <a:lnTo>
                      <a:pt x="4010" y="4231"/>
                    </a:lnTo>
                    <a:lnTo>
                      <a:pt x="4003" y="4229"/>
                    </a:lnTo>
                    <a:lnTo>
                      <a:pt x="3998" y="4226"/>
                    </a:lnTo>
                    <a:lnTo>
                      <a:pt x="3988" y="4222"/>
                    </a:lnTo>
                    <a:lnTo>
                      <a:pt x="3978" y="4221"/>
                    </a:lnTo>
                    <a:lnTo>
                      <a:pt x="3968" y="4220"/>
                    </a:lnTo>
                    <a:lnTo>
                      <a:pt x="3956" y="4220"/>
                    </a:lnTo>
                    <a:lnTo>
                      <a:pt x="3945" y="4220"/>
                    </a:lnTo>
                    <a:lnTo>
                      <a:pt x="3933" y="4222"/>
                    </a:lnTo>
                    <a:lnTo>
                      <a:pt x="3921" y="4225"/>
                    </a:lnTo>
                    <a:lnTo>
                      <a:pt x="3910" y="4229"/>
                    </a:lnTo>
                    <a:lnTo>
                      <a:pt x="3886" y="4238"/>
                    </a:lnTo>
                    <a:lnTo>
                      <a:pt x="3864" y="4248"/>
                    </a:lnTo>
                    <a:lnTo>
                      <a:pt x="3855" y="4255"/>
                    </a:lnTo>
                    <a:lnTo>
                      <a:pt x="3846" y="4261"/>
                    </a:lnTo>
                    <a:lnTo>
                      <a:pt x="3837" y="4268"/>
                    </a:lnTo>
                    <a:lnTo>
                      <a:pt x="3831" y="4274"/>
                    </a:lnTo>
                    <a:lnTo>
                      <a:pt x="3824" y="4282"/>
                    </a:lnTo>
                    <a:lnTo>
                      <a:pt x="3820" y="4292"/>
                    </a:lnTo>
                    <a:lnTo>
                      <a:pt x="3815" y="4303"/>
                    </a:lnTo>
                    <a:lnTo>
                      <a:pt x="3811" y="4314"/>
                    </a:lnTo>
                    <a:lnTo>
                      <a:pt x="3806" y="4325"/>
                    </a:lnTo>
                    <a:lnTo>
                      <a:pt x="3801" y="4332"/>
                    </a:lnTo>
                    <a:lnTo>
                      <a:pt x="3798" y="4336"/>
                    </a:lnTo>
                    <a:lnTo>
                      <a:pt x="3794" y="4339"/>
                    </a:lnTo>
                    <a:lnTo>
                      <a:pt x="3791" y="4340"/>
                    </a:lnTo>
                    <a:lnTo>
                      <a:pt x="3785" y="4340"/>
                    </a:lnTo>
                    <a:lnTo>
                      <a:pt x="3776" y="4347"/>
                    </a:lnTo>
                    <a:lnTo>
                      <a:pt x="3769" y="4353"/>
                    </a:lnTo>
                    <a:lnTo>
                      <a:pt x="3767" y="4357"/>
                    </a:lnTo>
                    <a:lnTo>
                      <a:pt x="3767" y="4361"/>
                    </a:lnTo>
                    <a:lnTo>
                      <a:pt x="3769" y="4365"/>
                    </a:lnTo>
                    <a:lnTo>
                      <a:pt x="3774" y="4369"/>
                    </a:lnTo>
                    <a:lnTo>
                      <a:pt x="3783" y="4374"/>
                    </a:lnTo>
                    <a:lnTo>
                      <a:pt x="3793" y="4379"/>
                    </a:lnTo>
                    <a:lnTo>
                      <a:pt x="3798" y="4383"/>
                    </a:lnTo>
                    <a:lnTo>
                      <a:pt x="3802" y="4387"/>
                    </a:lnTo>
                    <a:lnTo>
                      <a:pt x="3805" y="4391"/>
                    </a:lnTo>
                    <a:lnTo>
                      <a:pt x="3805" y="4395"/>
                    </a:lnTo>
                    <a:lnTo>
                      <a:pt x="3804" y="4397"/>
                    </a:lnTo>
                    <a:lnTo>
                      <a:pt x="3802" y="4398"/>
                    </a:lnTo>
                    <a:lnTo>
                      <a:pt x="3800" y="4400"/>
                    </a:lnTo>
                    <a:lnTo>
                      <a:pt x="3796" y="4401"/>
                    </a:lnTo>
                    <a:lnTo>
                      <a:pt x="3789" y="4402"/>
                    </a:lnTo>
                    <a:lnTo>
                      <a:pt x="3782" y="4405"/>
                    </a:lnTo>
                    <a:lnTo>
                      <a:pt x="3778" y="4406"/>
                    </a:lnTo>
                    <a:lnTo>
                      <a:pt x="3774" y="4409"/>
                    </a:lnTo>
                    <a:lnTo>
                      <a:pt x="3770" y="4410"/>
                    </a:lnTo>
                    <a:lnTo>
                      <a:pt x="3767" y="4414"/>
                    </a:lnTo>
                    <a:lnTo>
                      <a:pt x="3765" y="4418"/>
                    </a:lnTo>
                    <a:lnTo>
                      <a:pt x="3763" y="4423"/>
                    </a:lnTo>
                    <a:lnTo>
                      <a:pt x="3763" y="4428"/>
                    </a:lnTo>
                    <a:lnTo>
                      <a:pt x="3763" y="4435"/>
                    </a:lnTo>
                    <a:lnTo>
                      <a:pt x="3766" y="4450"/>
                    </a:lnTo>
                    <a:lnTo>
                      <a:pt x="3770" y="4462"/>
                    </a:lnTo>
                    <a:lnTo>
                      <a:pt x="3774" y="4467"/>
                    </a:lnTo>
                    <a:lnTo>
                      <a:pt x="3778" y="4471"/>
                    </a:lnTo>
                    <a:lnTo>
                      <a:pt x="3783" y="4475"/>
                    </a:lnTo>
                    <a:lnTo>
                      <a:pt x="3791" y="4477"/>
                    </a:lnTo>
                    <a:lnTo>
                      <a:pt x="3800" y="4481"/>
                    </a:lnTo>
                    <a:lnTo>
                      <a:pt x="3811" y="4487"/>
                    </a:lnTo>
                    <a:lnTo>
                      <a:pt x="3817" y="4490"/>
                    </a:lnTo>
                    <a:lnTo>
                      <a:pt x="3820" y="4494"/>
                    </a:lnTo>
                    <a:lnTo>
                      <a:pt x="3824" y="4498"/>
                    </a:lnTo>
                    <a:lnTo>
                      <a:pt x="3824" y="4502"/>
                    </a:lnTo>
                    <a:lnTo>
                      <a:pt x="3823" y="4506"/>
                    </a:lnTo>
                    <a:lnTo>
                      <a:pt x="3818" y="4509"/>
                    </a:lnTo>
                    <a:lnTo>
                      <a:pt x="3810" y="4512"/>
                    </a:lnTo>
                    <a:lnTo>
                      <a:pt x="3802" y="4516"/>
                    </a:lnTo>
                    <a:lnTo>
                      <a:pt x="3794" y="4520"/>
                    </a:lnTo>
                    <a:lnTo>
                      <a:pt x="3787" y="4525"/>
                    </a:lnTo>
                    <a:lnTo>
                      <a:pt x="3784" y="4528"/>
                    </a:lnTo>
                    <a:lnTo>
                      <a:pt x="3782" y="4532"/>
                    </a:lnTo>
                    <a:lnTo>
                      <a:pt x="3779" y="4536"/>
                    </a:lnTo>
                    <a:lnTo>
                      <a:pt x="3778" y="4540"/>
                    </a:lnTo>
                    <a:lnTo>
                      <a:pt x="3776" y="4547"/>
                    </a:lnTo>
                    <a:lnTo>
                      <a:pt x="3772" y="4554"/>
                    </a:lnTo>
                    <a:lnTo>
                      <a:pt x="3770" y="4560"/>
                    </a:lnTo>
                    <a:lnTo>
                      <a:pt x="3765" y="4566"/>
                    </a:lnTo>
                    <a:lnTo>
                      <a:pt x="3756" y="4576"/>
                    </a:lnTo>
                    <a:lnTo>
                      <a:pt x="3748" y="4589"/>
                    </a:lnTo>
                    <a:lnTo>
                      <a:pt x="3743" y="4599"/>
                    </a:lnTo>
                    <a:lnTo>
                      <a:pt x="3741" y="4607"/>
                    </a:lnTo>
                    <a:lnTo>
                      <a:pt x="3743" y="4610"/>
                    </a:lnTo>
                    <a:lnTo>
                      <a:pt x="3743" y="4611"/>
                    </a:lnTo>
                    <a:lnTo>
                      <a:pt x="3745" y="4613"/>
                    </a:lnTo>
                    <a:lnTo>
                      <a:pt x="3747" y="4615"/>
                    </a:lnTo>
                    <a:lnTo>
                      <a:pt x="3760" y="4616"/>
                    </a:lnTo>
                    <a:lnTo>
                      <a:pt x="3774" y="4616"/>
                    </a:lnTo>
                    <a:lnTo>
                      <a:pt x="3774" y="4620"/>
                    </a:lnTo>
                    <a:lnTo>
                      <a:pt x="3774" y="4624"/>
                    </a:lnTo>
                    <a:lnTo>
                      <a:pt x="3771" y="4630"/>
                    </a:lnTo>
                    <a:lnTo>
                      <a:pt x="3767" y="4635"/>
                    </a:lnTo>
                    <a:lnTo>
                      <a:pt x="3760" y="4647"/>
                    </a:lnTo>
                    <a:lnTo>
                      <a:pt x="3752" y="4659"/>
                    </a:lnTo>
                    <a:lnTo>
                      <a:pt x="3745" y="4670"/>
                    </a:lnTo>
                    <a:lnTo>
                      <a:pt x="3743" y="4680"/>
                    </a:lnTo>
                    <a:lnTo>
                      <a:pt x="3743" y="4683"/>
                    </a:lnTo>
                    <a:lnTo>
                      <a:pt x="3745" y="4686"/>
                    </a:lnTo>
                    <a:lnTo>
                      <a:pt x="3749" y="4687"/>
                    </a:lnTo>
                    <a:lnTo>
                      <a:pt x="3756" y="4687"/>
                    </a:lnTo>
                    <a:lnTo>
                      <a:pt x="3776" y="4686"/>
                    </a:lnTo>
                    <a:lnTo>
                      <a:pt x="3800" y="4685"/>
                    </a:lnTo>
                    <a:lnTo>
                      <a:pt x="3804" y="4685"/>
                    </a:lnTo>
                    <a:lnTo>
                      <a:pt x="3806" y="4686"/>
                    </a:lnTo>
                    <a:lnTo>
                      <a:pt x="3809" y="4687"/>
                    </a:lnTo>
                    <a:lnTo>
                      <a:pt x="3810" y="4690"/>
                    </a:lnTo>
                    <a:lnTo>
                      <a:pt x="3809" y="4694"/>
                    </a:lnTo>
                    <a:lnTo>
                      <a:pt x="3807" y="4699"/>
                    </a:lnTo>
                    <a:lnTo>
                      <a:pt x="3804" y="4704"/>
                    </a:lnTo>
                    <a:lnTo>
                      <a:pt x="3797" y="4711"/>
                    </a:lnTo>
                    <a:lnTo>
                      <a:pt x="3794" y="4715"/>
                    </a:lnTo>
                    <a:lnTo>
                      <a:pt x="3792" y="4718"/>
                    </a:lnTo>
                    <a:lnTo>
                      <a:pt x="3791" y="4721"/>
                    </a:lnTo>
                    <a:lnTo>
                      <a:pt x="3791" y="4725"/>
                    </a:lnTo>
                    <a:lnTo>
                      <a:pt x="3792" y="4731"/>
                    </a:lnTo>
                    <a:lnTo>
                      <a:pt x="3796" y="4738"/>
                    </a:lnTo>
                    <a:lnTo>
                      <a:pt x="3802" y="4744"/>
                    </a:lnTo>
                    <a:lnTo>
                      <a:pt x="3809" y="4751"/>
                    </a:lnTo>
                    <a:lnTo>
                      <a:pt x="3818" y="4757"/>
                    </a:lnTo>
                    <a:lnTo>
                      <a:pt x="3828" y="4764"/>
                    </a:lnTo>
                    <a:lnTo>
                      <a:pt x="3849" y="4774"/>
                    </a:lnTo>
                    <a:lnTo>
                      <a:pt x="3868" y="4786"/>
                    </a:lnTo>
                    <a:lnTo>
                      <a:pt x="3876" y="4790"/>
                    </a:lnTo>
                    <a:lnTo>
                      <a:pt x="3884" y="4795"/>
                    </a:lnTo>
                    <a:lnTo>
                      <a:pt x="3888" y="4799"/>
                    </a:lnTo>
                    <a:lnTo>
                      <a:pt x="3892" y="4803"/>
                    </a:lnTo>
                    <a:lnTo>
                      <a:pt x="3894" y="4816"/>
                    </a:lnTo>
                    <a:lnTo>
                      <a:pt x="3897" y="4826"/>
                    </a:lnTo>
                    <a:lnTo>
                      <a:pt x="3898" y="4830"/>
                    </a:lnTo>
                    <a:lnTo>
                      <a:pt x="3901" y="4835"/>
                    </a:lnTo>
                    <a:lnTo>
                      <a:pt x="3905" y="4839"/>
                    </a:lnTo>
                    <a:lnTo>
                      <a:pt x="3912" y="4841"/>
                    </a:lnTo>
                    <a:lnTo>
                      <a:pt x="3923" y="4849"/>
                    </a:lnTo>
                    <a:lnTo>
                      <a:pt x="3931" y="4857"/>
                    </a:lnTo>
                    <a:lnTo>
                      <a:pt x="3934" y="4861"/>
                    </a:lnTo>
                    <a:lnTo>
                      <a:pt x="3938" y="4863"/>
                    </a:lnTo>
                    <a:lnTo>
                      <a:pt x="3945" y="4863"/>
                    </a:lnTo>
                    <a:lnTo>
                      <a:pt x="3953" y="4862"/>
                    </a:lnTo>
                    <a:lnTo>
                      <a:pt x="3949" y="4848"/>
                    </a:lnTo>
                    <a:lnTo>
                      <a:pt x="3945" y="4832"/>
                    </a:lnTo>
                    <a:lnTo>
                      <a:pt x="3942" y="4825"/>
                    </a:lnTo>
                    <a:lnTo>
                      <a:pt x="3942" y="4817"/>
                    </a:lnTo>
                    <a:lnTo>
                      <a:pt x="3942" y="4810"/>
                    </a:lnTo>
                    <a:lnTo>
                      <a:pt x="3946" y="4804"/>
                    </a:lnTo>
                    <a:lnTo>
                      <a:pt x="3953" y="4796"/>
                    </a:lnTo>
                    <a:lnTo>
                      <a:pt x="3959" y="4790"/>
                    </a:lnTo>
                    <a:lnTo>
                      <a:pt x="3966" y="4783"/>
                    </a:lnTo>
                    <a:lnTo>
                      <a:pt x="3971" y="4774"/>
                    </a:lnTo>
                    <a:lnTo>
                      <a:pt x="3972" y="4769"/>
                    </a:lnTo>
                    <a:lnTo>
                      <a:pt x="3973" y="4765"/>
                    </a:lnTo>
                    <a:lnTo>
                      <a:pt x="3973" y="4761"/>
                    </a:lnTo>
                    <a:lnTo>
                      <a:pt x="3972" y="4757"/>
                    </a:lnTo>
                    <a:lnTo>
                      <a:pt x="3969" y="4751"/>
                    </a:lnTo>
                    <a:lnTo>
                      <a:pt x="3968" y="4746"/>
                    </a:lnTo>
                    <a:lnTo>
                      <a:pt x="3967" y="4742"/>
                    </a:lnTo>
                    <a:lnTo>
                      <a:pt x="3967" y="4738"/>
                    </a:lnTo>
                    <a:lnTo>
                      <a:pt x="3972" y="4733"/>
                    </a:lnTo>
                    <a:lnTo>
                      <a:pt x="3982" y="4726"/>
                    </a:lnTo>
                    <a:lnTo>
                      <a:pt x="3985" y="4725"/>
                    </a:lnTo>
                    <a:lnTo>
                      <a:pt x="3988" y="4722"/>
                    </a:lnTo>
                    <a:lnTo>
                      <a:pt x="3990" y="4718"/>
                    </a:lnTo>
                    <a:lnTo>
                      <a:pt x="3991" y="4715"/>
                    </a:lnTo>
                    <a:lnTo>
                      <a:pt x="3994" y="4704"/>
                    </a:lnTo>
                    <a:lnTo>
                      <a:pt x="3997" y="4692"/>
                    </a:lnTo>
                    <a:lnTo>
                      <a:pt x="3998" y="4670"/>
                    </a:lnTo>
                    <a:lnTo>
                      <a:pt x="3999" y="4654"/>
                    </a:lnTo>
                    <a:lnTo>
                      <a:pt x="4010" y="4635"/>
                    </a:lnTo>
                    <a:close/>
                    <a:moveTo>
                      <a:pt x="47" y="554"/>
                    </a:moveTo>
                    <a:lnTo>
                      <a:pt x="39" y="556"/>
                    </a:lnTo>
                    <a:lnTo>
                      <a:pt x="30" y="558"/>
                    </a:lnTo>
                    <a:lnTo>
                      <a:pt x="25" y="558"/>
                    </a:lnTo>
                    <a:lnTo>
                      <a:pt x="21" y="556"/>
                    </a:lnTo>
                    <a:lnTo>
                      <a:pt x="16" y="555"/>
                    </a:lnTo>
                    <a:lnTo>
                      <a:pt x="12" y="554"/>
                    </a:lnTo>
                    <a:lnTo>
                      <a:pt x="8" y="550"/>
                    </a:lnTo>
                    <a:lnTo>
                      <a:pt x="5" y="545"/>
                    </a:lnTo>
                    <a:lnTo>
                      <a:pt x="3" y="539"/>
                    </a:lnTo>
                    <a:lnTo>
                      <a:pt x="0" y="532"/>
                    </a:lnTo>
                    <a:lnTo>
                      <a:pt x="0" y="526"/>
                    </a:lnTo>
                    <a:lnTo>
                      <a:pt x="1" y="520"/>
                    </a:lnTo>
                    <a:lnTo>
                      <a:pt x="3" y="519"/>
                    </a:lnTo>
                    <a:lnTo>
                      <a:pt x="5" y="516"/>
                    </a:lnTo>
                    <a:lnTo>
                      <a:pt x="8" y="515"/>
                    </a:lnTo>
                    <a:lnTo>
                      <a:pt x="10" y="515"/>
                    </a:lnTo>
                    <a:lnTo>
                      <a:pt x="25" y="516"/>
                    </a:lnTo>
                    <a:lnTo>
                      <a:pt x="38" y="521"/>
                    </a:lnTo>
                    <a:lnTo>
                      <a:pt x="44" y="524"/>
                    </a:lnTo>
                    <a:lnTo>
                      <a:pt x="49" y="528"/>
                    </a:lnTo>
                    <a:lnTo>
                      <a:pt x="53" y="533"/>
                    </a:lnTo>
                    <a:lnTo>
                      <a:pt x="57" y="539"/>
                    </a:lnTo>
                    <a:lnTo>
                      <a:pt x="47" y="554"/>
                    </a:lnTo>
                    <a:close/>
                    <a:moveTo>
                      <a:pt x="841" y="2025"/>
                    </a:moveTo>
                    <a:lnTo>
                      <a:pt x="837" y="2017"/>
                    </a:lnTo>
                    <a:lnTo>
                      <a:pt x="834" y="2006"/>
                    </a:lnTo>
                    <a:lnTo>
                      <a:pt x="830" y="1994"/>
                    </a:lnTo>
                    <a:lnTo>
                      <a:pt x="828" y="1985"/>
                    </a:lnTo>
                    <a:lnTo>
                      <a:pt x="824" y="1973"/>
                    </a:lnTo>
                    <a:lnTo>
                      <a:pt x="821" y="1962"/>
                    </a:lnTo>
                    <a:lnTo>
                      <a:pt x="820" y="1950"/>
                    </a:lnTo>
                    <a:lnTo>
                      <a:pt x="821" y="1938"/>
                    </a:lnTo>
                    <a:lnTo>
                      <a:pt x="824" y="1937"/>
                    </a:lnTo>
                    <a:lnTo>
                      <a:pt x="828" y="1938"/>
                    </a:lnTo>
                    <a:lnTo>
                      <a:pt x="832" y="1940"/>
                    </a:lnTo>
                    <a:lnTo>
                      <a:pt x="836" y="1944"/>
                    </a:lnTo>
                    <a:lnTo>
                      <a:pt x="842" y="1950"/>
                    </a:lnTo>
                    <a:lnTo>
                      <a:pt x="846" y="1957"/>
                    </a:lnTo>
                    <a:lnTo>
                      <a:pt x="855" y="1971"/>
                    </a:lnTo>
                    <a:lnTo>
                      <a:pt x="861" y="1984"/>
                    </a:lnTo>
                    <a:lnTo>
                      <a:pt x="864" y="1990"/>
                    </a:lnTo>
                    <a:lnTo>
                      <a:pt x="865" y="1997"/>
                    </a:lnTo>
                    <a:lnTo>
                      <a:pt x="867" y="2005"/>
                    </a:lnTo>
                    <a:lnTo>
                      <a:pt x="867" y="2014"/>
                    </a:lnTo>
                    <a:lnTo>
                      <a:pt x="867" y="2025"/>
                    </a:lnTo>
                    <a:lnTo>
                      <a:pt x="868" y="2037"/>
                    </a:lnTo>
                    <a:lnTo>
                      <a:pt x="868" y="2042"/>
                    </a:lnTo>
                    <a:lnTo>
                      <a:pt x="869" y="2047"/>
                    </a:lnTo>
                    <a:lnTo>
                      <a:pt x="869" y="2051"/>
                    </a:lnTo>
                    <a:lnTo>
                      <a:pt x="868" y="2056"/>
                    </a:lnTo>
                    <a:lnTo>
                      <a:pt x="864" y="2056"/>
                    </a:lnTo>
                    <a:lnTo>
                      <a:pt x="861" y="2055"/>
                    </a:lnTo>
                    <a:lnTo>
                      <a:pt x="858" y="2054"/>
                    </a:lnTo>
                    <a:lnTo>
                      <a:pt x="855" y="2051"/>
                    </a:lnTo>
                    <a:lnTo>
                      <a:pt x="851" y="2046"/>
                    </a:lnTo>
                    <a:lnTo>
                      <a:pt x="849" y="2038"/>
                    </a:lnTo>
                    <a:lnTo>
                      <a:pt x="841" y="2025"/>
                    </a:lnTo>
                    <a:close/>
                    <a:moveTo>
                      <a:pt x="859" y="1875"/>
                    </a:moveTo>
                    <a:lnTo>
                      <a:pt x="851" y="1875"/>
                    </a:lnTo>
                    <a:lnTo>
                      <a:pt x="845" y="1874"/>
                    </a:lnTo>
                    <a:lnTo>
                      <a:pt x="838" y="1871"/>
                    </a:lnTo>
                    <a:lnTo>
                      <a:pt x="832" y="1867"/>
                    </a:lnTo>
                    <a:lnTo>
                      <a:pt x="825" y="1863"/>
                    </a:lnTo>
                    <a:lnTo>
                      <a:pt x="820" y="1859"/>
                    </a:lnTo>
                    <a:lnTo>
                      <a:pt x="816" y="1854"/>
                    </a:lnTo>
                    <a:lnTo>
                      <a:pt x="812" y="1848"/>
                    </a:lnTo>
                    <a:lnTo>
                      <a:pt x="811" y="1841"/>
                    </a:lnTo>
                    <a:lnTo>
                      <a:pt x="811" y="1839"/>
                    </a:lnTo>
                    <a:lnTo>
                      <a:pt x="812" y="1837"/>
                    </a:lnTo>
                    <a:lnTo>
                      <a:pt x="816" y="1837"/>
                    </a:lnTo>
                    <a:lnTo>
                      <a:pt x="824" y="1840"/>
                    </a:lnTo>
                    <a:lnTo>
                      <a:pt x="832" y="1841"/>
                    </a:lnTo>
                    <a:lnTo>
                      <a:pt x="849" y="1843"/>
                    </a:lnTo>
                    <a:lnTo>
                      <a:pt x="864" y="1846"/>
                    </a:lnTo>
                    <a:lnTo>
                      <a:pt x="869" y="1852"/>
                    </a:lnTo>
                    <a:lnTo>
                      <a:pt x="873" y="1858"/>
                    </a:lnTo>
                    <a:lnTo>
                      <a:pt x="885" y="1871"/>
                    </a:lnTo>
                    <a:lnTo>
                      <a:pt x="896" y="1881"/>
                    </a:lnTo>
                    <a:lnTo>
                      <a:pt x="898" y="1884"/>
                    </a:lnTo>
                    <a:lnTo>
                      <a:pt x="898" y="1885"/>
                    </a:lnTo>
                    <a:lnTo>
                      <a:pt x="898" y="1887"/>
                    </a:lnTo>
                    <a:lnTo>
                      <a:pt x="895" y="1888"/>
                    </a:lnTo>
                    <a:lnTo>
                      <a:pt x="884" y="1887"/>
                    </a:lnTo>
                    <a:lnTo>
                      <a:pt x="872" y="1884"/>
                    </a:lnTo>
                    <a:lnTo>
                      <a:pt x="859" y="1875"/>
                    </a:lnTo>
                    <a:close/>
                    <a:moveTo>
                      <a:pt x="404" y="3097"/>
                    </a:moveTo>
                    <a:lnTo>
                      <a:pt x="416" y="3103"/>
                    </a:lnTo>
                    <a:lnTo>
                      <a:pt x="426" y="3107"/>
                    </a:lnTo>
                    <a:lnTo>
                      <a:pt x="437" y="3108"/>
                    </a:lnTo>
                    <a:lnTo>
                      <a:pt x="447" y="3108"/>
                    </a:lnTo>
                    <a:lnTo>
                      <a:pt x="457" y="3107"/>
                    </a:lnTo>
                    <a:lnTo>
                      <a:pt x="468" y="3104"/>
                    </a:lnTo>
                    <a:lnTo>
                      <a:pt x="478" y="3100"/>
                    </a:lnTo>
                    <a:lnTo>
                      <a:pt x="487" y="3095"/>
                    </a:lnTo>
                    <a:lnTo>
                      <a:pt x="497" y="3087"/>
                    </a:lnTo>
                    <a:lnTo>
                      <a:pt x="507" y="3080"/>
                    </a:lnTo>
                    <a:lnTo>
                      <a:pt x="516" y="3071"/>
                    </a:lnTo>
                    <a:lnTo>
                      <a:pt x="525" y="3062"/>
                    </a:lnTo>
                    <a:lnTo>
                      <a:pt x="543" y="3040"/>
                    </a:lnTo>
                    <a:lnTo>
                      <a:pt x="558" y="3015"/>
                    </a:lnTo>
                    <a:lnTo>
                      <a:pt x="575" y="2989"/>
                    </a:lnTo>
                    <a:lnTo>
                      <a:pt x="589" y="2962"/>
                    </a:lnTo>
                    <a:lnTo>
                      <a:pt x="604" y="2935"/>
                    </a:lnTo>
                    <a:lnTo>
                      <a:pt x="615" y="2909"/>
                    </a:lnTo>
                    <a:lnTo>
                      <a:pt x="637" y="2862"/>
                    </a:lnTo>
                    <a:lnTo>
                      <a:pt x="654" y="2828"/>
                    </a:lnTo>
                    <a:lnTo>
                      <a:pt x="663" y="2804"/>
                    </a:lnTo>
                    <a:lnTo>
                      <a:pt x="671" y="2779"/>
                    </a:lnTo>
                    <a:lnTo>
                      <a:pt x="679" y="2755"/>
                    </a:lnTo>
                    <a:lnTo>
                      <a:pt x="685" y="2730"/>
                    </a:lnTo>
                    <a:lnTo>
                      <a:pt x="693" y="2704"/>
                    </a:lnTo>
                    <a:lnTo>
                      <a:pt x="701" y="2679"/>
                    </a:lnTo>
                    <a:lnTo>
                      <a:pt x="709" y="2656"/>
                    </a:lnTo>
                    <a:lnTo>
                      <a:pt x="718" y="2631"/>
                    </a:lnTo>
                    <a:lnTo>
                      <a:pt x="722" y="2626"/>
                    </a:lnTo>
                    <a:lnTo>
                      <a:pt x="725" y="2621"/>
                    </a:lnTo>
                    <a:lnTo>
                      <a:pt x="729" y="2617"/>
                    </a:lnTo>
                    <a:lnTo>
                      <a:pt x="733" y="2613"/>
                    </a:lnTo>
                    <a:lnTo>
                      <a:pt x="744" y="2609"/>
                    </a:lnTo>
                    <a:lnTo>
                      <a:pt x="753" y="2606"/>
                    </a:lnTo>
                    <a:lnTo>
                      <a:pt x="762" y="2602"/>
                    </a:lnTo>
                    <a:lnTo>
                      <a:pt x="767" y="2597"/>
                    </a:lnTo>
                    <a:lnTo>
                      <a:pt x="770" y="2593"/>
                    </a:lnTo>
                    <a:lnTo>
                      <a:pt x="771" y="2589"/>
                    </a:lnTo>
                    <a:lnTo>
                      <a:pt x="771" y="2585"/>
                    </a:lnTo>
                    <a:lnTo>
                      <a:pt x="770" y="2580"/>
                    </a:lnTo>
                    <a:lnTo>
                      <a:pt x="767" y="2571"/>
                    </a:lnTo>
                    <a:lnTo>
                      <a:pt x="764" y="2565"/>
                    </a:lnTo>
                    <a:lnTo>
                      <a:pt x="760" y="2563"/>
                    </a:lnTo>
                    <a:lnTo>
                      <a:pt x="758" y="2563"/>
                    </a:lnTo>
                    <a:lnTo>
                      <a:pt x="753" y="2564"/>
                    </a:lnTo>
                    <a:lnTo>
                      <a:pt x="747" y="2568"/>
                    </a:lnTo>
                    <a:lnTo>
                      <a:pt x="742" y="2574"/>
                    </a:lnTo>
                    <a:lnTo>
                      <a:pt x="736" y="2584"/>
                    </a:lnTo>
                    <a:lnTo>
                      <a:pt x="733" y="2586"/>
                    </a:lnTo>
                    <a:lnTo>
                      <a:pt x="731" y="2586"/>
                    </a:lnTo>
                    <a:lnTo>
                      <a:pt x="729" y="2585"/>
                    </a:lnTo>
                    <a:lnTo>
                      <a:pt x="729" y="2581"/>
                    </a:lnTo>
                    <a:lnTo>
                      <a:pt x="731" y="2569"/>
                    </a:lnTo>
                    <a:lnTo>
                      <a:pt x="735" y="2555"/>
                    </a:lnTo>
                    <a:lnTo>
                      <a:pt x="742" y="2521"/>
                    </a:lnTo>
                    <a:lnTo>
                      <a:pt x="750" y="2501"/>
                    </a:lnTo>
                    <a:lnTo>
                      <a:pt x="762" y="2475"/>
                    </a:lnTo>
                    <a:lnTo>
                      <a:pt x="772" y="2448"/>
                    </a:lnTo>
                    <a:lnTo>
                      <a:pt x="782" y="2420"/>
                    </a:lnTo>
                    <a:lnTo>
                      <a:pt x="792" y="2394"/>
                    </a:lnTo>
                    <a:lnTo>
                      <a:pt x="801" y="2367"/>
                    </a:lnTo>
                    <a:lnTo>
                      <a:pt x="810" y="2340"/>
                    </a:lnTo>
                    <a:lnTo>
                      <a:pt x="817" y="2312"/>
                    </a:lnTo>
                    <a:lnTo>
                      <a:pt x="825" y="2284"/>
                    </a:lnTo>
                    <a:lnTo>
                      <a:pt x="827" y="2264"/>
                    </a:lnTo>
                    <a:lnTo>
                      <a:pt x="828" y="2238"/>
                    </a:lnTo>
                    <a:lnTo>
                      <a:pt x="828" y="2226"/>
                    </a:lnTo>
                    <a:lnTo>
                      <a:pt x="830" y="2216"/>
                    </a:lnTo>
                    <a:lnTo>
                      <a:pt x="832" y="2212"/>
                    </a:lnTo>
                    <a:lnTo>
                      <a:pt x="834" y="2209"/>
                    </a:lnTo>
                    <a:lnTo>
                      <a:pt x="837" y="2208"/>
                    </a:lnTo>
                    <a:lnTo>
                      <a:pt x="841" y="2207"/>
                    </a:lnTo>
                    <a:lnTo>
                      <a:pt x="854" y="2208"/>
                    </a:lnTo>
                    <a:lnTo>
                      <a:pt x="864" y="2209"/>
                    </a:lnTo>
                    <a:lnTo>
                      <a:pt x="874" y="2213"/>
                    </a:lnTo>
                    <a:lnTo>
                      <a:pt x="882" y="2218"/>
                    </a:lnTo>
                    <a:lnTo>
                      <a:pt x="890" y="2225"/>
                    </a:lnTo>
                    <a:lnTo>
                      <a:pt x="898" y="2232"/>
                    </a:lnTo>
                    <a:lnTo>
                      <a:pt x="904" y="2242"/>
                    </a:lnTo>
                    <a:lnTo>
                      <a:pt x="909" y="2253"/>
                    </a:lnTo>
                    <a:lnTo>
                      <a:pt x="916" y="2270"/>
                    </a:lnTo>
                    <a:lnTo>
                      <a:pt x="922" y="2288"/>
                    </a:lnTo>
                    <a:lnTo>
                      <a:pt x="928" y="2306"/>
                    </a:lnTo>
                    <a:lnTo>
                      <a:pt x="931" y="2324"/>
                    </a:lnTo>
                    <a:lnTo>
                      <a:pt x="938" y="2361"/>
                    </a:lnTo>
                    <a:lnTo>
                      <a:pt x="942" y="2398"/>
                    </a:lnTo>
                    <a:lnTo>
                      <a:pt x="946" y="2435"/>
                    </a:lnTo>
                    <a:lnTo>
                      <a:pt x="950" y="2472"/>
                    </a:lnTo>
                    <a:lnTo>
                      <a:pt x="955" y="2508"/>
                    </a:lnTo>
                    <a:lnTo>
                      <a:pt x="963" y="2545"/>
                    </a:lnTo>
                    <a:lnTo>
                      <a:pt x="966" y="2542"/>
                    </a:lnTo>
                    <a:lnTo>
                      <a:pt x="969" y="2537"/>
                    </a:lnTo>
                    <a:lnTo>
                      <a:pt x="972" y="2532"/>
                    </a:lnTo>
                    <a:lnTo>
                      <a:pt x="974" y="2525"/>
                    </a:lnTo>
                    <a:lnTo>
                      <a:pt x="978" y="2510"/>
                    </a:lnTo>
                    <a:lnTo>
                      <a:pt x="979" y="2490"/>
                    </a:lnTo>
                    <a:lnTo>
                      <a:pt x="979" y="2470"/>
                    </a:lnTo>
                    <a:lnTo>
                      <a:pt x="978" y="2448"/>
                    </a:lnTo>
                    <a:lnTo>
                      <a:pt x="977" y="2424"/>
                    </a:lnTo>
                    <a:lnTo>
                      <a:pt x="973" y="2400"/>
                    </a:lnTo>
                    <a:lnTo>
                      <a:pt x="966" y="2350"/>
                    </a:lnTo>
                    <a:lnTo>
                      <a:pt x="957" y="2305"/>
                    </a:lnTo>
                    <a:lnTo>
                      <a:pt x="948" y="2267"/>
                    </a:lnTo>
                    <a:lnTo>
                      <a:pt x="942" y="2243"/>
                    </a:lnTo>
                    <a:lnTo>
                      <a:pt x="926" y="2195"/>
                    </a:lnTo>
                    <a:lnTo>
                      <a:pt x="924" y="2188"/>
                    </a:lnTo>
                    <a:lnTo>
                      <a:pt x="920" y="2182"/>
                    </a:lnTo>
                    <a:lnTo>
                      <a:pt x="913" y="2175"/>
                    </a:lnTo>
                    <a:lnTo>
                      <a:pt x="908" y="2169"/>
                    </a:lnTo>
                    <a:lnTo>
                      <a:pt x="894" y="2157"/>
                    </a:lnTo>
                    <a:lnTo>
                      <a:pt x="880" y="2146"/>
                    </a:lnTo>
                    <a:lnTo>
                      <a:pt x="873" y="2141"/>
                    </a:lnTo>
                    <a:lnTo>
                      <a:pt x="868" y="2135"/>
                    </a:lnTo>
                    <a:lnTo>
                      <a:pt x="863" y="2130"/>
                    </a:lnTo>
                    <a:lnTo>
                      <a:pt x="860" y="2125"/>
                    </a:lnTo>
                    <a:lnTo>
                      <a:pt x="859" y="2121"/>
                    </a:lnTo>
                    <a:lnTo>
                      <a:pt x="859" y="2116"/>
                    </a:lnTo>
                    <a:lnTo>
                      <a:pt x="863" y="2112"/>
                    </a:lnTo>
                    <a:lnTo>
                      <a:pt x="868" y="2108"/>
                    </a:lnTo>
                    <a:lnTo>
                      <a:pt x="877" y="2103"/>
                    </a:lnTo>
                    <a:lnTo>
                      <a:pt x="884" y="2098"/>
                    </a:lnTo>
                    <a:lnTo>
                      <a:pt x="889" y="2093"/>
                    </a:lnTo>
                    <a:lnTo>
                      <a:pt x="893" y="2087"/>
                    </a:lnTo>
                    <a:lnTo>
                      <a:pt x="895" y="2081"/>
                    </a:lnTo>
                    <a:lnTo>
                      <a:pt x="898" y="2076"/>
                    </a:lnTo>
                    <a:lnTo>
                      <a:pt x="899" y="2071"/>
                    </a:lnTo>
                    <a:lnTo>
                      <a:pt x="899" y="2064"/>
                    </a:lnTo>
                    <a:lnTo>
                      <a:pt x="899" y="2052"/>
                    </a:lnTo>
                    <a:lnTo>
                      <a:pt x="898" y="2041"/>
                    </a:lnTo>
                    <a:lnTo>
                      <a:pt x="898" y="2034"/>
                    </a:lnTo>
                    <a:lnTo>
                      <a:pt x="899" y="2028"/>
                    </a:lnTo>
                    <a:lnTo>
                      <a:pt x="900" y="2021"/>
                    </a:lnTo>
                    <a:lnTo>
                      <a:pt x="903" y="2015"/>
                    </a:lnTo>
                    <a:lnTo>
                      <a:pt x="915" y="1995"/>
                    </a:lnTo>
                    <a:lnTo>
                      <a:pt x="925" y="1980"/>
                    </a:lnTo>
                    <a:lnTo>
                      <a:pt x="930" y="1972"/>
                    </a:lnTo>
                    <a:lnTo>
                      <a:pt x="934" y="1963"/>
                    </a:lnTo>
                    <a:lnTo>
                      <a:pt x="937" y="1953"/>
                    </a:lnTo>
                    <a:lnTo>
                      <a:pt x="938" y="1941"/>
                    </a:lnTo>
                    <a:lnTo>
                      <a:pt x="939" y="1920"/>
                    </a:lnTo>
                    <a:lnTo>
                      <a:pt x="943" y="1893"/>
                    </a:lnTo>
                    <a:lnTo>
                      <a:pt x="947" y="1880"/>
                    </a:lnTo>
                    <a:lnTo>
                      <a:pt x="952" y="1868"/>
                    </a:lnTo>
                    <a:lnTo>
                      <a:pt x="956" y="1863"/>
                    </a:lnTo>
                    <a:lnTo>
                      <a:pt x="960" y="1859"/>
                    </a:lnTo>
                    <a:lnTo>
                      <a:pt x="964" y="1857"/>
                    </a:lnTo>
                    <a:lnTo>
                      <a:pt x="970" y="1856"/>
                    </a:lnTo>
                    <a:lnTo>
                      <a:pt x="970" y="1852"/>
                    </a:lnTo>
                    <a:lnTo>
                      <a:pt x="955" y="1848"/>
                    </a:lnTo>
                    <a:lnTo>
                      <a:pt x="939" y="1843"/>
                    </a:lnTo>
                    <a:lnTo>
                      <a:pt x="924" y="1837"/>
                    </a:lnTo>
                    <a:lnTo>
                      <a:pt x="909" y="1831"/>
                    </a:lnTo>
                    <a:lnTo>
                      <a:pt x="894" y="1823"/>
                    </a:lnTo>
                    <a:lnTo>
                      <a:pt x="878" y="1815"/>
                    </a:lnTo>
                    <a:lnTo>
                      <a:pt x="864" y="1806"/>
                    </a:lnTo>
                    <a:lnTo>
                      <a:pt x="851" y="1797"/>
                    </a:lnTo>
                    <a:lnTo>
                      <a:pt x="837" y="1787"/>
                    </a:lnTo>
                    <a:lnTo>
                      <a:pt x="824" y="1777"/>
                    </a:lnTo>
                    <a:lnTo>
                      <a:pt x="812" y="1765"/>
                    </a:lnTo>
                    <a:lnTo>
                      <a:pt x="802" y="1752"/>
                    </a:lnTo>
                    <a:lnTo>
                      <a:pt x="792" y="1739"/>
                    </a:lnTo>
                    <a:lnTo>
                      <a:pt x="782" y="1725"/>
                    </a:lnTo>
                    <a:lnTo>
                      <a:pt x="775" y="1710"/>
                    </a:lnTo>
                    <a:lnTo>
                      <a:pt x="768" y="1695"/>
                    </a:lnTo>
                    <a:lnTo>
                      <a:pt x="763" y="1679"/>
                    </a:lnTo>
                    <a:lnTo>
                      <a:pt x="757" y="1665"/>
                    </a:lnTo>
                    <a:lnTo>
                      <a:pt x="750" y="1651"/>
                    </a:lnTo>
                    <a:lnTo>
                      <a:pt x="742" y="1638"/>
                    </a:lnTo>
                    <a:lnTo>
                      <a:pt x="738" y="1629"/>
                    </a:lnTo>
                    <a:lnTo>
                      <a:pt x="736" y="1621"/>
                    </a:lnTo>
                    <a:lnTo>
                      <a:pt x="731" y="1613"/>
                    </a:lnTo>
                    <a:lnTo>
                      <a:pt x="727" y="1604"/>
                    </a:lnTo>
                    <a:lnTo>
                      <a:pt x="723" y="1595"/>
                    </a:lnTo>
                    <a:lnTo>
                      <a:pt x="720" y="1586"/>
                    </a:lnTo>
                    <a:lnTo>
                      <a:pt x="715" y="1565"/>
                    </a:lnTo>
                    <a:lnTo>
                      <a:pt x="711" y="1547"/>
                    </a:lnTo>
                    <a:lnTo>
                      <a:pt x="733" y="1515"/>
                    </a:lnTo>
                    <a:lnTo>
                      <a:pt x="758" y="1485"/>
                    </a:lnTo>
                    <a:lnTo>
                      <a:pt x="763" y="1477"/>
                    </a:lnTo>
                    <a:lnTo>
                      <a:pt x="766" y="1469"/>
                    </a:lnTo>
                    <a:lnTo>
                      <a:pt x="768" y="1462"/>
                    </a:lnTo>
                    <a:lnTo>
                      <a:pt x="770" y="1453"/>
                    </a:lnTo>
                    <a:lnTo>
                      <a:pt x="770" y="1445"/>
                    </a:lnTo>
                    <a:lnTo>
                      <a:pt x="767" y="1436"/>
                    </a:lnTo>
                    <a:lnTo>
                      <a:pt x="763" y="1427"/>
                    </a:lnTo>
                    <a:lnTo>
                      <a:pt x="757" y="1416"/>
                    </a:lnTo>
                    <a:lnTo>
                      <a:pt x="751" y="1410"/>
                    </a:lnTo>
                    <a:lnTo>
                      <a:pt x="750" y="1403"/>
                    </a:lnTo>
                    <a:lnTo>
                      <a:pt x="750" y="1397"/>
                    </a:lnTo>
                    <a:lnTo>
                      <a:pt x="753" y="1392"/>
                    </a:lnTo>
                    <a:lnTo>
                      <a:pt x="758" y="1387"/>
                    </a:lnTo>
                    <a:lnTo>
                      <a:pt x="764" y="1383"/>
                    </a:lnTo>
                    <a:lnTo>
                      <a:pt x="772" y="1379"/>
                    </a:lnTo>
                    <a:lnTo>
                      <a:pt x="780" y="1376"/>
                    </a:lnTo>
                    <a:lnTo>
                      <a:pt x="798" y="1371"/>
                    </a:lnTo>
                    <a:lnTo>
                      <a:pt x="816" y="1368"/>
                    </a:lnTo>
                    <a:lnTo>
                      <a:pt x="832" y="1367"/>
                    </a:lnTo>
                    <a:lnTo>
                      <a:pt x="842" y="1366"/>
                    </a:lnTo>
                    <a:lnTo>
                      <a:pt x="842" y="1366"/>
                    </a:lnTo>
                    <a:lnTo>
                      <a:pt x="843" y="1365"/>
                    </a:lnTo>
                    <a:lnTo>
                      <a:pt x="820" y="1357"/>
                    </a:lnTo>
                    <a:lnTo>
                      <a:pt x="802" y="1349"/>
                    </a:lnTo>
                    <a:lnTo>
                      <a:pt x="792" y="1346"/>
                    </a:lnTo>
                    <a:lnTo>
                      <a:pt x="780" y="1344"/>
                    </a:lnTo>
                    <a:lnTo>
                      <a:pt x="766" y="1344"/>
                    </a:lnTo>
                    <a:lnTo>
                      <a:pt x="749" y="1345"/>
                    </a:lnTo>
                    <a:lnTo>
                      <a:pt x="729" y="1348"/>
                    </a:lnTo>
                    <a:lnTo>
                      <a:pt x="710" y="1349"/>
                    </a:lnTo>
                    <a:lnTo>
                      <a:pt x="693" y="1350"/>
                    </a:lnTo>
                    <a:lnTo>
                      <a:pt x="679" y="1349"/>
                    </a:lnTo>
                    <a:lnTo>
                      <a:pt x="672" y="1346"/>
                    </a:lnTo>
                    <a:lnTo>
                      <a:pt x="668" y="1344"/>
                    </a:lnTo>
                    <a:lnTo>
                      <a:pt x="665" y="1340"/>
                    </a:lnTo>
                    <a:lnTo>
                      <a:pt x="662" y="1335"/>
                    </a:lnTo>
                    <a:lnTo>
                      <a:pt x="662" y="1328"/>
                    </a:lnTo>
                    <a:lnTo>
                      <a:pt x="662" y="1321"/>
                    </a:lnTo>
                    <a:lnTo>
                      <a:pt x="665" y="1310"/>
                    </a:lnTo>
                    <a:lnTo>
                      <a:pt x="670" y="1300"/>
                    </a:lnTo>
                    <a:lnTo>
                      <a:pt x="670" y="1293"/>
                    </a:lnTo>
                    <a:lnTo>
                      <a:pt x="668" y="1287"/>
                    </a:lnTo>
                    <a:lnTo>
                      <a:pt x="666" y="1279"/>
                    </a:lnTo>
                    <a:lnTo>
                      <a:pt x="663" y="1273"/>
                    </a:lnTo>
                    <a:lnTo>
                      <a:pt x="661" y="1266"/>
                    </a:lnTo>
                    <a:lnTo>
                      <a:pt x="661" y="1261"/>
                    </a:lnTo>
                    <a:lnTo>
                      <a:pt x="662" y="1260"/>
                    </a:lnTo>
                    <a:lnTo>
                      <a:pt x="663" y="1258"/>
                    </a:lnTo>
                    <a:lnTo>
                      <a:pt x="666" y="1257"/>
                    </a:lnTo>
                    <a:lnTo>
                      <a:pt x="670" y="1256"/>
                    </a:lnTo>
                    <a:lnTo>
                      <a:pt x="679" y="1254"/>
                    </a:lnTo>
                    <a:lnTo>
                      <a:pt x="687" y="1252"/>
                    </a:lnTo>
                    <a:lnTo>
                      <a:pt x="693" y="1247"/>
                    </a:lnTo>
                    <a:lnTo>
                      <a:pt x="700" y="1240"/>
                    </a:lnTo>
                    <a:lnTo>
                      <a:pt x="703" y="1232"/>
                    </a:lnTo>
                    <a:lnTo>
                      <a:pt x="706" y="1225"/>
                    </a:lnTo>
                    <a:lnTo>
                      <a:pt x="709" y="1216"/>
                    </a:lnTo>
                    <a:lnTo>
                      <a:pt x="709" y="1207"/>
                    </a:lnTo>
                    <a:lnTo>
                      <a:pt x="692" y="1204"/>
                    </a:lnTo>
                    <a:lnTo>
                      <a:pt x="675" y="1201"/>
                    </a:lnTo>
                    <a:lnTo>
                      <a:pt x="658" y="1199"/>
                    </a:lnTo>
                    <a:lnTo>
                      <a:pt x="641" y="1194"/>
                    </a:lnTo>
                    <a:lnTo>
                      <a:pt x="627" y="1186"/>
                    </a:lnTo>
                    <a:lnTo>
                      <a:pt x="611" y="1177"/>
                    </a:lnTo>
                    <a:lnTo>
                      <a:pt x="604" y="1172"/>
                    </a:lnTo>
                    <a:lnTo>
                      <a:pt x="596" y="1169"/>
                    </a:lnTo>
                    <a:lnTo>
                      <a:pt x="588" y="1166"/>
                    </a:lnTo>
                    <a:lnTo>
                      <a:pt x="580" y="1165"/>
                    </a:lnTo>
                    <a:lnTo>
                      <a:pt x="582" y="1161"/>
                    </a:lnTo>
                    <a:lnTo>
                      <a:pt x="583" y="1159"/>
                    </a:lnTo>
                    <a:lnTo>
                      <a:pt x="587" y="1156"/>
                    </a:lnTo>
                    <a:lnTo>
                      <a:pt x="591" y="1153"/>
                    </a:lnTo>
                    <a:lnTo>
                      <a:pt x="601" y="1151"/>
                    </a:lnTo>
                    <a:lnTo>
                      <a:pt x="613" y="1148"/>
                    </a:lnTo>
                    <a:lnTo>
                      <a:pt x="624" y="1146"/>
                    </a:lnTo>
                    <a:lnTo>
                      <a:pt x="635" y="1142"/>
                    </a:lnTo>
                    <a:lnTo>
                      <a:pt x="637" y="1139"/>
                    </a:lnTo>
                    <a:lnTo>
                      <a:pt x="641" y="1135"/>
                    </a:lnTo>
                    <a:lnTo>
                      <a:pt x="643" y="1131"/>
                    </a:lnTo>
                    <a:lnTo>
                      <a:pt x="643" y="1128"/>
                    </a:lnTo>
                    <a:lnTo>
                      <a:pt x="640" y="1124"/>
                    </a:lnTo>
                    <a:lnTo>
                      <a:pt x="632" y="1121"/>
                    </a:lnTo>
                    <a:lnTo>
                      <a:pt x="623" y="1117"/>
                    </a:lnTo>
                    <a:lnTo>
                      <a:pt x="611" y="1115"/>
                    </a:lnTo>
                    <a:lnTo>
                      <a:pt x="587" y="1109"/>
                    </a:lnTo>
                    <a:lnTo>
                      <a:pt x="573" y="1108"/>
                    </a:lnTo>
                    <a:lnTo>
                      <a:pt x="564" y="1108"/>
                    </a:lnTo>
                    <a:lnTo>
                      <a:pt x="556" y="1111"/>
                    </a:lnTo>
                    <a:lnTo>
                      <a:pt x="548" y="1113"/>
                    </a:lnTo>
                    <a:lnTo>
                      <a:pt x="541" y="1117"/>
                    </a:lnTo>
                    <a:lnTo>
                      <a:pt x="534" y="1120"/>
                    </a:lnTo>
                    <a:lnTo>
                      <a:pt x="527" y="1122"/>
                    </a:lnTo>
                    <a:lnTo>
                      <a:pt x="519" y="1124"/>
                    </a:lnTo>
                    <a:lnTo>
                      <a:pt x="513" y="1124"/>
                    </a:lnTo>
                    <a:lnTo>
                      <a:pt x="512" y="1111"/>
                    </a:lnTo>
                    <a:lnTo>
                      <a:pt x="512" y="1094"/>
                    </a:lnTo>
                    <a:lnTo>
                      <a:pt x="512" y="1085"/>
                    </a:lnTo>
                    <a:lnTo>
                      <a:pt x="513" y="1077"/>
                    </a:lnTo>
                    <a:lnTo>
                      <a:pt x="514" y="1071"/>
                    </a:lnTo>
                    <a:lnTo>
                      <a:pt x="518" y="1065"/>
                    </a:lnTo>
                    <a:lnTo>
                      <a:pt x="530" y="1054"/>
                    </a:lnTo>
                    <a:lnTo>
                      <a:pt x="536" y="1046"/>
                    </a:lnTo>
                    <a:lnTo>
                      <a:pt x="538" y="1043"/>
                    </a:lnTo>
                    <a:lnTo>
                      <a:pt x="536" y="1042"/>
                    </a:lnTo>
                    <a:lnTo>
                      <a:pt x="535" y="1041"/>
                    </a:lnTo>
                    <a:lnTo>
                      <a:pt x="532" y="1041"/>
                    </a:lnTo>
                    <a:lnTo>
                      <a:pt x="523" y="1038"/>
                    </a:lnTo>
                    <a:lnTo>
                      <a:pt x="509" y="1038"/>
                    </a:lnTo>
                    <a:lnTo>
                      <a:pt x="500" y="1037"/>
                    </a:lnTo>
                    <a:lnTo>
                      <a:pt x="494" y="1036"/>
                    </a:lnTo>
                    <a:lnTo>
                      <a:pt x="490" y="1032"/>
                    </a:lnTo>
                    <a:lnTo>
                      <a:pt x="488" y="1028"/>
                    </a:lnTo>
                    <a:lnTo>
                      <a:pt x="488" y="1024"/>
                    </a:lnTo>
                    <a:lnTo>
                      <a:pt x="488" y="1020"/>
                    </a:lnTo>
                    <a:lnTo>
                      <a:pt x="487" y="1017"/>
                    </a:lnTo>
                    <a:lnTo>
                      <a:pt x="484" y="1015"/>
                    </a:lnTo>
                    <a:lnTo>
                      <a:pt x="479" y="1014"/>
                    </a:lnTo>
                    <a:lnTo>
                      <a:pt x="474" y="1014"/>
                    </a:lnTo>
                    <a:lnTo>
                      <a:pt x="469" y="1014"/>
                    </a:lnTo>
                    <a:lnTo>
                      <a:pt x="464" y="1015"/>
                    </a:lnTo>
                    <a:lnTo>
                      <a:pt x="453" y="1017"/>
                    </a:lnTo>
                    <a:lnTo>
                      <a:pt x="443" y="1019"/>
                    </a:lnTo>
                    <a:lnTo>
                      <a:pt x="434" y="1020"/>
                    </a:lnTo>
                    <a:lnTo>
                      <a:pt x="424" y="1020"/>
                    </a:lnTo>
                    <a:lnTo>
                      <a:pt x="420" y="1017"/>
                    </a:lnTo>
                    <a:lnTo>
                      <a:pt x="416" y="1015"/>
                    </a:lnTo>
                    <a:lnTo>
                      <a:pt x="412" y="1010"/>
                    </a:lnTo>
                    <a:lnTo>
                      <a:pt x="409" y="1004"/>
                    </a:lnTo>
                    <a:lnTo>
                      <a:pt x="405" y="993"/>
                    </a:lnTo>
                    <a:lnTo>
                      <a:pt x="403" y="980"/>
                    </a:lnTo>
                    <a:lnTo>
                      <a:pt x="402" y="966"/>
                    </a:lnTo>
                    <a:lnTo>
                      <a:pt x="400" y="951"/>
                    </a:lnTo>
                    <a:lnTo>
                      <a:pt x="398" y="938"/>
                    </a:lnTo>
                    <a:lnTo>
                      <a:pt x="394" y="928"/>
                    </a:lnTo>
                    <a:lnTo>
                      <a:pt x="391" y="923"/>
                    </a:lnTo>
                    <a:lnTo>
                      <a:pt x="387" y="920"/>
                    </a:lnTo>
                    <a:lnTo>
                      <a:pt x="383" y="918"/>
                    </a:lnTo>
                    <a:lnTo>
                      <a:pt x="378" y="915"/>
                    </a:lnTo>
                    <a:lnTo>
                      <a:pt x="359" y="915"/>
                    </a:lnTo>
                    <a:lnTo>
                      <a:pt x="343" y="915"/>
                    </a:lnTo>
                    <a:lnTo>
                      <a:pt x="337" y="915"/>
                    </a:lnTo>
                    <a:lnTo>
                      <a:pt x="332" y="914"/>
                    </a:lnTo>
                    <a:lnTo>
                      <a:pt x="326" y="912"/>
                    </a:lnTo>
                    <a:lnTo>
                      <a:pt x="321" y="910"/>
                    </a:lnTo>
                    <a:lnTo>
                      <a:pt x="317" y="907"/>
                    </a:lnTo>
                    <a:lnTo>
                      <a:pt x="313" y="903"/>
                    </a:lnTo>
                    <a:lnTo>
                      <a:pt x="311" y="898"/>
                    </a:lnTo>
                    <a:lnTo>
                      <a:pt x="307" y="893"/>
                    </a:lnTo>
                    <a:lnTo>
                      <a:pt x="301" y="877"/>
                    </a:lnTo>
                    <a:lnTo>
                      <a:pt x="294" y="858"/>
                    </a:lnTo>
                    <a:lnTo>
                      <a:pt x="290" y="848"/>
                    </a:lnTo>
                    <a:lnTo>
                      <a:pt x="286" y="841"/>
                    </a:lnTo>
                    <a:lnTo>
                      <a:pt x="282" y="839"/>
                    </a:lnTo>
                    <a:lnTo>
                      <a:pt x="279" y="836"/>
                    </a:lnTo>
                    <a:lnTo>
                      <a:pt x="273" y="837"/>
                    </a:lnTo>
                    <a:lnTo>
                      <a:pt x="269" y="840"/>
                    </a:lnTo>
                    <a:lnTo>
                      <a:pt x="266" y="844"/>
                    </a:lnTo>
                    <a:lnTo>
                      <a:pt x="262" y="849"/>
                    </a:lnTo>
                    <a:lnTo>
                      <a:pt x="253" y="861"/>
                    </a:lnTo>
                    <a:lnTo>
                      <a:pt x="245" y="874"/>
                    </a:lnTo>
                    <a:lnTo>
                      <a:pt x="241" y="880"/>
                    </a:lnTo>
                    <a:lnTo>
                      <a:pt x="236" y="884"/>
                    </a:lnTo>
                    <a:lnTo>
                      <a:pt x="233" y="888"/>
                    </a:lnTo>
                    <a:lnTo>
                      <a:pt x="229" y="890"/>
                    </a:lnTo>
                    <a:lnTo>
                      <a:pt x="224" y="892"/>
                    </a:lnTo>
                    <a:lnTo>
                      <a:pt x="220" y="893"/>
                    </a:lnTo>
                    <a:lnTo>
                      <a:pt x="216" y="893"/>
                    </a:lnTo>
                    <a:lnTo>
                      <a:pt x="212" y="892"/>
                    </a:lnTo>
                    <a:lnTo>
                      <a:pt x="206" y="888"/>
                    </a:lnTo>
                    <a:lnTo>
                      <a:pt x="199" y="883"/>
                    </a:lnTo>
                    <a:lnTo>
                      <a:pt x="193" y="876"/>
                    </a:lnTo>
                    <a:lnTo>
                      <a:pt x="187" y="871"/>
                    </a:lnTo>
                    <a:lnTo>
                      <a:pt x="179" y="865"/>
                    </a:lnTo>
                    <a:lnTo>
                      <a:pt x="172" y="861"/>
                    </a:lnTo>
                    <a:lnTo>
                      <a:pt x="166" y="858"/>
                    </a:lnTo>
                    <a:lnTo>
                      <a:pt x="162" y="854"/>
                    </a:lnTo>
                    <a:lnTo>
                      <a:pt x="159" y="850"/>
                    </a:lnTo>
                    <a:lnTo>
                      <a:pt x="157" y="846"/>
                    </a:lnTo>
                    <a:lnTo>
                      <a:pt x="155" y="837"/>
                    </a:lnTo>
                    <a:lnTo>
                      <a:pt x="157" y="826"/>
                    </a:lnTo>
                    <a:lnTo>
                      <a:pt x="158" y="815"/>
                    </a:lnTo>
                    <a:lnTo>
                      <a:pt x="158" y="804"/>
                    </a:lnTo>
                    <a:lnTo>
                      <a:pt x="158" y="798"/>
                    </a:lnTo>
                    <a:lnTo>
                      <a:pt x="158" y="793"/>
                    </a:lnTo>
                    <a:lnTo>
                      <a:pt x="155" y="788"/>
                    </a:lnTo>
                    <a:lnTo>
                      <a:pt x="153" y="784"/>
                    </a:lnTo>
                    <a:lnTo>
                      <a:pt x="149" y="779"/>
                    </a:lnTo>
                    <a:lnTo>
                      <a:pt x="145" y="775"/>
                    </a:lnTo>
                    <a:lnTo>
                      <a:pt x="140" y="771"/>
                    </a:lnTo>
                    <a:lnTo>
                      <a:pt x="136" y="769"/>
                    </a:lnTo>
                    <a:lnTo>
                      <a:pt x="127" y="766"/>
                    </a:lnTo>
                    <a:lnTo>
                      <a:pt x="118" y="763"/>
                    </a:lnTo>
                    <a:lnTo>
                      <a:pt x="109" y="763"/>
                    </a:lnTo>
                    <a:lnTo>
                      <a:pt x="98" y="762"/>
                    </a:lnTo>
                    <a:lnTo>
                      <a:pt x="89" y="760"/>
                    </a:lnTo>
                    <a:lnTo>
                      <a:pt x="80" y="756"/>
                    </a:lnTo>
                    <a:lnTo>
                      <a:pt x="82" y="749"/>
                    </a:lnTo>
                    <a:lnTo>
                      <a:pt x="84" y="745"/>
                    </a:lnTo>
                    <a:lnTo>
                      <a:pt x="88" y="743"/>
                    </a:lnTo>
                    <a:lnTo>
                      <a:pt x="93" y="740"/>
                    </a:lnTo>
                    <a:lnTo>
                      <a:pt x="100" y="739"/>
                    </a:lnTo>
                    <a:lnTo>
                      <a:pt x="108" y="738"/>
                    </a:lnTo>
                    <a:lnTo>
                      <a:pt x="115" y="739"/>
                    </a:lnTo>
                    <a:lnTo>
                      <a:pt x="123" y="739"/>
                    </a:lnTo>
                    <a:lnTo>
                      <a:pt x="155" y="744"/>
                    </a:lnTo>
                    <a:lnTo>
                      <a:pt x="176" y="748"/>
                    </a:lnTo>
                    <a:lnTo>
                      <a:pt x="188" y="745"/>
                    </a:lnTo>
                    <a:lnTo>
                      <a:pt x="197" y="743"/>
                    </a:lnTo>
                    <a:lnTo>
                      <a:pt x="203" y="740"/>
                    </a:lnTo>
                    <a:lnTo>
                      <a:pt x="207" y="736"/>
                    </a:lnTo>
                    <a:lnTo>
                      <a:pt x="207" y="732"/>
                    </a:lnTo>
                    <a:lnTo>
                      <a:pt x="206" y="727"/>
                    </a:lnTo>
                    <a:lnTo>
                      <a:pt x="203" y="722"/>
                    </a:lnTo>
                    <a:lnTo>
                      <a:pt x="199" y="718"/>
                    </a:lnTo>
                    <a:lnTo>
                      <a:pt x="188" y="708"/>
                    </a:lnTo>
                    <a:lnTo>
                      <a:pt x="174" y="699"/>
                    </a:lnTo>
                    <a:lnTo>
                      <a:pt x="162" y="691"/>
                    </a:lnTo>
                    <a:lnTo>
                      <a:pt x="152" y="686"/>
                    </a:lnTo>
                    <a:lnTo>
                      <a:pt x="153" y="681"/>
                    </a:lnTo>
                    <a:lnTo>
                      <a:pt x="155" y="678"/>
                    </a:lnTo>
                    <a:lnTo>
                      <a:pt x="159" y="675"/>
                    </a:lnTo>
                    <a:lnTo>
                      <a:pt x="163" y="673"/>
                    </a:lnTo>
                    <a:lnTo>
                      <a:pt x="172" y="668"/>
                    </a:lnTo>
                    <a:lnTo>
                      <a:pt x="179" y="665"/>
                    </a:lnTo>
                    <a:lnTo>
                      <a:pt x="188" y="655"/>
                    </a:lnTo>
                    <a:lnTo>
                      <a:pt x="196" y="647"/>
                    </a:lnTo>
                    <a:lnTo>
                      <a:pt x="199" y="657"/>
                    </a:lnTo>
                    <a:lnTo>
                      <a:pt x="210" y="670"/>
                    </a:lnTo>
                    <a:lnTo>
                      <a:pt x="222" y="687"/>
                    </a:lnTo>
                    <a:lnTo>
                      <a:pt x="236" y="701"/>
                    </a:lnTo>
                    <a:lnTo>
                      <a:pt x="242" y="706"/>
                    </a:lnTo>
                    <a:lnTo>
                      <a:pt x="249" y="712"/>
                    </a:lnTo>
                    <a:lnTo>
                      <a:pt x="255" y="714"/>
                    </a:lnTo>
                    <a:lnTo>
                      <a:pt x="260" y="716"/>
                    </a:lnTo>
                    <a:lnTo>
                      <a:pt x="263" y="714"/>
                    </a:lnTo>
                    <a:lnTo>
                      <a:pt x="264" y="713"/>
                    </a:lnTo>
                    <a:lnTo>
                      <a:pt x="267" y="712"/>
                    </a:lnTo>
                    <a:lnTo>
                      <a:pt x="268" y="709"/>
                    </a:lnTo>
                    <a:lnTo>
                      <a:pt x="271" y="701"/>
                    </a:lnTo>
                    <a:lnTo>
                      <a:pt x="271" y="691"/>
                    </a:lnTo>
                    <a:lnTo>
                      <a:pt x="264" y="687"/>
                    </a:lnTo>
                    <a:lnTo>
                      <a:pt x="254" y="679"/>
                    </a:lnTo>
                    <a:lnTo>
                      <a:pt x="245" y="670"/>
                    </a:lnTo>
                    <a:lnTo>
                      <a:pt x="238" y="664"/>
                    </a:lnTo>
                    <a:lnTo>
                      <a:pt x="238" y="660"/>
                    </a:lnTo>
                    <a:lnTo>
                      <a:pt x="241" y="653"/>
                    </a:lnTo>
                    <a:lnTo>
                      <a:pt x="245" y="648"/>
                    </a:lnTo>
                    <a:lnTo>
                      <a:pt x="249" y="642"/>
                    </a:lnTo>
                    <a:lnTo>
                      <a:pt x="254" y="637"/>
                    </a:lnTo>
                    <a:lnTo>
                      <a:pt x="256" y="631"/>
                    </a:lnTo>
                    <a:lnTo>
                      <a:pt x="256" y="630"/>
                    </a:lnTo>
                    <a:lnTo>
                      <a:pt x="256" y="627"/>
                    </a:lnTo>
                    <a:lnTo>
                      <a:pt x="255" y="626"/>
                    </a:lnTo>
                    <a:lnTo>
                      <a:pt x="254" y="625"/>
                    </a:lnTo>
                    <a:lnTo>
                      <a:pt x="240" y="624"/>
                    </a:lnTo>
                    <a:lnTo>
                      <a:pt x="220" y="624"/>
                    </a:lnTo>
                    <a:lnTo>
                      <a:pt x="197" y="625"/>
                    </a:lnTo>
                    <a:lnTo>
                      <a:pt x="172" y="625"/>
                    </a:lnTo>
                    <a:lnTo>
                      <a:pt x="161" y="625"/>
                    </a:lnTo>
                    <a:lnTo>
                      <a:pt x="149" y="625"/>
                    </a:lnTo>
                    <a:lnTo>
                      <a:pt x="140" y="624"/>
                    </a:lnTo>
                    <a:lnTo>
                      <a:pt x="131" y="621"/>
                    </a:lnTo>
                    <a:lnTo>
                      <a:pt x="124" y="618"/>
                    </a:lnTo>
                    <a:lnTo>
                      <a:pt x="119" y="615"/>
                    </a:lnTo>
                    <a:lnTo>
                      <a:pt x="118" y="612"/>
                    </a:lnTo>
                    <a:lnTo>
                      <a:pt x="117" y="609"/>
                    </a:lnTo>
                    <a:lnTo>
                      <a:pt x="117" y="605"/>
                    </a:lnTo>
                    <a:lnTo>
                      <a:pt x="118" y="603"/>
                    </a:lnTo>
                    <a:lnTo>
                      <a:pt x="122" y="586"/>
                    </a:lnTo>
                    <a:lnTo>
                      <a:pt x="131" y="560"/>
                    </a:lnTo>
                    <a:lnTo>
                      <a:pt x="141" y="536"/>
                    </a:lnTo>
                    <a:lnTo>
                      <a:pt x="148" y="524"/>
                    </a:lnTo>
                    <a:lnTo>
                      <a:pt x="157" y="520"/>
                    </a:lnTo>
                    <a:lnTo>
                      <a:pt x="170" y="515"/>
                    </a:lnTo>
                    <a:lnTo>
                      <a:pt x="187" y="511"/>
                    </a:lnTo>
                    <a:lnTo>
                      <a:pt x="205" y="508"/>
                    </a:lnTo>
                    <a:lnTo>
                      <a:pt x="223" y="506"/>
                    </a:lnTo>
                    <a:lnTo>
                      <a:pt x="240" y="503"/>
                    </a:lnTo>
                    <a:lnTo>
                      <a:pt x="254" y="502"/>
                    </a:lnTo>
                    <a:lnTo>
                      <a:pt x="264" y="503"/>
                    </a:lnTo>
                    <a:lnTo>
                      <a:pt x="273" y="506"/>
                    </a:lnTo>
                    <a:lnTo>
                      <a:pt x="284" y="508"/>
                    </a:lnTo>
                    <a:lnTo>
                      <a:pt x="293" y="512"/>
                    </a:lnTo>
                    <a:lnTo>
                      <a:pt x="302" y="517"/>
                    </a:lnTo>
                    <a:lnTo>
                      <a:pt x="311" y="521"/>
                    </a:lnTo>
                    <a:lnTo>
                      <a:pt x="320" y="524"/>
                    </a:lnTo>
                    <a:lnTo>
                      <a:pt x="330" y="526"/>
                    </a:lnTo>
                    <a:lnTo>
                      <a:pt x="342" y="526"/>
                    </a:lnTo>
                    <a:lnTo>
                      <a:pt x="351" y="525"/>
                    </a:lnTo>
                    <a:lnTo>
                      <a:pt x="361" y="523"/>
                    </a:lnTo>
                    <a:lnTo>
                      <a:pt x="372" y="519"/>
                    </a:lnTo>
                    <a:lnTo>
                      <a:pt x="381" y="515"/>
                    </a:lnTo>
                    <a:lnTo>
                      <a:pt x="391" y="511"/>
                    </a:lnTo>
                    <a:lnTo>
                      <a:pt x="400" y="508"/>
                    </a:lnTo>
                    <a:lnTo>
                      <a:pt x="411" y="507"/>
                    </a:lnTo>
                    <a:lnTo>
                      <a:pt x="420" y="507"/>
                    </a:lnTo>
                    <a:lnTo>
                      <a:pt x="421" y="526"/>
                    </a:lnTo>
                    <a:lnTo>
                      <a:pt x="421" y="545"/>
                    </a:lnTo>
                    <a:lnTo>
                      <a:pt x="422" y="554"/>
                    </a:lnTo>
                    <a:lnTo>
                      <a:pt x="426" y="561"/>
                    </a:lnTo>
                    <a:lnTo>
                      <a:pt x="429" y="565"/>
                    </a:lnTo>
                    <a:lnTo>
                      <a:pt x="431" y="569"/>
                    </a:lnTo>
                    <a:lnTo>
                      <a:pt x="435" y="572"/>
                    </a:lnTo>
                    <a:lnTo>
                      <a:pt x="440" y="576"/>
                    </a:lnTo>
                    <a:lnTo>
                      <a:pt x="446" y="578"/>
                    </a:lnTo>
                    <a:lnTo>
                      <a:pt x="450" y="578"/>
                    </a:lnTo>
                    <a:lnTo>
                      <a:pt x="452" y="578"/>
                    </a:lnTo>
                    <a:lnTo>
                      <a:pt x="456" y="578"/>
                    </a:lnTo>
                    <a:lnTo>
                      <a:pt x="462" y="574"/>
                    </a:lnTo>
                    <a:lnTo>
                      <a:pt x="468" y="569"/>
                    </a:lnTo>
                    <a:lnTo>
                      <a:pt x="473" y="564"/>
                    </a:lnTo>
                    <a:lnTo>
                      <a:pt x="478" y="559"/>
                    </a:lnTo>
                    <a:lnTo>
                      <a:pt x="483" y="555"/>
                    </a:lnTo>
                    <a:lnTo>
                      <a:pt x="488" y="554"/>
                    </a:lnTo>
                    <a:lnTo>
                      <a:pt x="494" y="555"/>
                    </a:lnTo>
                    <a:lnTo>
                      <a:pt x="497" y="558"/>
                    </a:lnTo>
                    <a:lnTo>
                      <a:pt x="501" y="560"/>
                    </a:lnTo>
                    <a:lnTo>
                      <a:pt x="507" y="564"/>
                    </a:lnTo>
                    <a:lnTo>
                      <a:pt x="510" y="567"/>
                    </a:lnTo>
                    <a:lnTo>
                      <a:pt x="514" y="569"/>
                    </a:lnTo>
                    <a:lnTo>
                      <a:pt x="519" y="570"/>
                    </a:lnTo>
                    <a:lnTo>
                      <a:pt x="525" y="570"/>
                    </a:lnTo>
                    <a:lnTo>
                      <a:pt x="530" y="569"/>
                    </a:lnTo>
                    <a:lnTo>
                      <a:pt x="534" y="567"/>
                    </a:lnTo>
                    <a:lnTo>
                      <a:pt x="536" y="564"/>
                    </a:lnTo>
                    <a:lnTo>
                      <a:pt x="539" y="561"/>
                    </a:lnTo>
                    <a:lnTo>
                      <a:pt x="541" y="554"/>
                    </a:lnTo>
                    <a:lnTo>
                      <a:pt x="543" y="546"/>
                    </a:lnTo>
                    <a:lnTo>
                      <a:pt x="543" y="528"/>
                    </a:lnTo>
                    <a:lnTo>
                      <a:pt x="543" y="512"/>
                    </a:lnTo>
                    <a:lnTo>
                      <a:pt x="545" y="510"/>
                    </a:lnTo>
                    <a:lnTo>
                      <a:pt x="553" y="507"/>
                    </a:lnTo>
                    <a:lnTo>
                      <a:pt x="562" y="504"/>
                    </a:lnTo>
                    <a:lnTo>
                      <a:pt x="574" y="503"/>
                    </a:lnTo>
                    <a:lnTo>
                      <a:pt x="587" y="502"/>
                    </a:lnTo>
                    <a:lnTo>
                      <a:pt x="597" y="501"/>
                    </a:lnTo>
                    <a:lnTo>
                      <a:pt x="605" y="502"/>
                    </a:lnTo>
                    <a:lnTo>
                      <a:pt x="610" y="503"/>
                    </a:lnTo>
                    <a:lnTo>
                      <a:pt x="624" y="517"/>
                    </a:lnTo>
                    <a:lnTo>
                      <a:pt x="635" y="525"/>
                    </a:lnTo>
                    <a:lnTo>
                      <a:pt x="639" y="526"/>
                    </a:lnTo>
                    <a:lnTo>
                      <a:pt x="641" y="528"/>
                    </a:lnTo>
                    <a:lnTo>
                      <a:pt x="644" y="528"/>
                    </a:lnTo>
                    <a:lnTo>
                      <a:pt x="648" y="528"/>
                    </a:lnTo>
                    <a:lnTo>
                      <a:pt x="654" y="525"/>
                    </a:lnTo>
                    <a:lnTo>
                      <a:pt x="662" y="523"/>
                    </a:lnTo>
                    <a:lnTo>
                      <a:pt x="675" y="521"/>
                    </a:lnTo>
                    <a:lnTo>
                      <a:pt x="693" y="521"/>
                    </a:lnTo>
                    <a:lnTo>
                      <a:pt x="700" y="528"/>
                    </a:lnTo>
                    <a:lnTo>
                      <a:pt x="706" y="534"/>
                    </a:lnTo>
                    <a:lnTo>
                      <a:pt x="711" y="542"/>
                    </a:lnTo>
                    <a:lnTo>
                      <a:pt x="715" y="550"/>
                    </a:lnTo>
                    <a:lnTo>
                      <a:pt x="719" y="559"/>
                    </a:lnTo>
                    <a:lnTo>
                      <a:pt x="720" y="568"/>
                    </a:lnTo>
                    <a:lnTo>
                      <a:pt x="722" y="576"/>
                    </a:lnTo>
                    <a:lnTo>
                      <a:pt x="720" y="585"/>
                    </a:lnTo>
                    <a:lnTo>
                      <a:pt x="719" y="598"/>
                    </a:lnTo>
                    <a:lnTo>
                      <a:pt x="719" y="607"/>
                    </a:lnTo>
                    <a:lnTo>
                      <a:pt x="720" y="613"/>
                    </a:lnTo>
                    <a:lnTo>
                      <a:pt x="723" y="618"/>
                    </a:lnTo>
                    <a:lnTo>
                      <a:pt x="727" y="622"/>
                    </a:lnTo>
                    <a:lnTo>
                      <a:pt x="731" y="629"/>
                    </a:lnTo>
                    <a:lnTo>
                      <a:pt x="735" y="635"/>
                    </a:lnTo>
                    <a:lnTo>
                      <a:pt x="738" y="646"/>
                    </a:lnTo>
                    <a:lnTo>
                      <a:pt x="740" y="659"/>
                    </a:lnTo>
                    <a:lnTo>
                      <a:pt x="740" y="674"/>
                    </a:lnTo>
                    <a:lnTo>
                      <a:pt x="737" y="691"/>
                    </a:lnTo>
                    <a:lnTo>
                      <a:pt x="736" y="709"/>
                    </a:lnTo>
                    <a:lnTo>
                      <a:pt x="735" y="725"/>
                    </a:lnTo>
                    <a:lnTo>
                      <a:pt x="735" y="738"/>
                    </a:lnTo>
                    <a:lnTo>
                      <a:pt x="735" y="741"/>
                    </a:lnTo>
                    <a:lnTo>
                      <a:pt x="737" y="745"/>
                    </a:lnTo>
                    <a:lnTo>
                      <a:pt x="740" y="748"/>
                    </a:lnTo>
                    <a:lnTo>
                      <a:pt x="744" y="749"/>
                    </a:lnTo>
                    <a:lnTo>
                      <a:pt x="751" y="748"/>
                    </a:lnTo>
                    <a:lnTo>
                      <a:pt x="760" y="745"/>
                    </a:lnTo>
                    <a:lnTo>
                      <a:pt x="771" y="743"/>
                    </a:lnTo>
                    <a:lnTo>
                      <a:pt x="781" y="739"/>
                    </a:lnTo>
                    <a:lnTo>
                      <a:pt x="801" y="730"/>
                    </a:lnTo>
                    <a:lnTo>
                      <a:pt x="816" y="722"/>
                    </a:lnTo>
                    <a:lnTo>
                      <a:pt x="830" y="713"/>
                    </a:lnTo>
                    <a:lnTo>
                      <a:pt x="839" y="705"/>
                    </a:lnTo>
                    <a:lnTo>
                      <a:pt x="845" y="700"/>
                    </a:lnTo>
                    <a:lnTo>
                      <a:pt x="847" y="696"/>
                    </a:lnTo>
                    <a:lnTo>
                      <a:pt x="852" y="694"/>
                    </a:lnTo>
                    <a:lnTo>
                      <a:pt x="859" y="691"/>
                    </a:lnTo>
                    <a:lnTo>
                      <a:pt x="872" y="691"/>
                    </a:lnTo>
                    <a:lnTo>
                      <a:pt x="891" y="690"/>
                    </a:lnTo>
                    <a:lnTo>
                      <a:pt x="894" y="691"/>
                    </a:lnTo>
                    <a:lnTo>
                      <a:pt x="895" y="691"/>
                    </a:lnTo>
                    <a:lnTo>
                      <a:pt x="895" y="694"/>
                    </a:lnTo>
                    <a:lnTo>
                      <a:pt x="895" y="695"/>
                    </a:lnTo>
                    <a:lnTo>
                      <a:pt x="894" y="700"/>
                    </a:lnTo>
                    <a:lnTo>
                      <a:pt x="891" y="705"/>
                    </a:lnTo>
                    <a:lnTo>
                      <a:pt x="885" y="718"/>
                    </a:lnTo>
                    <a:lnTo>
                      <a:pt x="881" y="725"/>
                    </a:lnTo>
                    <a:lnTo>
                      <a:pt x="898" y="727"/>
                    </a:lnTo>
                    <a:lnTo>
                      <a:pt x="913" y="729"/>
                    </a:lnTo>
                    <a:lnTo>
                      <a:pt x="928" y="729"/>
                    </a:lnTo>
                    <a:lnTo>
                      <a:pt x="941" y="729"/>
                    </a:lnTo>
                    <a:lnTo>
                      <a:pt x="946" y="730"/>
                    </a:lnTo>
                    <a:lnTo>
                      <a:pt x="951" y="731"/>
                    </a:lnTo>
                    <a:lnTo>
                      <a:pt x="955" y="734"/>
                    </a:lnTo>
                    <a:lnTo>
                      <a:pt x="959" y="736"/>
                    </a:lnTo>
                    <a:lnTo>
                      <a:pt x="961" y="740"/>
                    </a:lnTo>
                    <a:lnTo>
                      <a:pt x="963" y="745"/>
                    </a:lnTo>
                    <a:lnTo>
                      <a:pt x="964" y="752"/>
                    </a:lnTo>
                    <a:lnTo>
                      <a:pt x="965" y="761"/>
                    </a:lnTo>
                    <a:lnTo>
                      <a:pt x="965" y="770"/>
                    </a:lnTo>
                    <a:lnTo>
                      <a:pt x="966" y="779"/>
                    </a:lnTo>
                    <a:lnTo>
                      <a:pt x="968" y="786"/>
                    </a:lnTo>
                    <a:lnTo>
                      <a:pt x="970" y="791"/>
                    </a:lnTo>
                    <a:lnTo>
                      <a:pt x="973" y="795"/>
                    </a:lnTo>
                    <a:lnTo>
                      <a:pt x="975" y="797"/>
                    </a:lnTo>
                    <a:lnTo>
                      <a:pt x="978" y="798"/>
                    </a:lnTo>
                    <a:lnTo>
                      <a:pt x="981" y="798"/>
                    </a:lnTo>
                    <a:lnTo>
                      <a:pt x="985" y="798"/>
                    </a:lnTo>
                    <a:lnTo>
                      <a:pt x="987" y="796"/>
                    </a:lnTo>
                    <a:lnTo>
                      <a:pt x="990" y="793"/>
                    </a:lnTo>
                    <a:lnTo>
                      <a:pt x="992" y="789"/>
                    </a:lnTo>
                    <a:lnTo>
                      <a:pt x="995" y="784"/>
                    </a:lnTo>
                    <a:lnTo>
                      <a:pt x="996" y="779"/>
                    </a:lnTo>
                    <a:lnTo>
                      <a:pt x="998" y="773"/>
                    </a:lnTo>
                    <a:lnTo>
                      <a:pt x="998" y="766"/>
                    </a:lnTo>
                    <a:lnTo>
                      <a:pt x="998" y="756"/>
                    </a:lnTo>
                    <a:lnTo>
                      <a:pt x="998" y="748"/>
                    </a:lnTo>
                    <a:lnTo>
                      <a:pt x="998" y="743"/>
                    </a:lnTo>
                    <a:lnTo>
                      <a:pt x="1000" y="739"/>
                    </a:lnTo>
                    <a:lnTo>
                      <a:pt x="1003" y="738"/>
                    </a:lnTo>
                    <a:lnTo>
                      <a:pt x="1009" y="736"/>
                    </a:lnTo>
                    <a:lnTo>
                      <a:pt x="1018" y="736"/>
                    </a:lnTo>
                    <a:lnTo>
                      <a:pt x="1030" y="736"/>
                    </a:lnTo>
                    <a:lnTo>
                      <a:pt x="1032" y="738"/>
                    </a:lnTo>
                    <a:lnTo>
                      <a:pt x="1035" y="744"/>
                    </a:lnTo>
                    <a:lnTo>
                      <a:pt x="1038" y="753"/>
                    </a:lnTo>
                    <a:lnTo>
                      <a:pt x="1042" y="763"/>
                    </a:lnTo>
                    <a:lnTo>
                      <a:pt x="1045" y="775"/>
                    </a:lnTo>
                    <a:lnTo>
                      <a:pt x="1051" y="786"/>
                    </a:lnTo>
                    <a:lnTo>
                      <a:pt x="1055" y="791"/>
                    </a:lnTo>
                    <a:lnTo>
                      <a:pt x="1058" y="796"/>
                    </a:lnTo>
                    <a:lnTo>
                      <a:pt x="1064" y="800"/>
                    </a:lnTo>
                    <a:lnTo>
                      <a:pt x="1069" y="802"/>
                    </a:lnTo>
                    <a:lnTo>
                      <a:pt x="1079" y="808"/>
                    </a:lnTo>
                    <a:lnTo>
                      <a:pt x="1095" y="815"/>
                    </a:lnTo>
                    <a:lnTo>
                      <a:pt x="1114" y="823"/>
                    </a:lnTo>
                    <a:lnTo>
                      <a:pt x="1134" y="828"/>
                    </a:lnTo>
                    <a:lnTo>
                      <a:pt x="1143" y="830"/>
                    </a:lnTo>
                    <a:lnTo>
                      <a:pt x="1150" y="830"/>
                    </a:lnTo>
                    <a:lnTo>
                      <a:pt x="1158" y="828"/>
                    </a:lnTo>
                    <a:lnTo>
                      <a:pt x="1163" y="826"/>
                    </a:lnTo>
                    <a:lnTo>
                      <a:pt x="1165" y="824"/>
                    </a:lnTo>
                    <a:lnTo>
                      <a:pt x="1166" y="822"/>
                    </a:lnTo>
                    <a:lnTo>
                      <a:pt x="1167" y="818"/>
                    </a:lnTo>
                    <a:lnTo>
                      <a:pt x="1167" y="814"/>
                    </a:lnTo>
                    <a:lnTo>
                      <a:pt x="1165" y="805"/>
                    </a:lnTo>
                    <a:lnTo>
                      <a:pt x="1159" y="793"/>
                    </a:lnTo>
                    <a:lnTo>
                      <a:pt x="1152" y="778"/>
                    </a:lnTo>
                    <a:lnTo>
                      <a:pt x="1146" y="763"/>
                    </a:lnTo>
                    <a:lnTo>
                      <a:pt x="1141" y="749"/>
                    </a:lnTo>
                    <a:lnTo>
                      <a:pt x="1137" y="736"/>
                    </a:lnTo>
                    <a:lnTo>
                      <a:pt x="1135" y="725"/>
                    </a:lnTo>
                    <a:lnTo>
                      <a:pt x="1132" y="714"/>
                    </a:lnTo>
                    <a:lnTo>
                      <a:pt x="1131" y="703"/>
                    </a:lnTo>
                    <a:lnTo>
                      <a:pt x="1131" y="692"/>
                    </a:lnTo>
                    <a:lnTo>
                      <a:pt x="1134" y="670"/>
                    </a:lnTo>
                    <a:lnTo>
                      <a:pt x="1136" y="646"/>
                    </a:lnTo>
                    <a:lnTo>
                      <a:pt x="1141" y="617"/>
                    </a:lnTo>
                    <a:lnTo>
                      <a:pt x="1146" y="583"/>
                    </a:lnTo>
                    <a:lnTo>
                      <a:pt x="1148" y="565"/>
                    </a:lnTo>
                    <a:lnTo>
                      <a:pt x="1146" y="551"/>
                    </a:lnTo>
                    <a:lnTo>
                      <a:pt x="1144" y="541"/>
                    </a:lnTo>
                    <a:lnTo>
                      <a:pt x="1140" y="532"/>
                    </a:lnTo>
                    <a:lnTo>
                      <a:pt x="1135" y="523"/>
                    </a:lnTo>
                    <a:lnTo>
                      <a:pt x="1132" y="513"/>
                    </a:lnTo>
                    <a:lnTo>
                      <a:pt x="1128" y="503"/>
                    </a:lnTo>
                    <a:lnTo>
                      <a:pt x="1128" y="490"/>
                    </a:lnTo>
                    <a:lnTo>
                      <a:pt x="1126" y="475"/>
                    </a:lnTo>
                    <a:lnTo>
                      <a:pt x="1122" y="455"/>
                    </a:lnTo>
                    <a:lnTo>
                      <a:pt x="1115" y="434"/>
                    </a:lnTo>
                    <a:lnTo>
                      <a:pt x="1109" y="414"/>
                    </a:lnTo>
                    <a:lnTo>
                      <a:pt x="1105" y="393"/>
                    </a:lnTo>
                    <a:lnTo>
                      <a:pt x="1102" y="375"/>
                    </a:lnTo>
                    <a:lnTo>
                      <a:pt x="1104" y="367"/>
                    </a:lnTo>
                    <a:lnTo>
                      <a:pt x="1105" y="361"/>
                    </a:lnTo>
                    <a:lnTo>
                      <a:pt x="1108" y="354"/>
                    </a:lnTo>
                    <a:lnTo>
                      <a:pt x="1112" y="349"/>
                    </a:lnTo>
                    <a:lnTo>
                      <a:pt x="1122" y="341"/>
                    </a:lnTo>
                    <a:lnTo>
                      <a:pt x="1128" y="333"/>
                    </a:lnTo>
                    <a:lnTo>
                      <a:pt x="1132" y="327"/>
                    </a:lnTo>
                    <a:lnTo>
                      <a:pt x="1134" y="320"/>
                    </a:lnTo>
                    <a:lnTo>
                      <a:pt x="1132" y="314"/>
                    </a:lnTo>
                    <a:lnTo>
                      <a:pt x="1130" y="309"/>
                    </a:lnTo>
                    <a:lnTo>
                      <a:pt x="1126" y="302"/>
                    </a:lnTo>
                    <a:lnTo>
                      <a:pt x="1121" y="297"/>
                    </a:lnTo>
                    <a:lnTo>
                      <a:pt x="1108" y="287"/>
                    </a:lnTo>
                    <a:lnTo>
                      <a:pt x="1096" y="276"/>
                    </a:lnTo>
                    <a:lnTo>
                      <a:pt x="1091" y="270"/>
                    </a:lnTo>
                    <a:lnTo>
                      <a:pt x="1086" y="265"/>
                    </a:lnTo>
                    <a:lnTo>
                      <a:pt x="1083" y="257"/>
                    </a:lnTo>
                    <a:lnTo>
                      <a:pt x="1082" y="251"/>
                    </a:lnTo>
                    <a:lnTo>
                      <a:pt x="1089" y="249"/>
                    </a:lnTo>
                    <a:lnTo>
                      <a:pt x="1097" y="249"/>
                    </a:lnTo>
                    <a:lnTo>
                      <a:pt x="1105" y="249"/>
                    </a:lnTo>
                    <a:lnTo>
                      <a:pt x="1114" y="252"/>
                    </a:lnTo>
                    <a:lnTo>
                      <a:pt x="1132" y="257"/>
                    </a:lnTo>
                    <a:lnTo>
                      <a:pt x="1150" y="265"/>
                    </a:lnTo>
                    <a:lnTo>
                      <a:pt x="1185" y="283"/>
                    </a:lnTo>
                    <a:lnTo>
                      <a:pt x="1215" y="296"/>
                    </a:lnTo>
                    <a:lnTo>
                      <a:pt x="1235" y="300"/>
                    </a:lnTo>
                    <a:lnTo>
                      <a:pt x="1260" y="304"/>
                    </a:lnTo>
                    <a:lnTo>
                      <a:pt x="1289" y="308"/>
                    </a:lnTo>
                    <a:lnTo>
                      <a:pt x="1315" y="315"/>
                    </a:lnTo>
                    <a:lnTo>
                      <a:pt x="1327" y="319"/>
                    </a:lnTo>
                    <a:lnTo>
                      <a:pt x="1336" y="326"/>
                    </a:lnTo>
                    <a:lnTo>
                      <a:pt x="1340" y="328"/>
                    </a:lnTo>
                    <a:lnTo>
                      <a:pt x="1342" y="332"/>
                    </a:lnTo>
                    <a:lnTo>
                      <a:pt x="1343" y="336"/>
                    </a:lnTo>
                    <a:lnTo>
                      <a:pt x="1345" y="340"/>
                    </a:lnTo>
                    <a:lnTo>
                      <a:pt x="1346" y="345"/>
                    </a:lnTo>
                    <a:lnTo>
                      <a:pt x="1345" y="349"/>
                    </a:lnTo>
                    <a:lnTo>
                      <a:pt x="1343" y="355"/>
                    </a:lnTo>
                    <a:lnTo>
                      <a:pt x="1340" y="361"/>
                    </a:lnTo>
                    <a:lnTo>
                      <a:pt x="1336" y="367"/>
                    </a:lnTo>
                    <a:lnTo>
                      <a:pt x="1330" y="374"/>
                    </a:lnTo>
                    <a:lnTo>
                      <a:pt x="1324" y="381"/>
                    </a:lnTo>
                    <a:lnTo>
                      <a:pt x="1316" y="388"/>
                    </a:lnTo>
                    <a:lnTo>
                      <a:pt x="1310" y="394"/>
                    </a:lnTo>
                    <a:lnTo>
                      <a:pt x="1306" y="401"/>
                    </a:lnTo>
                    <a:lnTo>
                      <a:pt x="1303" y="406"/>
                    </a:lnTo>
                    <a:lnTo>
                      <a:pt x="1303" y="412"/>
                    </a:lnTo>
                    <a:lnTo>
                      <a:pt x="1303" y="418"/>
                    </a:lnTo>
                    <a:lnTo>
                      <a:pt x="1305" y="423"/>
                    </a:lnTo>
                    <a:lnTo>
                      <a:pt x="1307" y="428"/>
                    </a:lnTo>
                    <a:lnTo>
                      <a:pt x="1310" y="432"/>
                    </a:lnTo>
                    <a:lnTo>
                      <a:pt x="1316" y="442"/>
                    </a:lnTo>
                    <a:lnTo>
                      <a:pt x="1320" y="453"/>
                    </a:lnTo>
                    <a:lnTo>
                      <a:pt x="1321" y="456"/>
                    </a:lnTo>
                    <a:lnTo>
                      <a:pt x="1321" y="462"/>
                    </a:lnTo>
                    <a:lnTo>
                      <a:pt x="1319" y="468"/>
                    </a:lnTo>
                    <a:lnTo>
                      <a:pt x="1316" y="473"/>
                    </a:lnTo>
                    <a:lnTo>
                      <a:pt x="1308" y="484"/>
                    </a:lnTo>
                    <a:lnTo>
                      <a:pt x="1305" y="491"/>
                    </a:lnTo>
                    <a:lnTo>
                      <a:pt x="1303" y="499"/>
                    </a:lnTo>
                    <a:lnTo>
                      <a:pt x="1305" y="504"/>
                    </a:lnTo>
                    <a:lnTo>
                      <a:pt x="1307" y="510"/>
                    </a:lnTo>
                    <a:lnTo>
                      <a:pt x="1312" y="512"/>
                    </a:lnTo>
                    <a:lnTo>
                      <a:pt x="1319" y="515"/>
                    </a:lnTo>
                    <a:lnTo>
                      <a:pt x="1328" y="516"/>
                    </a:lnTo>
                    <a:lnTo>
                      <a:pt x="1346" y="516"/>
                    </a:lnTo>
                    <a:lnTo>
                      <a:pt x="1365" y="515"/>
                    </a:lnTo>
                    <a:lnTo>
                      <a:pt x="1382" y="512"/>
                    </a:lnTo>
                    <a:lnTo>
                      <a:pt x="1397" y="510"/>
                    </a:lnTo>
                    <a:lnTo>
                      <a:pt x="1409" y="511"/>
                    </a:lnTo>
                    <a:lnTo>
                      <a:pt x="1424" y="516"/>
                    </a:lnTo>
                    <a:lnTo>
                      <a:pt x="1439" y="521"/>
                    </a:lnTo>
                    <a:lnTo>
                      <a:pt x="1456" y="529"/>
                    </a:lnTo>
                    <a:lnTo>
                      <a:pt x="1490" y="545"/>
                    </a:lnTo>
                    <a:lnTo>
                      <a:pt x="1516" y="558"/>
                    </a:lnTo>
                    <a:lnTo>
                      <a:pt x="1521" y="560"/>
                    </a:lnTo>
                    <a:lnTo>
                      <a:pt x="1525" y="564"/>
                    </a:lnTo>
                    <a:lnTo>
                      <a:pt x="1529" y="568"/>
                    </a:lnTo>
                    <a:lnTo>
                      <a:pt x="1531" y="573"/>
                    </a:lnTo>
                    <a:lnTo>
                      <a:pt x="1536" y="582"/>
                    </a:lnTo>
                    <a:lnTo>
                      <a:pt x="1540" y="594"/>
                    </a:lnTo>
                    <a:lnTo>
                      <a:pt x="1543" y="603"/>
                    </a:lnTo>
                    <a:lnTo>
                      <a:pt x="1547" y="612"/>
                    </a:lnTo>
                    <a:lnTo>
                      <a:pt x="1548" y="615"/>
                    </a:lnTo>
                    <a:lnTo>
                      <a:pt x="1551" y="617"/>
                    </a:lnTo>
                    <a:lnTo>
                      <a:pt x="1553" y="618"/>
                    </a:lnTo>
                    <a:lnTo>
                      <a:pt x="1556" y="618"/>
                    </a:lnTo>
                    <a:lnTo>
                      <a:pt x="1776" y="612"/>
                    </a:lnTo>
                    <a:lnTo>
                      <a:pt x="1797" y="612"/>
                    </a:lnTo>
                    <a:lnTo>
                      <a:pt x="1828" y="615"/>
                    </a:lnTo>
                    <a:lnTo>
                      <a:pt x="1845" y="615"/>
                    </a:lnTo>
                    <a:lnTo>
                      <a:pt x="1859" y="615"/>
                    </a:lnTo>
                    <a:lnTo>
                      <a:pt x="1864" y="615"/>
                    </a:lnTo>
                    <a:lnTo>
                      <a:pt x="1869" y="613"/>
                    </a:lnTo>
                    <a:lnTo>
                      <a:pt x="1872" y="612"/>
                    </a:lnTo>
                    <a:lnTo>
                      <a:pt x="1873" y="611"/>
                    </a:lnTo>
                    <a:lnTo>
                      <a:pt x="1872" y="611"/>
                    </a:lnTo>
                    <a:lnTo>
                      <a:pt x="1872" y="609"/>
                    </a:lnTo>
                    <a:lnTo>
                      <a:pt x="1854" y="604"/>
                    </a:lnTo>
                    <a:lnTo>
                      <a:pt x="1825" y="596"/>
                    </a:lnTo>
                    <a:lnTo>
                      <a:pt x="1789" y="585"/>
                    </a:lnTo>
                    <a:lnTo>
                      <a:pt x="1753" y="570"/>
                    </a:lnTo>
                    <a:lnTo>
                      <a:pt x="1736" y="561"/>
                    </a:lnTo>
                    <a:lnTo>
                      <a:pt x="1722" y="554"/>
                    </a:lnTo>
                    <a:lnTo>
                      <a:pt x="1709" y="545"/>
                    </a:lnTo>
                    <a:lnTo>
                      <a:pt x="1700" y="534"/>
                    </a:lnTo>
                    <a:lnTo>
                      <a:pt x="1696" y="529"/>
                    </a:lnTo>
                    <a:lnTo>
                      <a:pt x="1693" y="524"/>
                    </a:lnTo>
                    <a:lnTo>
                      <a:pt x="1692" y="519"/>
                    </a:lnTo>
                    <a:lnTo>
                      <a:pt x="1692" y="513"/>
                    </a:lnTo>
                    <a:lnTo>
                      <a:pt x="1693" y="508"/>
                    </a:lnTo>
                    <a:lnTo>
                      <a:pt x="1696" y="503"/>
                    </a:lnTo>
                    <a:lnTo>
                      <a:pt x="1700" y="498"/>
                    </a:lnTo>
                    <a:lnTo>
                      <a:pt x="1705" y="491"/>
                    </a:lnTo>
                    <a:lnTo>
                      <a:pt x="1719" y="481"/>
                    </a:lnTo>
                    <a:lnTo>
                      <a:pt x="1735" y="472"/>
                    </a:lnTo>
                    <a:lnTo>
                      <a:pt x="1751" y="463"/>
                    </a:lnTo>
                    <a:lnTo>
                      <a:pt x="1770" y="456"/>
                    </a:lnTo>
                    <a:lnTo>
                      <a:pt x="1789" y="451"/>
                    </a:lnTo>
                    <a:lnTo>
                      <a:pt x="1810" y="446"/>
                    </a:lnTo>
                    <a:lnTo>
                      <a:pt x="1831" y="442"/>
                    </a:lnTo>
                    <a:lnTo>
                      <a:pt x="1853" y="440"/>
                    </a:lnTo>
                    <a:lnTo>
                      <a:pt x="1895" y="434"/>
                    </a:lnTo>
                    <a:lnTo>
                      <a:pt x="1938" y="431"/>
                    </a:lnTo>
                    <a:lnTo>
                      <a:pt x="1959" y="428"/>
                    </a:lnTo>
                    <a:lnTo>
                      <a:pt x="1978" y="425"/>
                    </a:lnTo>
                    <a:lnTo>
                      <a:pt x="1998" y="422"/>
                    </a:lnTo>
                    <a:lnTo>
                      <a:pt x="2014" y="418"/>
                    </a:lnTo>
                    <a:lnTo>
                      <a:pt x="2091" y="398"/>
                    </a:lnTo>
                    <a:lnTo>
                      <a:pt x="2114" y="389"/>
                    </a:lnTo>
                    <a:lnTo>
                      <a:pt x="2140" y="380"/>
                    </a:lnTo>
                    <a:lnTo>
                      <a:pt x="2153" y="375"/>
                    </a:lnTo>
                    <a:lnTo>
                      <a:pt x="2165" y="370"/>
                    </a:lnTo>
                    <a:lnTo>
                      <a:pt x="2175" y="363"/>
                    </a:lnTo>
                    <a:lnTo>
                      <a:pt x="2184" y="357"/>
                    </a:lnTo>
                    <a:lnTo>
                      <a:pt x="2192" y="348"/>
                    </a:lnTo>
                    <a:lnTo>
                      <a:pt x="2201" y="339"/>
                    </a:lnTo>
                    <a:lnTo>
                      <a:pt x="2206" y="333"/>
                    </a:lnTo>
                    <a:lnTo>
                      <a:pt x="2211" y="331"/>
                    </a:lnTo>
                    <a:lnTo>
                      <a:pt x="2217" y="328"/>
                    </a:lnTo>
                    <a:lnTo>
                      <a:pt x="2220" y="327"/>
                    </a:lnTo>
                    <a:lnTo>
                      <a:pt x="2235" y="330"/>
                    </a:lnTo>
                    <a:lnTo>
                      <a:pt x="2245" y="328"/>
                    </a:lnTo>
                    <a:lnTo>
                      <a:pt x="2244" y="319"/>
                    </a:lnTo>
                    <a:lnTo>
                      <a:pt x="2240" y="310"/>
                    </a:lnTo>
                    <a:lnTo>
                      <a:pt x="2236" y="302"/>
                    </a:lnTo>
                    <a:lnTo>
                      <a:pt x="2231" y="295"/>
                    </a:lnTo>
                    <a:lnTo>
                      <a:pt x="2227" y="284"/>
                    </a:lnTo>
                    <a:lnTo>
                      <a:pt x="2226" y="274"/>
                    </a:lnTo>
                    <a:lnTo>
                      <a:pt x="2227" y="261"/>
                    </a:lnTo>
                    <a:lnTo>
                      <a:pt x="2230" y="247"/>
                    </a:lnTo>
                    <a:lnTo>
                      <a:pt x="2233" y="232"/>
                    </a:lnTo>
                    <a:lnTo>
                      <a:pt x="2237" y="217"/>
                    </a:lnTo>
                    <a:lnTo>
                      <a:pt x="2244" y="201"/>
                    </a:lnTo>
                    <a:lnTo>
                      <a:pt x="2250" y="184"/>
                    </a:lnTo>
                    <a:lnTo>
                      <a:pt x="2266" y="152"/>
                    </a:lnTo>
                    <a:lnTo>
                      <a:pt x="2280" y="121"/>
                    </a:lnTo>
                    <a:lnTo>
                      <a:pt x="2294" y="95"/>
                    </a:lnTo>
                    <a:lnTo>
                      <a:pt x="2303" y="74"/>
                    </a:lnTo>
                    <a:lnTo>
                      <a:pt x="2309" y="64"/>
                    </a:lnTo>
                    <a:lnTo>
                      <a:pt x="2314" y="56"/>
                    </a:lnTo>
                    <a:lnTo>
                      <a:pt x="2318" y="48"/>
                    </a:lnTo>
                    <a:lnTo>
                      <a:pt x="2323" y="43"/>
                    </a:lnTo>
                    <a:lnTo>
                      <a:pt x="2328" y="39"/>
                    </a:lnTo>
                    <a:lnTo>
                      <a:pt x="2333" y="35"/>
                    </a:lnTo>
                    <a:lnTo>
                      <a:pt x="2338" y="34"/>
                    </a:lnTo>
                    <a:lnTo>
                      <a:pt x="2344" y="32"/>
                    </a:lnTo>
                    <a:lnTo>
                      <a:pt x="2371" y="30"/>
                    </a:lnTo>
                    <a:lnTo>
                      <a:pt x="2411" y="29"/>
                    </a:lnTo>
                    <a:lnTo>
                      <a:pt x="2434" y="26"/>
                    </a:lnTo>
                    <a:lnTo>
                      <a:pt x="2460" y="24"/>
                    </a:lnTo>
                    <a:lnTo>
                      <a:pt x="2486" y="21"/>
                    </a:lnTo>
                    <a:lnTo>
                      <a:pt x="2513" y="19"/>
                    </a:lnTo>
                    <a:lnTo>
                      <a:pt x="2539" y="16"/>
                    </a:lnTo>
                    <a:lnTo>
                      <a:pt x="2566" y="12"/>
                    </a:lnTo>
                    <a:lnTo>
                      <a:pt x="2592" y="7"/>
                    </a:lnTo>
                    <a:lnTo>
                      <a:pt x="2617" y="0"/>
                    </a:lnTo>
                    <a:lnTo>
                      <a:pt x="2630" y="38"/>
                    </a:lnTo>
                    <a:lnTo>
                      <a:pt x="2618" y="54"/>
                    </a:lnTo>
                    <a:lnTo>
                      <a:pt x="2605" y="68"/>
                    </a:lnTo>
                    <a:lnTo>
                      <a:pt x="2600" y="76"/>
                    </a:lnTo>
                    <a:lnTo>
                      <a:pt x="2596" y="83"/>
                    </a:lnTo>
                    <a:lnTo>
                      <a:pt x="2595" y="92"/>
                    </a:lnTo>
                    <a:lnTo>
                      <a:pt x="2595" y="104"/>
                    </a:lnTo>
                    <a:lnTo>
                      <a:pt x="2599" y="126"/>
                    </a:lnTo>
                    <a:lnTo>
                      <a:pt x="2605" y="144"/>
                    </a:lnTo>
                    <a:lnTo>
                      <a:pt x="2608" y="152"/>
                    </a:lnTo>
                    <a:lnTo>
                      <a:pt x="2612" y="160"/>
                    </a:lnTo>
                    <a:lnTo>
                      <a:pt x="2616" y="165"/>
                    </a:lnTo>
                    <a:lnTo>
                      <a:pt x="2621" y="170"/>
                    </a:lnTo>
                    <a:lnTo>
                      <a:pt x="2626" y="175"/>
                    </a:lnTo>
                    <a:lnTo>
                      <a:pt x="2632" y="178"/>
                    </a:lnTo>
                    <a:lnTo>
                      <a:pt x="2639" y="179"/>
                    </a:lnTo>
                    <a:lnTo>
                      <a:pt x="2647" y="181"/>
                    </a:lnTo>
                    <a:lnTo>
                      <a:pt x="2654" y="179"/>
                    </a:lnTo>
                    <a:lnTo>
                      <a:pt x="2664" y="177"/>
                    </a:lnTo>
                    <a:lnTo>
                      <a:pt x="2674" y="174"/>
                    </a:lnTo>
                    <a:lnTo>
                      <a:pt x="2684" y="169"/>
                    </a:lnTo>
                    <a:lnTo>
                      <a:pt x="2692" y="165"/>
                    </a:lnTo>
                    <a:lnTo>
                      <a:pt x="2700" y="162"/>
                    </a:lnTo>
                    <a:lnTo>
                      <a:pt x="2708" y="161"/>
                    </a:lnTo>
                    <a:lnTo>
                      <a:pt x="2714" y="160"/>
                    </a:lnTo>
                    <a:lnTo>
                      <a:pt x="2719" y="161"/>
                    </a:lnTo>
                    <a:lnTo>
                      <a:pt x="2724" y="161"/>
                    </a:lnTo>
                    <a:lnTo>
                      <a:pt x="2730" y="164"/>
                    </a:lnTo>
                    <a:lnTo>
                      <a:pt x="2733" y="166"/>
                    </a:lnTo>
                    <a:lnTo>
                      <a:pt x="2737" y="170"/>
                    </a:lnTo>
                    <a:lnTo>
                      <a:pt x="2740" y="174"/>
                    </a:lnTo>
                    <a:lnTo>
                      <a:pt x="2741" y="179"/>
                    </a:lnTo>
                    <a:lnTo>
                      <a:pt x="2743" y="186"/>
                    </a:lnTo>
                    <a:lnTo>
                      <a:pt x="2744" y="192"/>
                    </a:lnTo>
                    <a:lnTo>
                      <a:pt x="2744" y="199"/>
                    </a:lnTo>
                    <a:lnTo>
                      <a:pt x="2743" y="206"/>
                    </a:lnTo>
                    <a:lnTo>
                      <a:pt x="2741" y="216"/>
                    </a:lnTo>
                    <a:lnTo>
                      <a:pt x="2737" y="234"/>
                    </a:lnTo>
                    <a:lnTo>
                      <a:pt x="2736" y="249"/>
                    </a:lnTo>
                    <a:lnTo>
                      <a:pt x="2736" y="262"/>
                    </a:lnTo>
                    <a:lnTo>
                      <a:pt x="2739" y="273"/>
                    </a:lnTo>
                    <a:lnTo>
                      <a:pt x="2743" y="282"/>
                    </a:lnTo>
                    <a:lnTo>
                      <a:pt x="2748" y="288"/>
                    </a:lnTo>
                    <a:lnTo>
                      <a:pt x="2753" y="295"/>
                    </a:lnTo>
                    <a:lnTo>
                      <a:pt x="2761" y="300"/>
                    </a:lnTo>
                    <a:lnTo>
                      <a:pt x="2776" y="310"/>
                    </a:lnTo>
                    <a:lnTo>
                      <a:pt x="2792" y="320"/>
                    </a:lnTo>
                    <a:lnTo>
                      <a:pt x="2798" y="327"/>
                    </a:lnTo>
                    <a:lnTo>
                      <a:pt x="2805" y="336"/>
                    </a:lnTo>
                    <a:lnTo>
                      <a:pt x="2811" y="345"/>
                    </a:lnTo>
                    <a:lnTo>
                      <a:pt x="2815" y="357"/>
                    </a:lnTo>
                    <a:lnTo>
                      <a:pt x="2819" y="368"/>
                    </a:lnTo>
                    <a:lnTo>
                      <a:pt x="2823" y="380"/>
                    </a:lnTo>
                    <a:lnTo>
                      <a:pt x="2828" y="390"/>
                    </a:lnTo>
                    <a:lnTo>
                      <a:pt x="2833" y="401"/>
                    </a:lnTo>
                    <a:lnTo>
                      <a:pt x="2840" y="410"/>
                    </a:lnTo>
                    <a:lnTo>
                      <a:pt x="2847" y="419"/>
                    </a:lnTo>
                    <a:lnTo>
                      <a:pt x="2857" y="427"/>
                    </a:lnTo>
                    <a:lnTo>
                      <a:pt x="2867" y="434"/>
                    </a:lnTo>
                    <a:lnTo>
                      <a:pt x="2879" y="438"/>
                    </a:lnTo>
                    <a:lnTo>
                      <a:pt x="2890" y="441"/>
                    </a:lnTo>
                    <a:lnTo>
                      <a:pt x="2901" y="444"/>
                    </a:lnTo>
                    <a:lnTo>
                      <a:pt x="2912" y="445"/>
                    </a:lnTo>
                    <a:lnTo>
                      <a:pt x="2921" y="447"/>
                    </a:lnTo>
                    <a:lnTo>
                      <a:pt x="2930" y="453"/>
                    </a:lnTo>
                    <a:lnTo>
                      <a:pt x="2936" y="456"/>
                    </a:lnTo>
                    <a:lnTo>
                      <a:pt x="2939" y="460"/>
                    </a:lnTo>
                    <a:lnTo>
                      <a:pt x="2943" y="466"/>
                    </a:lnTo>
                    <a:lnTo>
                      <a:pt x="2947" y="473"/>
                    </a:lnTo>
                    <a:lnTo>
                      <a:pt x="2945" y="493"/>
                    </a:lnTo>
                    <a:lnTo>
                      <a:pt x="2945" y="515"/>
                    </a:lnTo>
                    <a:lnTo>
                      <a:pt x="2946" y="538"/>
                    </a:lnTo>
                    <a:lnTo>
                      <a:pt x="2950" y="561"/>
                    </a:lnTo>
                    <a:lnTo>
                      <a:pt x="2955" y="583"/>
                    </a:lnTo>
                    <a:lnTo>
                      <a:pt x="2961" y="605"/>
                    </a:lnTo>
                    <a:lnTo>
                      <a:pt x="2967" y="616"/>
                    </a:lnTo>
                    <a:lnTo>
                      <a:pt x="2971" y="625"/>
                    </a:lnTo>
                    <a:lnTo>
                      <a:pt x="2976" y="634"/>
                    </a:lnTo>
                    <a:lnTo>
                      <a:pt x="2982" y="642"/>
                    </a:lnTo>
                    <a:lnTo>
                      <a:pt x="2985" y="646"/>
                    </a:lnTo>
                    <a:lnTo>
                      <a:pt x="2989" y="648"/>
                    </a:lnTo>
                    <a:lnTo>
                      <a:pt x="2991" y="651"/>
                    </a:lnTo>
                    <a:lnTo>
                      <a:pt x="2995" y="652"/>
                    </a:lnTo>
                    <a:lnTo>
                      <a:pt x="3002" y="652"/>
                    </a:lnTo>
                    <a:lnTo>
                      <a:pt x="3009" y="649"/>
                    </a:lnTo>
                    <a:lnTo>
                      <a:pt x="3016" y="644"/>
                    </a:lnTo>
                    <a:lnTo>
                      <a:pt x="3024" y="639"/>
                    </a:lnTo>
                    <a:lnTo>
                      <a:pt x="3031" y="631"/>
                    </a:lnTo>
                    <a:lnTo>
                      <a:pt x="3039" y="622"/>
                    </a:lnTo>
                    <a:lnTo>
                      <a:pt x="3053" y="605"/>
                    </a:lnTo>
                    <a:lnTo>
                      <a:pt x="3069" y="589"/>
                    </a:lnTo>
                    <a:lnTo>
                      <a:pt x="3075" y="582"/>
                    </a:lnTo>
                    <a:lnTo>
                      <a:pt x="3083" y="578"/>
                    </a:lnTo>
                    <a:lnTo>
                      <a:pt x="3090" y="574"/>
                    </a:lnTo>
                    <a:lnTo>
                      <a:pt x="3096" y="574"/>
                    </a:lnTo>
                    <a:lnTo>
                      <a:pt x="3101" y="577"/>
                    </a:lnTo>
                    <a:lnTo>
                      <a:pt x="3107" y="581"/>
                    </a:lnTo>
                    <a:lnTo>
                      <a:pt x="3110" y="585"/>
                    </a:lnTo>
                    <a:lnTo>
                      <a:pt x="3113" y="591"/>
                    </a:lnTo>
                    <a:lnTo>
                      <a:pt x="3120" y="607"/>
                    </a:lnTo>
                    <a:lnTo>
                      <a:pt x="3123" y="624"/>
                    </a:lnTo>
                    <a:lnTo>
                      <a:pt x="3130" y="660"/>
                    </a:lnTo>
                    <a:lnTo>
                      <a:pt x="3136" y="687"/>
                    </a:lnTo>
                    <a:lnTo>
                      <a:pt x="3143" y="701"/>
                    </a:lnTo>
                    <a:lnTo>
                      <a:pt x="3151" y="714"/>
                    </a:lnTo>
                    <a:lnTo>
                      <a:pt x="3160" y="726"/>
                    </a:lnTo>
                    <a:lnTo>
                      <a:pt x="3169" y="736"/>
                    </a:lnTo>
                    <a:lnTo>
                      <a:pt x="3189" y="757"/>
                    </a:lnTo>
                    <a:lnTo>
                      <a:pt x="3212" y="778"/>
                    </a:lnTo>
                    <a:lnTo>
                      <a:pt x="3217" y="783"/>
                    </a:lnTo>
                    <a:lnTo>
                      <a:pt x="3222" y="789"/>
                    </a:lnTo>
                    <a:lnTo>
                      <a:pt x="3226" y="797"/>
                    </a:lnTo>
                    <a:lnTo>
                      <a:pt x="3230" y="806"/>
                    </a:lnTo>
                    <a:lnTo>
                      <a:pt x="3237" y="823"/>
                    </a:lnTo>
                    <a:lnTo>
                      <a:pt x="3245" y="841"/>
                    </a:lnTo>
                    <a:lnTo>
                      <a:pt x="3249" y="849"/>
                    </a:lnTo>
                    <a:lnTo>
                      <a:pt x="3254" y="857"/>
                    </a:lnTo>
                    <a:lnTo>
                      <a:pt x="3259" y="865"/>
                    </a:lnTo>
                    <a:lnTo>
                      <a:pt x="3265" y="871"/>
                    </a:lnTo>
                    <a:lnTo>
                      <a:pt x="3271" y="876"/>
                    </a:lnTo>
                    <a:lnTo>
                      <a:pt x="3278" y="880"/>
                    </a:lnTo>
                    <a:lnTo>
                      <a:pt x="3285" y="883"/>
                    </a:lnTo>
                    <a:lnTo>
                      <a:pt x="3294" y="883"/>
                    </a:lnTo>
                    <a:lnTo>
                      <a:pt x="3333" y="883"/>
                    </a:lnTo>
                    <a:lnTo>
                      <a:pt x="3359" y="884"/>
                    </a:lnTo>
                    <a:lnTo>
                      <a:pt x="3370" y="887"/>
                    </a:lnTo>
                    <a:lnTo>
                      <a:pt x="3383" y="893"/>
                    </a:lnTo>
                    <a:lnTo>
                      <a:pt x="3398" y="901"/>
                    </a:lnTo>
                    <a:lnTo>
                      <a:pt x="3418" y="914"/>
                    </a:lnTo>
                    <a:lnTo>
                      <a:pt x="3427" y="924"/>
                    </a:lnTo>
                    <a:lnTo>
                      <a:pt x="3437" y="934"/>
                    </a:lnTo>
                    <a:lnTo>
                      <a:pt x="3442" y="940"/>
                    </a:lnTo>
                    <a:lnTo>
                      <a:pt x="3447" y="944"/>
                    </a:lnTo>
                    <a:lnTo>
                      <a:pt x="3454" y="947"/>
                    </a:lnTo>
                    <a:lnTo>
                      <a:pt x="3460" y="950"/>
                    </a:lnTo>
                    <a:lnTo>
                      <a:pt x="3473" y="951"/>
                    </a:lnTo>
                    <a:lnTo>
                      <a:pt x="3486" y="950"/>
                    </a:lnTo>
                    <a:lnTo>
                      <a:pt x="3504" y="947"/>
                    </a:lnTo>
                    <a:lnTo>
                      <a:pt x="3522" y="945"/>
                    </a:lnTo>
                    <a:lnTo>
                      <a:pt x="3573" y="950"/>
                    </a:lnTo>
                    <a:lnTo>
                      <a:pt x="3587" y="962"/>
                    </a:lnTo>
                    <a:lnTo>
                      <a:pt x="3599" y="975"/>
                    </a:lnTo>
                    <a:lnTo>
                      <a:pt x="3611" y="988"/>
                    </a:lnTo>
                    <a:lnTo>
                      <a:pt x="3622" y="1001"/>
                    </a:lnTo>
                    <a:lnTo>
                      <a:pt x="3642" y="1028"/>
                    </a:lnTo>
                    <a:lnTo>
                      <a:pt x="3662" y="1056"/>
                    </a:lnTo>
                    <a:lnTo>
                      <a:pt x="3668" y="1063"/>
                    </a:lnTo>
                    <a:lnTo>
                      <a:pt x="3673" y="1069"/>
                    </a:lnTo>
                    <a:lnTo>
                      <a:pt x="3679" y="1073"/>
                    </a:lnTo>
                    <a:lnTo>
                      <a:pt x="3686" y="1077"/>
                    </a:lnTo>
                    <a:lnTo>
                      <a:pt x="3699" y="1083"/>
                    </a:lnTo>
                    <a:lnTo>
                      <a:pt x="3713" y="1087"/>
                    </a:lnTo>
                    <a:lnTo>
                      <a:pt x="3728" y="1091"/>
                    </a:lnTo>
                    <a:lnTo>
                      <a:pt x="3744" y="1094"/>
                    </a:lnTo>
                    <a:lnTo>
                      <a:pt x="3760" y="1098"/>
                    </a:lnTo>
                    <a:lnTo>
                      <a:pt x="3774" y="1103"/>
                    </a:lnTo>
                    <a:lnTo>
                      <a:pt x="3783" y="1108"/>
                    </a:lnTo>
                    <a:lnTo>
                      <a:pt x="3792" y="1113"/>
                    </a:lnTo>
                    <a:lnTo>
                      <a:pt x="3800" y="1118"/>
                    </a:lnTo>
                    <a:lnTo>
                      <a:pt x="3807" y="1125"/>
                    </a:lnTo>
                    <a:lnTo>
                      <a:pt x="3823" y="1139"/>
                    </a:lnTo>
                    <a:lnTo>
                      <a:pt x="3836" y="1153"/>
                    </a:lnTo>
                    <a:lnTo>
                      <a:pt x="3851" y="1168"/>
                    </a:lnTo>
                    <a:lnTo>
                      <a:pt x="3867" y="1181"/>
                    </a:lnTo>
                    <a:lnTo>
                      <a:pt x="3876" y="1186"/>
                    </a:lnTo>
                    <a:lnTo>
                      <a:pt x="3886" y="1191"/>
                    </a:lnTo>
                    <a:lnTo>
                      <a:pt x="3897" y="1195"/>
                    </a:lnTo>
                    <a:lnTo>
                      <a:pt x="3910" y="1199"/>
                    </a:lnTo>
                    <a:lnTo>
                      <a:pt x="3931" y="1204"/>
                    </a:lnTo>
                    <a:lnTo>
                      <a:pt x="3951" y="1210"/>
                    </a:lnTo>
                    <a:lnTo>
                      <a:pt x="3972" y="1218"/>
                    </a:lnTo>
                    <a:lnTo>
                      <a:pt x="3993" y="1226"/>
                    </a:lnTo>
                    <a:lnTo>
                      <a:pt x="4012" y="1235"/>
                    </a:lnTo>
                    <a:lnTo>
                      <a:pt x="4033" y="1245"/>
                    </a:lnTo>
                    <a:lnTo>
                      <a:pt x="4051" y="1256"/>
                    </a:lnTo>
                    <a:lnTo>
                      <a:pt x="4069" y="1267"/>
                    </a:lnTo>
                    <a:lnTo>
                      <a:pt x="4099" y="1295"/>
                    </a:lnTo>
                    <a:lnTo>
                      <a:pt x="4085" y="1319"/>
                    </a:lnTo>
                    <a:lnTo>
                      <a:pt x="4069" y="1343"/>
                    </a:lnTo>
                    <a:lnTo>
                      <a:pt x="4051" y="1367"/>
                    </a:lnTo>
                    <a:lnTo>
                      <a:pt x="4032" y="1389"/>
                    </a:lnTo>
                    <a:lnTo>
                      <a:pt x="4010" y="1412"/>
                    </a:lnTo>
                    <a:lnTo>
                      <a:pt x="3988" y="1435"/>
                    </a:lnTo>
                    <a:lnTo>
                      <a:pt x="3968" y="1457"/>
                    </a:lnTo>
                    <a:lnTo>
                      <a:pt x="3950" y="1480"/>
                    </a:lnTo>
                    <a:lnTo>
                      <a:pt x="3942" y="1492"/>
                    </a:lnTo>
                    <a:lnTo>
                      <a:pt x="3934" y="1503"/>
                    </a:lnTo>
                    <a:lnTo>
                      <a:pt x="3927" y="1515"/>
                    </a:lnTo>
                    <a:lnTo>
                      <a:pt x="3920" y="1528"/>
                    </a:lnTo>
                    <a:lnTo>
                      <a:pt x="3914" y="1542"/>
                    </a:lnTo>
                    <a:lnTo>
                      <a:pt x="3909" y="1556"/>
                    </a:lnTo>
                    <a:lnTo>
                      <a:pt x="3905" y="1571"/>
                    </a:lnTo>
                    <a:lnTo>
                      <a:pt x="3901" y="1587"/>
                    </a:lnTo>
                    <a:lnTo>
                      <a:pt x="3896" y="1603"/>
                    </a:lnTo>
                    <a:lnTo>
                      <a:pt x="3890" y="1617"/>
                    </a:lnTo>
                    <a:lnTo>
                      <a:pt x="3883" y="1631"/>
                    </a:lnTo>
                    <a:lnTo>
                      <a:pt x="3875" y="1643"/>
                    </a:lnTo>
                    <a:lnTo>
                      <a:pt x="3858" y="1668"/>
                    </a:lnTo>
                    <a:lnTo>
                      <a:pt x="3841" y="1694"/>
                    </a:lnTo>
                    <a:lnTo>
                      <a:pt x="3832" y="1710"/>
                    </a:lnTo>
                    <a:lnTo>
                      <a:pt x="3826" y="1727"/>
                    </a:lnTo>
                    <a:lnTo>
                      <a:pt x="3822" y="1744"/>
                    </a:lnTo>
                    <a:lnTo>
                      <a:pt x="3819" y="1761"/>
                    </a:lnTo>
                    <a:lnTo>
                      <a:pt x="3814" y="1796"/>
                    </a:lnTo>
                    <a:lnTo>
                      <a:pt x="3806" y="1834"/>
                    </a:lnTo>
                    <a:lnTo>
                      <a:pt x="3805" y="1841"/>
                    </a:lnTo>
                    <a:lnTo>
                      <a:pt x="3804" y="1849"/>
                    </a:lnTo>
                    <a:lnTo>
                      <a:pt x="3804" y="1858"/>
                    </a:lnTo>
                    <a:lnTo>
                      <a:pt x="3805" y="1867"/>
                    </a:lnTo>
                    <a:lnTo>
                      <a:pt x="3806" y="1878"/>
                    </a:lnTo>
                    <a:lnTo>
                      <a:pt x="3807" y="1887"/>
                    </a:lnTo>
                    <a:lnTo>
                      <a:pt x="3810" y="1897"/>
                    </a:lnTo>
                    <a:lnTo>
                      <a:pt x="3814" y="1906"/>
                    </a:lnTo>
                    <a:lnTo>
                      <a:pt x="3753" y="1935"/>
                    </a:lnTo>
                    <a:lnTo>
                      <a:pt x="3747" y="1940"/>
                    </a:lnTo>
                    <a:lnTo>
                      <a:pt x="3740" y="1942"/>
                    </a:lnTo>
                    <a:lnTo>
                      <a:pt x="3732" y="1946"/>
                    </a:lnTo>
                    <a:lnTo>
                      <a:pt x="3726" y="1948"/>
                    </a:lnTo>
                    <a:lnTo>
                      <a:pt x="3717" y="1948"/>
                    </a:lnTo>
                    <a:lnTo>
                      <a:pt x="3709" y="1949"/>
                    </a:lnTo>
                    <a:lnTo>
                      <a:pt x="3700" y="1948"/>
                    </a:lnTo>
                    <a:lnTo>
                      <a:pt x="3692" y="1946"/>
                    </a:lnTo>
                    <a:lnTo>
                      <a:pt x="3674" y="1942"/>
                    </a:lnTo>
                    <a:lnTo>
                      <a:pt x="3657" y="1937"/>
                    </a:lnTo>
                    <a:lnTo>
                      <a:pt x="3642" y="1932"/>
                    </a:lnTo>
                    <a:lnTo>
                      <a:pt x="3627" y="1927"/>
                    </a:lnTo>
                    <a:lnTo>
                      <a:pt x="3613" y="1922"/>
                    </a:lnTo>
                    <a:lnTo>
                      <a:pt x="3601" y="1916"/>
                    </a:lnTo>
                    <a:lnTo>
                      <a:pt x="3591" y="1915"/>
                    </a:lnTo>
                    <a:lnTo>
                      <a:pt x="3582" y="1914"/>
                    </a:lnTo>
                    <a:lnTo>
                      <a:pt x="3574" y="1916"/>
                    </a:lnTo>
                    <a:lnTo>
                      <a:pt x="3566" y="1920"/>
                    </a:lnTo>
                    <a:lnTo>
                      <a:pt x="3559" y="1929"/>
                    </a:lnTo>
                    <a:lnTo>
                      <a:pt x="3550" y="1940"/>
                    </a:lnTo>
                    <a:lnTo>
                      <a:pt x="3537" y="1957"/>
                    </a:lnTo>
                    <a:lnTo>
                      <a:pt x="3526" y="1972"/>
                    </a:lnTo>
                    <a:lnTo>
                      <a:pt x="3525" y="1976"/>
                    </a:lnTo>
                    <a:lnTo>
                      <a:pt x="3524" y="1980"/>
                    </a:lnTo>
                    <a:lnTo>
                      <a:pt x="3524" y="1984"/>
                    </a:lnTo>
                    <a:lnTo>
                      <a:pt x="3525" y="1988"/>
                    </a:lnTo>
                    <a:lnTo>
                      <a:pt x="3526" y="1992"/>
                    </a:lnTo>
                    <a:lnTo>
                      <a:pt x="3530" y="1995"/>
                    </a:lnTo>
                    <a:lnTo>
                      <a:pt x="3534" y="1999"/>
                    </a:lnTo>
                    <a:lnTo>
                      <a:pt x="3539" y="2003"/>
                    </a:lnTo>
                    <a:lnTo>
                      <a:pt x="3555" y="2008"/>
                    </a:lnTo>
                    <a:lnTo>
                      <a:pt x="3572" y="2012"/>
                    </a:lnTo>
                    <a:lnTo>
                      <a:pt x="3574" y="2014"/>
                    </a:lnTo>
                    <a:lnTo>
                      <a:pt x="3578" y="2015"/>
                    </a:lnTo>
                    <a:lnTo>
                      <a:pt x="3579" y="2016"/>
                    </a:lnTo>
                    <a:lnTo>
                      <a:pt x="3581" y="2019"/>
                    </a:lnTo>
                    <a:lnTo>
                      <a:pt x="3582" y="2021"/>
                    </a:lnTo>
                    <a:lnTo>
                      <a:pt x="3581" y="2025"/>
                    </a:lnTo>
                    <a:lnTo>
                      <a:pt x="3579" y="2029"/>
                    </a:lnTo>
                    <a:lnTo>
                      <a:pt x="3577" y="2034"/>
                    </a:lnTo>
                    <a:lnTo>
                      <a:pt x="3566" y="2047"/>
                    </a:lnTo>
                    <a:lnTo>
                      <a:pt x="3555" y="2060"/>
                    </a:lnTo>
                    <a:lnTo>
                      <a:pt x="3539" y="2073"/>
                    </a:lnTo>
                    <a:lnTo>
                      <a:pt x="3524" y="2084"/>
                    </a:lnTo>
                    <a:lnTo>
                      <a:pt x="3508" y="2094"/>
                    </a:lnTo>
                    <a:lnTo>
                      <a:pt x="3490" y="2100"/>
                    </a:lnTo>
                    <a:lnTo>
                      <a:pt x="3482" y="2103"/>
                    </a:lnTo>
                    <a:lnTo>
                      <a:pt x="3473" y="2104"/>
                    </a:lnTo>
                    <a:lnTo>
                      <a:pt x="3465" y="2106"/>
                    </a:lnTo>
                    <a:lnTo>
                      <a:pt x="3458" y="2106"/>
                    </a:lnTo>
                    <a:lnTo>
                      <a:pt x="3445" y="2104"/>
                    </a:lnTo>
                    <a:lnTo>
                      <a:pt x="3433" y="2107"/>
                    </a:lnTo>
                    <a:lnTo>
                      <a:pt x="3421" y="2111"/>
                    </a:lnTo>
                    <a:lnTo>
                      <a:pt x="3411" y="2116"/>
                    </a:lnTo>
                    <a:lnTo>
                      <a:pt x="3402" y="2124"/>
                    </a:lnTo>
                    <a:lnTo>
                      <a:pt x="3393" y="2131"/>
                    </a:lnTo>
                    <a:lnTo>
                      <a:pt x="3384" y="2141"/>
                    </a:lnTo>
                    <a:lnTo>
                      <a:pt x="3375" y="2151"/>
                    </a:lnTo>
                    <a:lnTo>
                      <a:pt x="3359" y="2173"/>
                    </a:lnTo>
                    <a:lnTo>
                      <a:pt x="3341" y="2194"/>
                    </a:lnTo>
                    <a:lnTo>
                      <a:pt x="3332" y="2204"/>
                    </a:lnTo>
                    <a:lnTo>
                      <a:pt x="3323" y="2213"/>
                    </a:lnTo>
                    <a:lnTo>
                      <a:pt x="3313" y="2221"/>
                    </a:lnTo>
                    <a:lnTo>
                      <a:pt x="3302" y="2229"/>
                    </a:lnTo>
                    <a:lnTo>
                      <a:pt x="3289" y="2236"/>
                    </a:lnTo>
                    <a:lnTo>
                      <a:pt x="3279" y="2245"/>
                    </a:lnTo>
                    <a:lnTo>
                      <a:pt x="3270" y="2256"/>
                    </a:lnTo>
                    <a:lnTo>
                      <a:pt x="3262" y="2267"/>
                    </a:lnTo>
                    <a:lnTo>
                      <a:pt x="3248" y="2292"/>
                    </a:lnTo>
                    <a:lnTo>
                      <a:pt x="3234" y="2317"/>
                    </a:lnTo>
                    <a:lnTo>
                      <a:pt x="3226" y="2330"/>
                    </a:lnTo>
                    <a:lnTo>
                      <a:pt x="3217" y="2341"/>
                    </a:lnTo>
                    <a:lnTo>
                      <a:pt x="3208" y="2353"/>
                    </a:lnTo>
                    <a:lnTo>
                      <a:pt x="3197" y="2363"/>
                    </a:lnTo>
                    <a:lnTo>
                      <a:pt x="3174" y="2384"/>
                    </a:lnTo>
                    <a:lnTo>
                      <a:pt x="3152" y="2405"/>
                    </a:lnTo>
                    <a:lnTo>
                      <a:pt x="3144" y="2410"/>
                    </a:lnTo>
                    <a:lnTo>
                      <a:pt x="3136" y="2416"/>
                    </a:lnTo>
                    <a:lnTo>
                      <a:pt x="3130" y="2423"/>
                    </a:lnTo>
                    <a:lnTo>
                      <a:pt x="3126" y="2429"/>
                    </a:lnTo>
                    <a:lnTo>
                      <a:pt x="3123" y="2437"/>
                    </a:lnTo>
                    <a:lnTo>
                      <a:pt x="3123" y="2445"/>
                    </a:lnTo>
                    <a:lnTo>
                      <a:pt x="3126" y="2454"/>
                    </a:lnTo>
                    <a:lnTo>
                      <a:pt x="3131" y="2464"/>
                    </a:lnTo>
                    <a:lnTo>
                      <a:pt x="3140" y="2477"/>
                    </a:lnTo>
                    <a:lnTo>
                      <a:pt x="3151" y="2490"/>
                    </a:lnTo>
                    <a:lnTo>
                      <a:pt x="3156" y="2494"/>
                    </a:lnTo>
                    <a:lnTo>
                      <a:pt x="3162" y="2498"/>
                    </a:lnTo>
                    <a:lnTo>
                      <a:pt x="3170" y="2502"/>
                    </a:lnTo>
                    <a:lnTo>
                      <a:pt x="3179" y="2503"/>
                    </a:lnTo>
                    <a:lnTo>
                      <a:pt x="3192" y="2505"/>
                    </a:lnTo>
                    <a:lnTo>
                      <a:pt x="3204" y="2505"/>
                    </a:lnTo>
                    <a:lnTo>
                      <a:pt x="3215" y="2502"/>
                    </a:lnTo>
                    <a:lnTo>
                      <a:pt x="3227" y="2498"/>
                    </a:lnTo>
                    <a:lnTo>
                      <a:pt x="3236" y="2492"/>
                    </a:lnTo>
                    <a:lnTo>
                      <a:pt x="3244" y="2484"/>
                    </a:lnTo>
                    <a:lnTo>
                      <a:pt x="3248" y="2480"/>
                    </a:lnTo>
                    <a:lnTo>
                      <a:pt x="3250" y="2475"/>
                    </a:lnTo>
                    <a:lnTo>
                      <a:pt x="3253" y="2468"/>
                    </a:lnTo>
                    <a:lnTo>
                      <a:pt x="3254" y="2462"/>
                    </a:lnTo>
                    <a:lnTo>
                      <a:pt x="3257" y="2454"/>
                    </a:lnTo>
                    <a:lnTo>
                      <a:pt x="3261" y="2446"/>
                    </a:lnTo>
                    <a:lnTo>
                      <a:pt x="3263" y="2438"/>
                    </a:lnTo>
                    <a:lnTo>
                      <a:pt x="3269" y="2432"/>
                    </a:lnTo>
                    <a:lnTo>
                      <a:pt x="3272" y="2427"/>
                    </a:lnTo>
                    <a:lnTo>
                      <a:pt x="3278" y="2422"/>
                    </a:lnTo>
                    <a:lnTo>
                      <a:pt x="3283" y="2418"/>
                    </a:lnTo>
                    <a:lnTo>
                      <a:pt x="3288" y="2414"/>
                    </a:lnTo>
                    <a:lnTo>
                      <a:pt x="3300" y="2407"/>
                    </a:lnTo>
                    <a:lnTo>
                      <a:pt x="3314" y="2403"/>
                    </a:lnTo>
                    <a:lnTo>
                      <a:pt x="3328" y="2400"/>
                    </a:lnTo>
                    <a:lnTo>
                      <a:pt x="3345" y="2396"/>
                    </a:lnTo>
                    <a:lnTo>
                      <a:pt x="3359" y="2394"/>
                    </a:lnTo>
                    <a:lnTo>
                      <a:pt x="3373" y="2393"/>
                    </a:lnTo>
                    <a:lnTo>
                      <a:pt x="3385" y="2394"/>
                    </a:lnTo>
                    <a:lnTo>
                      <a:pt x="3395" y="2397"/>
                    </a:lnTo>
                    <a:lnTo>
                      <a:pt x="3405" y="2401"/>
                    </a:lnTo>
                    <a:lnTo>
                      <a:pt x="3414" y="2406"/>
                    </a:lnTo>
                    <a:lnTo>
                      <a:pt x="3421" y="2413"/>
                    </a:lnTo>
                    <a:lnTo>
                      <a:pt x="3427" y="2420"/>
                    </a:lnTo>
                    <a:lnTo>
                      <a:pt x="3432" y="2429"/>
                    </a:lnTo>
                    <a:lnTo>
                      <a:pt x="3437" y="2438"/>
                    </a:lnTo>
                    <a:lnTo>
                      <a:pt x="3441" y="2449"/>
                    </a:lnTo>
                    <a:lnTo>
                      <a:pt x="3443" y="2460"/>
                    </a:lnTo>
                    <a:lnTo>
                      <a:pt x="3446" y="2484"/>
                    </a:lnTo>
                    <a:lnTo>
                      <a:pt x="3447" y="2510"/>
                    </a:lnTo>
                    <a:lnTo>
                      <a:pt x="3443" y="2520"/>
                    </a:lnTo>
                    <a:lnTo>
                      <a:pt x="3440" y="2528"/>
                    </a:lnTo>
                    <a:lnTo>
                      <a:pt x="3438" y="2537"/>
                    </a:lnTo>
                    <a:lnTo>
                      <a:pt x="3438" y="2547"/>
                    </a:lnTo>
                    <a:lnTo>
                      <a:pt x="3438" y="2555"/>
                    </a:lnTo>
                    <a:lnTo>
                      <a:pt x="3440" y="2560"/>
                    </a:lnTo>
                    <a:lnTo>
                      <a:pt x="3441" y="2567"/>
                    </a:lnTo>
                    <a:lnTo>
                      <a:pt x="3445" y="2572"/>
                    </a:lnTo>
                    <a:lnTo>
                      <a:pt x="3450" y="2581"/>
                    </a:lnTo>
                    <a:lnTo>
                      <a:pt x="3454" y="2589"/>
                    </a:lnTo>
                    <a:lnTo>
                      <a:pt x="3458" y="2597"/>
                    </a:lnTo>
                    <a:lnTo>
                      <a:pt x="3460" y="2607"/>
                    </a:lnTo>
                    <a:lnTo>
                      <a:pt x="3460" y="2617"/>
                    </a:lnTo>
                    <a:lnTo>
                      <a:pt x="3460" y="2629"/>
                    </a:lnTo>
                    <a:lnTo>
                      <a:pt x="3462" y="2641"/>
                    </a:lnTo>
                    <a:lnTo>
                      <a:pt x="3462" y="2651"/>
                    </a:lnTo>
                    <a:lnTo>
                      <a:pt x="3403" y="2666"/>
                    </a:lnTo>
                    <a:lnTo>
                      <a:pt x="3405" y="2678"/>
                    </a:lnTo>
                    <a:lnTo>
                      <a:pt x="3405" y="2688"/>
                    </a:lnTo>
                    <a:lnTo>
                      <a:pt x="3405" y="2700"/>
                    </a:lnTo>
                    <a:lnTo>
                      <a:pt x="3406" y="2711"/>
                    </a:lnTo>
                    <a:lnTo>
                      <a:pt x="3410" y="2717"/>
                    </a:lnTo>
                    <a:lnTo>
                      <a:pt x="3414" y="2723"/>
                    </a:lnTo>
                    <a:lnTo>
                      <a:pt x="3419" y="2727"/>
                    </a:lnTo>
                    <a:lnTo>
                      <a:pt x="3423" y="2731"/>
                    </a:lnTo>
                    <a:lnTo>
                      <a:pt x="3428" y="2735"/>
                    </a:lnTo>
                    <a:lnTo>
                      <a:pt x="3430" y="2742"/>
                    </a:lnTo>
                    <a:lnTo>
                      <a:pt x="3433" y="2748"/>
                    </a:lnTo>
                    <a:lnTo>
                      <a:pt x="3434" y="2758"/>
                    </a:lnTo>
                    <a:lnTo>
                      <a:pt x="3433" y="2775"/>
                    </a:lnTo>
                    <a:lnTo>
                      <a:pt x="3433" y="2793"/>
                    </a:lnTo>
                    <a:lnTo>
                      <a:pt x="3434" y="2802"/>
                    </a:lnTo>
                    <a:lnTo>
                      <a:pt x="3436" y="2810"/>
                    </a:lnTo>
                    <a:lnTo>
                      <a:pt x="3440" y="2817"/>
                    </a:lnTo>
                    <a:lnTo>
                      <a:pt x="3446" y="2823"/>
                    </a:lnTo>
                    <a:lnTo>
                      <a:pt x="3454" y="2830"/>
                    </a:lnTo>
                    <a:lnTo>
                      <a:pt x="3460" y="2837"/>
                    </a:lnTo>
                    <a:lnTo>
                      <a:pt x="3465" y="2844"/>
                    </a:lnTo>
                    <a:lnTo>
                      <a:pt x="3469" y="2849"/>
                    </a:lnTo>
                    <a:lnTo>
                      <a:pt x="3472" y="2856"/>
                    </a:lnTo>
                    <a:lnTo>
                      <a:pt x="3473" y="2862"/>
                    </a:lnTo>
                    <a:lnTo>
                      <a:pt x="3473" y="2869"/>
                    </a:lnTo>
                    <a:lnTo>
                      <a:pt x="3473" y="2874"/>
                    </a:lnTo>
                    <a:lnTo>
                      <a:pt x="3472" y="2880"/>
                    </a:lnTo>
                    <a:lnTo>
                      <a:pt x="3469" y="2887"/>
                    </a:lnTo>
                    <a:lnTo>
                      <a:pt x="3465" y="2892"/>
                    </a:lnTo>
                    <a:lnTo>
                      <a:pt x="3462" y="2898"/>
                    </a:lnTo>
                    <a:lnTo>
                      <a:pt x="3452" y="2910"/>
                    </a:lnTo>
                    <a:lnTo>
                      <a:pt x="3440" y="2923"/>
                    </a:lnTo>
                    <a:lnTo>
                      <a:pt x="3430" y="2932"/>
                    </a:lnTo>
                    <a:lnTo>
                      <a:pt x="3421" y="2941"/>
                    </a:lnTo>
                    <a:lnTo>
                      <a:pt x="3411" y="2949"/>
                    </a:lnTo>
                    <a:lnTo>
                      <a:pt x="3401" y="2957"/>
                    </a:lnTo>
                    <a:lnTo>
                      <a:pt x="3390" y="2963"/>
                    </a:lnTo>
                    <a:lnTo>
                      <a:pt x="3379" y="2968"/>
                    </a:lnTo>
                    <a:lnTo>
                      <a:pt x="3366" y="2972"/>
                    </a:lnTo>
                    <a:lnTo>
                      <a:pt x="3353" y="2975"/>
                    </a:lnTo>
                    <a:lnTo>
                      <a:pt x="3336" y="2979"/>
                    </a:lnTo>
                    <a:lnTo>
                      <a:pt x="3322" y="2983"/>
                    </a:lnTo>
                    <a:lnTo>
                      <a:pt x="3315" y="2986"/>
                    </a:lnTo>
                    <a:lnTo>
                      <a:pt x="3310" y="2992"/>
                    </a:lnTo>
                    <a:lnTo>
                      <a:pt x="3307" y="2999"/>
                    </a:lnTo>
                    <a:lnTo>
                      <a:pt x="3307" y="3008"/>
                    </a:lnTo>
                    <a:lnTo>
                      <a:pt x="3307" y="3019"/>
                    </a:lnTo>
                    <a:lnTo>
                      <a:pt x="3309" y="3030"/>
                    </a:lnTo>
                    <a:lnTo>
                      <a:pt x="3311" y="3042"/>
                    </a:lnTo>
                    <a:lnTo>
                      <a:pt x="3314" y="3055"/>
                    </a:lnTo>
                    <a:lnTo>
                      <a:pt x="3318" y="3067"/>
                    </a:lnTo>
                    <a:lnTo>
                      <a:pt x="3323" y="3077"/>
                    </a:lnTo>
                    <a:lnTo>
                      <a:pt x="3329" y="3086"/>
                    </a:lnTo>
                    <a:lnTo>
                      <a:pt x="3337" y="3093"/>
                    </a:lnTo>
                    <a:lnTo>
                      <a:pt x="3350" y="3102"/>
                    </a:lnTo>
                    <a:lnTo>
                      <a:pt x="3362" y="3108"/>
                    </a:lnTo>
                    <a:lnTo>
                      <a:pt x="3372" y="3115"/>
                    </a:lnTo>
                    <a:lnTo>
                      <a:pt x="3380" y="3121"/>
                    </a:lnTo>
                    <a:lnTo>
                      <a:pt x="3385" y="3129"/>
                    </a:lnTo>
                    <a:lnTo>
                      <a:pt x="3389" y="3139"/>
                    </a:lnTo>
                    <a:lnTo>
                      <a:pt x="3392" y="3154"/>
                    </a:lnTo>
                    <a:lnTo>
                      <a:pt x="3392" y="3170"/>
                    </a:lnTo>
                    <a:lnTo>
                      <a:pt x="3386" y="3178"/>
                    </a:lnTo>
                    <a:lnTo>
                      <a:pt x="3380" y="3186"/>
                    </a:lnTo>
                    <a:lnTo>
                      <a:pt x="3373" y="3192"/>
                    </a:lnTo>
                    <a:lnTo>
                      <a:pt x="3367" y="3198"/>
                    </a:lnTo>
                    <a:lnTo>
                      <a:pt x="3354" y="3209"/>
                    </a:lnTo>
                    <a:lnTo>
                      <a:pt x="3342" y="3220"/>
                    </a:lnTo>
                    <a:lnTo>
                      <a:pt x="3337" y="3226"/>
                    </a:lnTo>
                    <a:lnTo>
                      <a:pt x="3332" y="3231"/>
                    </a:lnTo>
                    <a:lnTo>
                      <a:pt x="3328" y="3239"/>
                    </a:lnTo>
                    <a:lnTo>
                      <a:pt x="3326" y="3246"/>
                    </a:lnTo>
                    <a:lnTo>
                      <a:pt x="3324" y="3255"/>
                    </a:lnTo>
                    <a:lnTo>
                      <a:pt x="3324" y="3265"/>
                    </a:lnTo>
                    <a:lnTo>
                      <a:pt x="3326" y="3275"/>
                    </a:lnTo>
                    <a:lnTo>
                      <a:pt x="3328" y="3288"/>
                    </a:lnTo>
                    <a:lnTo>
                      <a:pt x="3332" y="3305"/>
                    </a:lnTo>
                    <a:lnTo>
                      <a:pt x="3335" y="3322"/>
                    </a:lnTo>
                    <a:lnTo>
                      <a:pt x="3336" y="3339"/>
                    </a:lnTo>
                    <a:lnTo>
                      <a:pt x="3337" y="3357"/>
                    </a:lnTo>
                    <a:lnTo>
                      <a:pt x="3340" y="3374"/>
                    </a:lnTo>
                    <a:lnTo>
                      <a:pt x="3342" y="3391"/>
                    </a:lnTo>
                    <a:lnTo>
                      <a:pt x="3348" y="3407"/>
                    </a:lnTo>
                    <a:lnTo>
                      <a:pt x="3354" y="3424"/>
                    </a:lnTo>
                    <a:lnTo>
                      <a:pt x="3361" y="3432"/>
                    </a:lnTo>
                    <a:lnTo>
                      <a:pt x="3368" y="3440"/>
                    </a:lnTo>
                    <a:lnTo>
                      <a:pt x="3377" y="3445"/>
                    </a:lnTo>
                    <a:lnTo>
                      <a:pt x="3388" y="3451"/>
                    </a:lnTo>
                    <a:lnTo>
                      <a:pt x="3412" y="3459"/>
                    </a:lnTo>
                    <a:lnTo>
                      <a:pt x="3437" y="3468"/>
                    </a:lnTo>
                    <a:lnTo>
                      <a:pt x="3450" y="3472"/>
                    </a:lnTo>
                    <a:lnTo>
                      <a:pt x="3462" y="3476"/>
                    </a:lnTo>
                    <a:lnTo>
                      <a:pt x="3472" y="3481"/>
                    </a:lnTo>
                    <a:lnTo>
                      <a:pt x="3482" y="3486"/>
                    </a:lnTo>
                    <a:lnTo>
                      <a:pt x="3490" y="3494"/>
                    </a:lnTo>
                    <a:lnTo>
                      <a:pt x="3497" y="3502"/>
                    </a:lnTo>
                    <a:lnTo>
                      <a:pt x="3499" y="3506"/>
                    </a:lnTo>
                    <a:lnTo>
                      <a:pt x="3502" y="3511"/>
                    </a:lnTo>
                    <a:lnTo>
                      <a:pt x="3502" y="3516"/>
                    </a:lnTo>
                    <a:lnTo>
                      <a:pt x="3503" y="3521"/>
                    </a:lnTo>
                    <a:lnTo>
                      <a:pt x="3503" y="3529"/>
                    </a:lnTo>
                    <a:lnTo>
                      <a:pt x="3500" y="3537"/>
                    </a:lnTo>
                    <a:lnTo>
                      <a:pt x="3498" y="3543"/>
                    </a:lnTo>
                    <a:lnTo>
                      <a:pt x="3495" y="3549"/>
                    </a:lnTo>
                    <a:lnTo>
                      <a:pt x="3487" y="3560"/>
                    </a:lnTo>
                    <a:lnTo>
                      <a:pt x="3481" y="3575"/>
                    </a:lnTo>
                    <a:lnTo>
                      <a:pt x="3478" y="3586"/>
                    </a:lnTo>
                    <a:lnTo>
                      <a:pt x="3478" y="3600"/>
                    </a:lnTo>
                    <a:lnTo>
                      <a:pt x="3478" y="3615"/>
                    </a:lnTo>
                    <a:lnTo>
                      <a:pt x="3480" y="3629"/>
                    </a:lnTo>
                    <a:lnTo>
                      <a:pt x="3486" y="3657"/>
                    </a:lnTo>
                    <a:lnTo>
                      <a:pt x="3493" y="3683"/>
                    </a:lnTo>
                    <a:lnTo>
                      <a:pt x="3484" y="3685"/>
                    </a:lnTo>
                    <a:lnTo>
                      <a:pt x="3473" y="3687"/>
                    </a:lnTo>
                    <a:lnTo>
                      <a:pt x="3468" y="3676"/>
                    </a:lnTo>
                    <a:lnTo>
                      <a:pt x="3462" y="3664"/>
                    </a:lnTo>
                    <a:lnTo>
                      <a:pt x="3445" y="3661"/>
                    </a:lnTo>
                    <a:lnTo>
                      <a:pt x="3428" y="3660"/>
                    </a:lnTo>
                    <a:lnTo>
                      <a:pt x="3419" y="3661"/>
                    </a:lnTo>
                    <a:lnTo>
                      <a:pt x="3411" y="3664"/>
                    </a:lnTo>
                    <a:lnTo>
                      <a:pt x="3403" y="3668"/>
                    </a:lnTo>
                    <a:lnTo>
                      <a:pt x="3395" y="3673"/>
                    </a:lnTo>
                    <a:lnTo>
                      <a:pt x="3389" y="3712"/>
                    </a:lnTo>
                    <a:lnTo>
                      <a:pt x="3362" y="3721"/>
                    </a:lnTo>
                    <a:lnTo>
                      <a:pt x="3336" y="3730"/>
                    </a:lnTo>
                    <a:lnTo>
                      <a:pt x="3315" y="3739"/>
                    </a:lnTo>
                    <a:lnTo>
                      <a:pt x="3301" y="3748"/>
                    </a:lnTo>
                    <a:lnTo>
                      <a:pt x="3292" y="3756"/>
                    </a:lnTo>
                    <a:lnTo>
                      <a:pt x="3281" y="3762"/>
                    </a:lnTo>
                    <a:lnTo>
                      <a:pt x="3272" y="3768"/>
                    </a:lnTo>
                    <a:lnTo>
                      <a:pt x="3263" y="3771"/>
                    </a:lnTo>
                    <a:lnTo>
                      <a:pt x="3245" y="3778"/>
                    </a:lnTo>
                    <a:lnTo>
                      <a:pt x="3227" y="3783"/>
                    </a:lnTo>
                    <a:lnTo>
                      <a:pt x="3209" y="3788"/>
                    </a:lnTo>
                    <a:lnTo>
                      <a:pt x="3189" y="3793"/>
                    </a:lnTo>
                    <a:lnTo>
                      <a:pt x="3171" y="3800"/>
                    </a:lnTo>
                    <a:lnTo>
                      <a:pt x="3151" y="3810"/>
                    </a:lnTo>
                    <a:lnTo>
                      <a:pt x="3145" y="3814"/>
                    </a:lnTo>
                    <a:lnTo>
                      <a:pt x="3142" y="3819"/>
                    </a:lnTo>
                    <a:lnTo>
                      <a:pt x="3139" y="3823"/>
                    </a:lnTo>
                    <a:lnTo>
                      <a:pt x="3138" y="3828"/>
                    </a:lnTo>
                    <a:lnTo>
                      <a:pt x="3138" y="3840"/>
                    </a:lnTo>
                    <a:lnTo>
                      <a:pt x="3140" y="3850"/>
                    </a:lnTo>
                    <a:lnTo>
                      <a:pt x="3144" y="3860"/>
                    </a:lnTo>
                    <a:lnTo>
                      <a:pt x="3144" y="3869"/>
                    </a:lnTo>
                    <a:lnTo>
                      <a:pt x="3144" y="3871"/>
                    </a:lnTo>
                    <a:lnTo>
                      <a:pt x="3142" y="3874"/>
                    </a:lnTo>
                    <a:lnTo>
                      <a:pt x="3138" y="3875"/>
                    </a:lnTo>
                    <a:lnTo>
                      <a:pt x="3132" y="3876"/>
                    </a:lnTo>
                    <a:lnTo>
                      <a:pt x="3103" y="3876"/>
                    </a:lnTo>
                    <a:lnTo>
                      <a:pt x="3074" y="3875"/>
                    </a:lnTo>
                    <a:lnTo>
                      <a:pt x="3060" y="3874"/>
                    </a:lnTo>
                    <a:lnTo>
                      <a:pt x="3046" y="3874"/>
                    </a:lnTo>
                    <a:lnTo>
                      <a:pt x="3030" y="3874"/>
                    </a:lnTo>
                    <a:lnTo>
                      <a:pt x="3015" y="3876"/>
                    </a:lnTo>
                    <a:lnTo>
                      <a:pt x="2985" y="3880"/>
                    </a:lnTo>
                    <a:lnTo>
                      <a:pt x="2943" y="3883"/>
                    </a:lnTo>
                    <a:lnTo>
                      <a:pt x="2923" y="3883"/>
                    </a:lnTo>
                    <a:lnTo>
                      <a:pt x="2903" y="3880"/>
                    </a:lnTo>
                    <a:lnTo>
                      <a:pt x="2894" y="3879"/>
                    </a:lnTo>
                    <a:lnTo>
                      <a:pt x="2886" y="3876"/>
                    </a:lnTo>
                    <a:lnTo>
                      <a:pt x="2880" y="3874"/>
                    </a:lnTo>
                    <a:lnTo>
                      <a:pt x="2873" y="3870"/>
                    </a:lnTo>
                    <a:lnTo>
                      <a:pt x="2866" y="3862"/>
                    </a:lnTo>
                    <a:lnTo>
                      <a:pt x="2859" y="3854"/>
                    </a:lnTo>
                    <a:lnTo>
                      <a:pt x="2854" y="3847"/>
                    </a:lnTo>
                    <a:lnTo>
                      <a:pt x="2849" y="3839"/>
                    </a:lnTo>
                    <a:lnTo>
                      <a:pt x="2844" y="3831"/>
                    </a:lnTo>
                    <a:lnTo>
                      <a:pt x="2836" y="3826"/>
                    </a:lnTo>
                    <a:lnTo>
                      <a:pt x="2827" y="3819"/>
                    </a:lnTo>
                    <a:lnTo>
                      <a:pt x="2814" y="3815"/>
                    </a:lnTo>
                    <a:lnTo>
                      <a:pt x="2781" y="3809"/>
                    </a:lnTo>
                    <a:lnTo>
                      <a:pt x="2756" y="3801"/>
                    </a:lnTo>
                    <a:lnTo>
                      <a:pt x="2750" y="3799"/>
                    </a:lnTo>
                    <a:lnTo>
                      <a:pt x="2745" y="3795"/>
                    </a:lnTo>
                    <a:lnTo>
                      <a:pt x="2740" y="3791"/>
                    </a:lnTo>
                    <a:lnTo>
                      <a:pt x="2736" y="3786"/>
                    </a:lnTo>
                    <a:lnTo>
                      <a:pt x="2732" y="3779"/>
                    </a:lnTo>
                    <a:lnTo>
                      <a:pt x="2730" y="3771"/>
                    </a:lnTo>
                    <a:lnTo>
                      <a:pt x="2726" y="3764"/>
                    </a:lnTo>
                    <a:lnTo>
                      <a:pt x="2723" y="3753"/>
                    </a:lnTo>
                    <a:lnTo>
                      <a:pt x="2721" y="3744"/>
                    </a:lnTo>
                    <a:lnTo>
                      <a:pt x="2715" y="3736"/>
                    </a:lnTo>
                    <a:lnTo>
                      <a:pt x="2710" y="3730"/>
                    </a:lnTo>
                    <a:lnTo>
                      <a:pt x="2702" y="3726"/>
                    </a:lnTo>
                    <a:lnTo>
                      <a:pt x="2695" y="3722"/>
                    </a:lnTo>
                    <a:lnTo>
                      <a:pt x="2687" y="3720"/>
                    </a:lnTo>
                    <a:lnTo>
                      <a:pt x="2678" y="3717"/>
                    </a:lnTo>
                    <a:lnTo>
                      <a:pt x="2669" y="3716"/>
                    </a:lnTo>
                    <a:lnTo>
                      <a:pt x="2652" y="3712"/>
                    </a:lnTo>
                    <a:lnTo>
                      <a:pt x="2638" y="3708"/>
                    </a:lnTo>
                    <a:lnTo>
                      <a:pt x="2631" y="3704"/>
                    </a:lnTo>
                    <a:lnTo>
                      <a:pt x="2626" y="3700"/>
                    </a:lnTo>
                    <a:lnTo>
                      <a:pt x="2623" y="3695"/>
                    </a:lnTo>
                    <a:lnTo>
                      <a:pt x="2622" y="3689"/>
                    </a:lnTo>
                    <a:lnTo>
                      <a:pt x="2619" y="3677"/>
                    </a:lnTo>
                    <a:lnTo>
                      <a:pt x="2617" y="3672"/>
                    </a:lnTo>
                    <a:lnTo>
                      <a:pt x="2616" y="3670"/>
                    </a:lnTo>
                    <a:lnTo>
                      <a:pt x="2614" y="3669"/>
                    </a:lnTo>
                    <a:lnTo>
                      <a:pt x="2612" y="3669"/>
                    </a:lnTo>
                    <a:lnTo>
                      <a:pt x="2609" y="3670"/>
                    </a:lnTo>
                    <a:lnTo>
                      <a:pt x="2596" y="3678"/>
                    </a:lnTo>
                    <a:lnTo>
                      <a:pt x="2578" y="3686"/>
                    </a:lnTo>
                    <a:lnTo>
                      <a:pt x="2570" y="3690"/>
                    </a:lnTo>
                    <a:lnTo>
                      <a:pt x="2562" y="3694"/>
                    </a:lnTo>
                    <a:lnTo>
                      <a:pt x="2556" y="3695"/>
                    </a:lnTo>
                    <a:lnTo>
                      <a:pt x="2548" y="3696"/>
                    </a:lnTo>
                    <a:lnTo>
                      <a:pt x="2540" y="3696"/>
                    </a:lnTo>
                    <a:lnTo>
                      <a:pt x="2533" y="3696"/>
                    </a:lnTo>
                    <a:lnTo>
                      <a:pt x="2525" y="3694"/>
                    </a:lnTo>
                    <a:lnTo>
                      <a:pt x="2516" y="3691"/>
                    </a:lnTo>
                    <a:lnTo>
                      <a:pt x="2508" y="3687"/>
                    </a:lnTo>
                    <a:lnTo>
                      <a:pt x="2503" y="3683"/>
                    </a:lnTo>
                    <a:lnTo>
                      <a:pt x="2502" y="3678"/>
                    </a:lnTo>
                    <a:lnTo>
                      <a:pt x="2502" y="3673"/>
                    </a:lnTo>
                    <a:lnTo>
                      <a:pt x="2503" y="3668"/>
                    </a:lnTo>
                    <a:lnTo>
                      <a:pt x="2503" y="3661"/>
                    </a:lnTo>
                    <a:lnTo>
                      <a:pt x="2503" y="3656"/>
                    </a:lnTo>
                    <a:lnTo>
                      <a:pt x="2500" y="3650"/>
                    </a:lnTo>
                    <a:lnTo>
                      <a:pt x="2496" y="3646"/>
                    </a:lnTo>
                    <a:lnTo>
                      <a:pt x="2491" y="3642"/>
                    </a:lnTo>
                    <a:lnTo>
                      <a:pt x="2483" y="3638"/>
                    </a:lnTo>
                    <a:lnTo>
                      <a:pt x="2476" y="3634"/>
                    </a:lnTo>
                    <a:lnTo>
                      <a:pt x="2456" y="3628"/>
                    </a:lnTo>
                    <a:lnTo>
                      <a:pt x="2436" y="3621"/>
                    </a:lnTo>
                    <a:lnTo>
                      <a:pt x="2413" y="3615"/>
                    </a:lnTo>
                    <a:lnTo>
                      <a:pt x="2393" y="3610"/>
                    </a:lnTo>
                    <a:lnTo>
                      <a:pt x="2375" y="3603"/>
                    </a:lnTo>
                    <a:lnTo>
                      <a:pt x="2360" y="3597"/>
                    </a:lnTo>
                    <a:lnTo>
                      <a:pt x="2356" y="3594"/>
                    </a:lnTo>
                    <a:lnTo>
                      <a:pt x="2354" y="3590"/>
                    </a:lnTo>
                    <a:lnTo>
                      <a:pt x="2353" y="3585"/>
                    </a:lnTo>
                    <a:lnTo>
                      <a:pt x="2351" y="3580"/>
                    </a:lnTo>
                    <a:lnTo>
                      <a:pt x="2351" y="3569"/>
                    </a:lnTo>
                    <a:lnTo>
                      <a:pt x="2353" y="3558"/>
                    </a:lnTo>
                    <a:lnTo>
                      <a:pt x="2353" y="3546"/>
                    </a:lnTo>
                    <a:lnTo>
                      <a:pt x="2350" y="3537"/>
                    </a:lnTo>
                    <a:lnTo>
                      <a:pt x="2349" y="3533"/>
                    </a:lnTo>
                    <a:lnTo>
                      <a:pt x="2345" y="3531"/>
                    </a:lnTo>
                    <a:lnTo>
                      <a:pt x="2340" y="3529"/>
                    </a:lnTo>
                    <a:lnTo>
                      <a:pt x="2333" y="3528"/>
                    </a:lnTo>
                    <a:lnTo>
                      <a:pt x="2324" y="3529"/>
                    </a:lnTo>
                    <a:lnTo>
                      <a:pt x="2314" y="3531"/>
                    </a:lnTo>
                    <a:lnTo>
                      <a:pt x="2303" y="3533"/>
                    </a:lnTo>
                    <a:lnTo>
                      <a:pt x="2293" y="3537"/>
                    </a:lnTo>
                    <a:lnTo>
                      <a:pt x="2271" y="3545"/>
                    </a:lnTo>
                    <a:lnTo>
                      <a:pt x="2249" y="3556"/>
                    </a:lnTo>
                    <a:lnTo>
                      <a:pt x="2206" y="3581"/>
                    </a:lnTo>
                    <a:lnTo>
                      <a:pt x="2169" y="3602"/>
                    </a:lnTo>
                    <a:lnTo>
                      <a:pt x="2157" y="3607"/>
                    </a:lnTo>
                    <a:lnTo>
                      <a:pt x="2144" y="3612"/>
                    </a:lnTo>
                    <a:lnTo>
                      <a:pt x="2131" y="3616"/>
                    </a:lnTo>
                    <a:lnTo>
                      <a:pt x="2117" y="3620"/>
                    </a:lnTo>
                    <a:lnTo>
                      <a:pt x="2104" y="3622"/>
                    </a:lnTo>
                    <a:lnTo>
                      <a:pt x="2091" y="3626"/>
                    </a:lnTo>
                    <a:lnTo>
                      <a:pt x="2078" y="3632"/>
                    </a:lnTo>
                    <a:lnTo>
                      <a:pt x="2065" y="3638"/>
                    </a:lnTo>
                    <a:lnTo>
                      <a:pt x="2048" y="3647"/>
                    </a:lnTo>
                    <a:lnTo>
                      <a:pt x="2037" y="3657"/>
                    </a:lnTo>
                    <a:lnTo>
                      <a:pt x="2026" y="3668"/>
                    </a:lnTo>
                    <a:lnTo>
                      <a:pt x="2018" y="3678"/>
                    </a:lnTo>
                    <a:lnTo>
                      <a:pt x="2011" y="3690"/>
                    </a:lnTo>
                    <a:lnTo>
                      <a:pt x="2003" y="3701"/>
                    </a:lnTo>
                    <a:lnTo>
                      <a:pt x="1994" y="3713"/>
                    </a:lnTo>
                    <a:lnTo>
                      <a:pt x="1982" y="3725"/>
                    </a:lnTo>
                    <a:lnTo>
                      <a:pt x="1978" y="3726"/>
                    </a:lnTo>
                    <a:lnTo>
                      <a:pt x="1969" y="3725"/>
                    </a:lnTo>
                    <a:lnTo>
                      <a:pt x="1960" y="3722"/>
                    </a:lnTo>
                    <a:lnTo>
                      <a:pt x="1950" y="3721"/>
                    </a:lnTo>
                    <a:lnTo>
                      <a:pt x="1946" y="3721"/>
                    </a:lnTo>
                    <a:lnTo>
                      <a:pt x="1941" y="3721"/>
                    </a:lnTo>
                    <a:lnTo>
                      <a:pt x="1937" y="3724"/>
                    </a:lnTo>
                    <a:lnTo>
                      <a:pt x="1934" y="3726"/>
                    </a:lnTo>
                    <a:lnTo>
                      <a:pt x="1933" y="3730"/>
                    </a:lnTo>
                    <a:lnTo>
                      <a:pt x="1932" y="3735"/>
                    </a:lnTo>
                    <a:lnTo>
                      <a:pt x="1932" y="3743"/>
                    </a:lnTo>
                    <a:lnTo>
                      <a:pt x="1934" y="3752"/>
                    </a:lnTo>
                    <a:lnTo>
                      <a:pt x="1938" y="3765"/>
                    </a:lnTo>
                    <a:lnTo>
                      <a:pt x="1943" y="3775"/>
                    </a:lnTo>
                    <a:lnTo>
                      <a:pt x="1947" y="3783"/>
                    </a:lnTo>
                    <a:lnTo>
                      <a:pt x="1952" y="3791"/>
                    </a:lnTo>
                    <a:lnTo>
                      <a:pt x="1955" y="3799"/>
                    </a:lnTo>
                    <a:lnTo>
                      <a:pt x="1956" y="3808"/>
                    </a:lnTo>
                    <a:lnTo>
                      <a:pt x="1956" y="3821"/>
                    </a:lnTo>
                    <a:lnTo>
                      <a:pt x="1954" y="3839"/>
                    </a:lnTo>
                    <a:lnTo>
                      <a:pt x="1951" y="3856"/>
                    </a:lnTo>
                    <a:lnTo>
                      <a:pt x="1950" y="3872"/>
                    </a:lnTo>
                    <a:lnTo>
                      <a:pt x="1948" y="3889"/>
                    </a:lnTo>
                    <a:lnTo>
                      <a:pt x="1948" y="3906"/>
                    </a:lnTo>
                    <a:lnTo>
                      <a:pt x="1950" y="3941"/>
                    </a:lnTo>
                    <a:lnTo>
                      <a:pt x="1952" y="3975"/>
                    </a:lnTo>
                    <a:lnTo>
                      <a:pt x="1925" y="3964"/>
                    </a:lnTo>
                    <a:lnTo>
                      <a:pt x="1895" y="3952"/>
                    </a:lnTo>
                    <a:lnTo>
                      <a:pt x="1880" y="3946"/>
                    </a:lnTo>
                    <a:lnTo>
                      <a:pt x="1865" y="3941"/>
                    </a:lnTo>
                    <a:lnTo>
                      <a:pt x="1850" y="3937"/>
                    </a:lnTo>
                    <a:lnTo>
                      <a:pt x="1836" y="3935"/>
                    </a:lnTo>
                    <a:lnTo>
                      <a:pt x="1823" y="3933"/>
                    </a:lnTo>
                    <a:lnTo>
                      <a:pt x="1810" y="3935"/>
                    </a:lnTo>
                    <a:lnTo>
                      <a:pt x="1796" y="3936"/>
                    </a:lnTo>
                    <a:lnTo>
                      <a:pt x="1783" y="3939"/>
                    </a:lnTo>
                    <a:lnTo>
                      <a:pt x="1770" y="3941"/>
                    </a:lnTo>
                    <a:lnTo>
                      <a:pt x="1755" y="3942"/>
                    </a:lnTo>
                    <a:lnTo>
                      <a:pt x="1744" y="3944"/>
                    </a:lnTo>
                    <a:lnTo>
                      <a:pt x="1731" y="3942"/>
                    </a:lnTo>
                    <a:lnTo>
                      <a:pt x="1722" y="3940"/>
                    </a:lnTo>
                    <a:lnTo>
                      <a:pt x="1715" y="3937"/>
                    </a:lnTo>
                    <a:lnTo>
                      <a:pt x="1709" y="3933"/>
                    </a:lnTo>
                    <a:lnTo>
                      <a:pt x="1704" y="3928"/>
                    </a:lnTo>
                    <a:lnTo>
                      <a:pt x="1693" y="3918"/>
                    </a:lnTo>
                    <a:lnTo>
                      <a:pt x="1680" y="3909"/>
                    </a:lnTo>
                    <a:lnTo>
                      <a:pt x="1669" y="3902"/>
                    </a:lnTo>
                    <a:lnTo>
                      <a:pt x="1656" y="3898"/>
                    </a:lnTo>
                    <a:lnTo>
                      <a:pt x="1645" y="3897"/>
                    </a:lnTo>
                    <a:lnTo>
                      <a:pt x="1634" y="3896"/>
                    </a:lnTo>
                    <a:lnTo>
                      <a:pt x="1609" y="3897"/>
                    </a:lnTo>
                    <a:lnTo>
                      <a:pt x="1583" y="3900"/>
                    </a:lnTo>
                    <a:lnTo>
                      <a:pt x="1574" y="3901"/>
                    </a:lnTo>
                    <a:lnTo>
                      <a:pt x="1565" y="3900"/>
                    </a:lnTo>
                    <a:lnTo>
                      <a:pt x="1556" y="3897"/>
                    </a:lnTo>
                    <a:lnTo>
                      <a:pt x="1549" y="3895"/>
                    </a:lnTo>
                    <a:lnTo>
                      <a:pt x="1542" y="3891"/>
                    </a:lnTo>
                    <a:lnTo>
                      <a:pt x="1536" y="3887"/>
                    </a:lnTo>
                    <a:lnTo>
                      <a:pt x="1530" y="3880"/>
                    </a:lnTo>
                    <a:lnTo>
                      <a:pt x="1525" y="3875"/>
                    </a:lnTo>
                    <a:lnTo>
                      <a:pt x="1507" y="3848"/>
                    </a:lnTo>
                    <a:lnTo>
                      <a:pt x="1487" y="3819"/>
                    </a:lnTo>
                    <a:lnTo>
                      <a:pt x="1491" y="3800"/>
                    </a:lnTo>
                    <a:lnTo>
                      <a:pt x="1485" y="3781"/>
                    </a:lnTo>
                    <a:lnTo>
                      <a:pt x="1477" y="3762"/>
                    </a:lnTo>
                    <a:lnTo>
                      <a:pt x="1473" y="3753"/>
                    </a:lnTo>
                    <a:lnTo>
                      <a:pt x="1466" y="3746"/>
                    </a:lnTo>
                    <a:lnTo>
                      <a:pt x="1460" y="3739"/>
                    </a:lnTo>
                    <a:lnTo>
                      <a:pt x="1452" y="3733"/>
                    </a:lnTo>
                    <a:lnTo>
                      <a:pt x="1442" y="3727"/>
                    </a:lnTo>
                    <a:lnTo>
                      <a:pt x="1432" y="3724"/>
                    </a:lnTo>
                    <a:lnTo>
                      <a:pt x="1421" y="3721"/>
                    </a:lnTo>
                    <a:lnTo>
                      <a:pt x="1411" y="3720"/>
                    </a:lnTo>
                    <a:lnTo>
                      <a:pt x="1391" y="3718"/>
                    </a:lnTo>
                    <a:lnTo>
                      <a:pt x="1369" y="3718"/>
                    </a:lnTo>
                    <a:lnTo>
                      <a:pt x="1369" y="3720"/>
                    </a:lnTo>
                    <a:lnTo>
                      <a:pt x="1369" y="3721"/>
                    </a:lnTo>
                    <a:lnTo>
                      <a:pt x="1363" y="3699"/>
                    </a:lnTo>
                    <a:lnTo>
                      <a:pt x="1356" y="3678"/>
                    </a:lnTo>
                    <a:lnTo>
                      <a:pt x="1352" y="3669"/>
                    </a:lnTo>
                    <a:lnTo>
                      <a:pt x="1346" y="3661"/>
                    </a:lnTo>
                    <a:lnTo>
                      <a:pt x="1342" y="3657"/>
                    </a:lnTo>
                    <a:lnTo>
                      <a:pt x="1338" y="3655"/>
                    </a:lnTo>
                    <a:lnTo>
                      <a:pt x="1333" y="3652"/>
                    </a:lnTo>
                    <a:lnTo>
                      <a:pt x="1327" y="3651"/>
                    </a:lnTo>
                    <a:lnTo>
                      <a:pt x="1314" y="3647"/>
                    </a:lnTo>
                    <a:lnTo>
                      <a:pt x="1302" y="3642"/>
                    </a:lnTo>
                    <a:lnTo>
                      <a:pt x="1292" y="3637"/>
                    </a:lnTo>
                    <a:lnTo>
                      <a:pt x="1281" y="3629"/>
                    </a:lnTo>
                    <a:lnTo>
                      <a:pt x="1260" y="3615"/>
                    </a:lnTo>
                    <a:lnTo>
                      <a:pt x="1238" y="3600"/>
                    </a:lnTo>
                    <a:lnTo>
                      <a:pt x="1218" y="3591"/>
                    </a:lnTo>
                    <a:lnTo>
                      <a:pt x="1196" y="3581"/>
                    </a:lnTo>
                    <a:lnTo>
                      <a:pt x="1185" y="3576"/>
                    </a:lnTo>
                    <a:lnTo>
                      <a:pt x="1175" y="3571"/>
                    </a:lnTo>
                    <a:lnTo>
                      <a:pt x="1166" y="3564"/>
                    </a:lnTo>
                    <a:lnTo>
                      <a:pt x="1157" y="3558"/>
                    </a:lnTo>
                    <a:lnTo>
                      <a:pt x="1150" y="3553"/>
                    </a:lnTo>
                    <a:lnTo>
                      <a:pt x="1145" y="3550"/>
                    </a:lnTo>
                    <a:lnTo>
                      <a:pt x="1140" y="3549"/>
                    </a:lnTo>
                    <a:lnTo>
                      <a:pt x="1136" y="3549"/>
                    </a:lnTo>
                    <a:lnTo>
                      <a:pt x="1134" y="3551"/>
                    </a:lnTo>
                    <a:lnTo>
                      <a:pt x="1131" y="3554"/>
                    </a:lnTo>
                    <a:lnTo>
                      <a:pt x="1130" y="3558"/>
                    </a:lnTo>
                    <a:lnTo>
                      <a:pt x="1128" y="3563"/>
                    </a:lnTo>
                    <a:lnTo>
                      <a:pt x="1128" y="3575"/>
                    </a:lnTo>
                    <a:lnTo>
                      <a:pt x="1128" y="3588"/>
                    </a:lnTo>
                    <a:lnTo>
                      <a:pt x="1130" y="3599"/>
                    </a:lnTo>
                    <a:lnTo>
                      <a:pt x="1131" y="3608"/>
                    </a:lnTo>
                    <a:lnTo>
                      <a:pt x="1131" y="3615"/>
                    </a:lnTo>
                    <a:lnTo>
                      <a:pt x="1128" y="3620"/>
                    </a:lnTo>
                    <a:lnTo>
                      <a:pt x="1124" y="3622"/>
                    </a:lnTo>
                    <a:lnTo>
                      <a:pt x="1119" y="3624"/>
                    </a:lnTo>
                    <a:lnTo>
                      <a:pt x="1112" y="3624"/>
                    </a:lnTo>
                    <a:lnTo>
                      <a:pt x="1104" y="3622"/>
                    </a:lnTo>
                    <a:lnTo>
                      <a:pt x="1095" y="3620"/>
                    </a:lnTo>
                    <a:lnTo>
                      <a:pt x="1086" y="3617"/>
                    </a:lnTo>
                    <a:lnTo>
                      <a:pt x="1048" y="3600"/>
                    </a:lnTo>
                    <a:lnTo>
                      <a:pt x="1022" y="3589"/>
                    </a:lnTo>
                    <a:lnTo>
                      <a:pt x="1009" y="3586"/>
                    </a:lnTo>
                    <a:lnTo>
                      <a:pt x="996" y="3584"/>
                    </a:lnTo>
                    <a:lnTo>
                      <a:pt x="982" y="3584"/>
                    </a:lnTo>
                    <a:lnTo>
                      <a:pt x="969" y="3584"/>
                    </a:lnTo>
                    <a:lnTo>
                      <a:pt x="944" y="3585"/>
                    </a:lnTo>
                    <a:lnTo>
                      <a:pt x="920" y="3586"/>
                    </a:lnTo>
                    <a:lnTo>
                      <a:pt x="909" y="3586"/>
                    </a:lnTo>
                    <a:lnTo>
                      <a:pt x="898" y="3585"/>
                    </a:lnTo>
                    <a:lnTo>
                      <a:pt x="887" y="3581"/>
                    </a:lnTo>
                    <a:lnTo>
                      <a:pt x="877" y="3576"/>
                    </a:lnTo>
                    <a:lnTo>
                      <a:pt x="868" y="3569"/>
                    </a:lnTo>
                    <a:lnTo>
                      <a:pt x="859" y="3559"/>
                    </a:lnTo>
                    <a:lnTo>
                      <a:pt x="850" y="3546"/>
                    </a:lnTo>
                    <a:lnTo>
                      <a:pt x="842" y="3531"/>
                    </a:lnTo>
                    <a:lnTo>
                      <a:pt x="836" y="3515"/>
                    </a:lnTo>
                    <a:lnTo>
                      <a:pt x="830" y="3503"/>
                    </a:lnTo>
                    <a:lnTo>
                      <a:pt x="825" y="3496"/>
                    </a:lnTo>
                    <a:lnTo>
                      <a:pt x="820" y="3490"/>
                    </a:lnTo>
                    <a:lnTo>
                      <a:pt x="814" y="3485"/>
                    </a:lnTo>
                    <a:lnTo>
                      <a:pt x="804" y="3483"/>
                    </a:lnTo>
                    <a:lnTo>
                      <a:pt x="793" y="3479"/>
                    </a:lnTo>
                    <a:lnTo>
                      <a:pt x="777" y="3475"/>
                    </a:lnTo>
                    <a:lnTo>
                      <a:pt x="755" y="3471"/>
                    </a:lnTo>
                    <a:lnTo>
                      <a:pt x="733" y="3468"/>
                    </a:lnTo>
                    <a:lnTo>
                      <a:pt x="728" y="3467"/>
                    </a:lnTo>
                    <a:lnTo>
                      <a:pt x="723" y="3464"/>
                    </a:lnTo>
                    <a:lnTo>
                      <a:pt x="719" y="3462"/>
                    </a:lnTo>
                    <a:lnTo>
                      <a:pt x="715" y="3459"/>
                    </a:lnTo>
                    <a:lnTo>
                      <a:pt x="713" y="3454"/>
                    </a:lnTo>
                    <a:lnTo>
                      <a:pt x="709" y="3450"/>
                    </a:lnTo>
                    <a:lnTo>
                      <a:pt x="707" y="3444"/>
                    </a:lnTo>
                    <a:lnTo>
                      <a:pt x="705" y="3437"/>
                    </a:lnTo>
                    <a:lnTo>
                      <a:pt x="702" y="3420"/>
                    </a:lnTo>
                    <a:lnTo>
                      <a:pt x="698" y="3404"/>
                    </a:lnTo>
                    <a:lnTo>
                      <a:pt x="694" y="3396"/>
                    </a:lnTo>
                    <a:lnTo>
                      <a:pt x="690" y="3389"/>
                    </a:lnTo>
                    <a:lnTo>
                      <a:pt x="688" y="3387"/>
                    </a:lnTo>
                    <a:lnTo>
                      <a:pt x="684" y="3384"/>
                    </a:lnTo>
                    <a:lnTo>
                      <a:pt x="680" y="3383"/>
                    </a:lnTo>
                    <a:lnTo>
                      <a:pt x="676" y="3382"/>
                    </a:lnTo>
                    <a:lnTo>
                      <a:pt x="665" y="3379"/>
                    </a:lnTo>
                    <a:lnTo>
                      <a:pt x="656" y="3375"/>
                    </a:lnTo>
                    <a:lnTo>
                      <a:pt x="646" y="3370"/>
                    </a:lnTo>
                    <a:lnTo>
                      <a:pt x="637" y="3363"/>
                    </a:lnTo>
                    <a:lnTo>
                      <a:pt x="630" y="3357"/>
                    </a:lnTo>
                    <a:lnTo>
                      <a:pt x="622" y="3349"/>
                    </a:lnTo>
                    <a:lnTo>
                      <a:pt x="615" y="3341"/>
                    </a:lnTo>
                    <a:lnTo>
                      <a:pt x="610" y="3332"/>
                    </a:lnTo>
                    <a:lnTo>
                      <a:pt x="600" y="3312"/>
                    </a:lnTo>
                    <a:lnTo>
                      <a:pt x="591" y="3292"/>
                    </a:lnTo>
                    <a:lnTo>
                      <a:pt x="584" y="3270"/>
                    </a:lnTo>
                    <a:lnTo>
                      <a:pt x="578" y="3251"/>
                    </a:lnTo>
                    <a:lnTo>
                      <a:pt x="576" y="3246"/>
                    </a:lnTo>
                    <a:lnTo>
                      <a:pt x="573" y="3243"/>
                    </a:lnTo>
                    <a:lnTo>
                      <a:pt x="567" y="3242"/>
                    </a:lnTo>
                    <a:lnTo>
                      <a:pt x="562" y="3240"/>
                    </a:lnTo>
                    <a:lnTo>
                      <a:pt x="548" y="3242"/>
                    </a:lnTo>
                    <a:lnTo>
                      <a:pt x="534" y="3243"/>
                    </a:lnTo>
                    <a:lnTo>
                      <a:pt x="519" y="3246"/>
                    </a:lnTo>
                    <a:lnTo>
                      <a:pt x="509" y="3246"/>
                    </a:lnTo>
                    <a:lnTo>
                      <a:pt x="505" y="3244"/>
                    </a:lnTo>
                    <a:lnTo>
                      <a:pt x="503" y="3242"/>
                    </a:lnTo>
                    <a:lnTo>
                      <a:pt x="503" y="3238"/>
                    </a:lnTo>
                    <a:lnTo>
                      <a:pt x="504" y="3233"/>
                    </a:lnTo>
                    <a:lnTo>
                      <a:pt x="510" y="3221"/>
                    </a:lnTo>
                    <a:lnTo>
                      <a:pt x="517" y="3208"/>
                    </a:lnTo>
                    <a:lnTo>
                      <a:pt x="519" y="3200"/>
                    </a:lnTo>
                    <a:lnTo>
                      <a:pt x="521" y="3194"/>
                    </a:lnTo>
                    <a:lnTo>
                      <a:pt x="521" y="3186"/>
                    </a:lnTo>
                    <a:lnTo>
                      <a:pt x="518" y="3179"/>
                    </a:lnTo>
                    <a:lnTo>
                      <a:pt x="514" y="3176"/>
                    </a:lnTo>
                    <a:lnTo>
                      <a:pt x="507" y="3170"/>
                    </a:lnTo>
                    <a:lnTo>
                      <a:pt x="497" y="3166"/>
                    </a:lnTo>
                    <a:lnTo>
                      <a:pt x="487" y="3161"/>
                    </a:lnTo>
                    <a:lnTo>
                      <a:pt x="466" y="3154"/>
                    </a:lnTo>
                    <a:lnTo>
                      <a:pt x="451" y="3148"/>
                    </a:lnTo>
                    <a:lnTo>
                      <a:pt x="404" y="309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3" name="Freeform 227">
                <a:extLst>
                  <a:ext uri="{FF2B5EF4-FFF2-40B4-BE49-F238E27FC236}">
                    <a16:creationId xmlns:a16="http://schemas.microsoft.com/office/drawing/2014/main" id="{A29DD678-2EE7-2245-BC9B-E75EA3E234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745055" y="5438915"/>
                <a:ext cx="162131" cy="339585"/>
              </a:xfrm>
              <a:custGeom>
                <a:avLst/>
                <a:gdLst/>
                <a:ahLst/>
                <a:cxnLst>
                  <a:cxn ang="0">
                    <a:pos x="280" y="479"/>
                  </a:cxn>
                  <a:cxn ang="0">
                    <a:pos x="322" y="419"/>
                  </a:cxn>
                  <a:cxn ang="0">
                    <a:pos x="342" y="379"/>
                  </a:cxn>
                  <a:cxn ang="0">
                    <a:pos x="348" y="329"/>
                  </a:cxn>
                  <a:cxn ang="0">
                    <a:pos x="345" y="263"/>
                  </a:cxn>
                  <a:cxn ang="0">
                    <a:pos x="331" y="166"/>
                  </a:cxn>
                  <a:cxn ang="0">
                    <a:pos x="333" y="110"/>
                  </a:cxn>
                  <a:cxn ang="0">
                    <a:pos x="350" y="57"/>
                  </a:cxn>
                  <a:cxn ang="0">
                    <a:pos x="355" y="11"/>
                  </a:cxn>
                  <a:cxn ang="0">
                    <a:pos x="349" y="0"/>
                  </a:cxn>
                  <a:cxn ang="0">
                    <a:pos x="327" y="10"/>
                  </a:cxn>
                  <a:cxn ang="0">
                    <a:pos x="306" y="45"/>
                  </a:cxn>
                  <a:cxn ang="0">
                    <a:pos x="293" y="76"/>
                  </a:cxn>
                  <a:cxn ang="0">
                    <a:pos x="302" y="103"/>
                  </a:cxn>
                  <a:cxn ang="0">
                    <a:pos x="291" y="116"/>
                  </a:cxn>
                  <a:cxn ang="0">
                    <a:pos x="262" y="114"/>
                  </a:cxn>
                  <a:cxn ang="0">
                    <a:pos x="227" y="105"/>
                  </a:cxn>
                  <a:cxn ang="0">
                    <a:pos x="180" y="110"/>
                  </a:cxn>
                  <a:cxn ang="0">
                    <a:pos x="114" y="140"/>
                  </a:cxn>
                  <a:cxn ang="0">
                    <a:pos x="83" y="167"/>
                  </a:cxn>
                  <a:cxn ang="0">
                    <a:pos x="65" y="210"/>
                  </a:cxn>
                  <a:cxn ang="0">
                    <a:pos x="50" y="225"/>
                  </a:cxn>
                  <a:cxn ang="0">
                    <a:pos x="26" y="242"/>
                  </a:cxn>
                  <a:cxn ang="0">
                    <a:pos x="42" y="259"/>
                  </a:cxn>
                  <a:cxn ang="0">
                    <a:pos x="64" y="276"/>
                  </a:cxn>
                  <a:cxn ang="0">
                    <a:pos x="59" y="285"/>
                  </a:cxn>
                  <a:cxn ang="0">
                    <a:pos x="37" y="291"/>
                  </a:cxn>
                  <a:cxn ang="0">
                    <a:pos x="24" y="303"/>
                  </a:cxn>
                  <a:cxn ang="0">
                    <a:pos x="25" y="335"/>
                  </a:cxn>
                  <a:cxn ang="0">
                    <a:pos x="42" y="360"/>
                  </a:cxn>
                  <a:cxn ang="0">
                    <a:pos x="76" y="375"/>
                  </a:cxn>
                  <a:cxn ang="0">
                    <a:pos x="82" y="391"/>
                  </a:cxn>
                  <a:cxn ang="0">
                    <a:pos x="53" y="405"/>
                  </a:cxn>
                  <a:cxn ang="0">
                    <a:pos x="38" y="421"/>
                  </a:cxn>
                  <a:cxn ang="0">
                    <a:pos x="29" y="445"/>
                  </a:cxn>
                  <a:cxn ang="0">
                    <a:pos x="2" y="484"/>
                  </a:cxn>
                  <a:cxn ang="0">
                    <a:pos x="4" y="498"/>
                  </a:cxn>
                  <a:cxn ang="0">
                    <a:pos x="33" y="505"/>
                  </a:cxn>
                  <a:cxn ang="0">
                    <a:pos x="19" y="532"/>
                  </a:cxn>
                  <a:cxn ang="0">
                    <a:pos x="2" y="568"/>
                  </a:cxn>
                  <a:cxn ang="0">
                    <a:pos x="35" y="571"/>
                  </a:cxn>
                  <a:cxn ang="0">
                    <a:pos x="68" y="572"/>
                  </a:cxn>
                  <a:cxn ang="0">
                    <a:pos x="63" y="589"/>
                  </a:cxn>
                  <a:cxn ang="0">
                    <a:pos x="50" y="606"/>
                  </a:cxn>
                  <a:cxn ang="0">
                    <a:pos x="61" y="629"/>
                  </a:cxn>
                  <a:cxn ang="0">
                    <a:pos x="108" y="659"/>
                  </a:cxn>
                  <a:cxn ang="0">
                    <a:pos x="147" y="684"/>
                  </a:cxn>
                  <a:cxn ang="0">
                    <a:pos x="157" y="715"/>
                  </a:cxn>
                  <a:cxn ang="0">
                    <a:pos x="182" y="734"/>
                  </a:cxn>
                  <a:cxn ang="0">
                    <a:pos x="204" y="748"/>
                  </a:cxn>
                  <a:cxn ang="0">
                    <a:pos x="201" y="710"/>
                  </a:cxn>
                  <a:cxn ang="0">
                    <a:pos x="212" y="681"/>
                  </a:cxn>
                  <a:cxn ang="0">
                    <a:pos x="231" y="654"/>
                  </a:cxn>
                  <a:cxn ang="0">
                    <a:pos x="228" y="636"/>
                  </a:cxn>
                  <a:cxn ang="0">
                    <a:pos x="231" y="618"/>
                  </a:cxn>
                  <a:cxn ang="0">
                    <a:pos x="249" y="603"/>
                  </a:cxn>
                  <a:cxn ang="0">
                    <a:pos x="257" y="555"/>
                  </a:cxn>
                </a:cxnLst>
                <a:rect l="0" t="0" r="r" b="b"/>
                <a:pathLst>
                  <a:path w="355" h="748">
                    <a:moveTo>
                      <a:pt x="269" y="520"/>
                    </a:moveTo>
                    <a:lnTo>
                      <a:pt x="272" y="506"/>
                    </a:lnTo>
                    <a:lnTo>
                      <a:pt x="276" y="493"/>
                    </a:lnTo>
                    <a:lnTo>
                      <a:pt x="280" y="479"/>
                    </a:lnTo>
                    <a:lnTo>
                      <a:pt x="287" y="466"/>
                    </a:lnTo>
                    <a:lnTo>
                      <a:pt x="300" y="447"/>
                    </a:lnTo>
                    <a:lnTo>
                      <a:pt x="314" y="430"/>
                    </a:lnTo>
                    <a:lnTo>
                      <a:pt x="322" y="419"/>
                    </a:lnTo>
                    <a:lnTo>
                      <a:pt x="328" y="409"/>
                    </a:lnTo>
                    <a:lnTo>
                      <a:pt x="333" y="400"/>
                    </a:lnTo>
                    <a:lnTo>
                      <a:pt x="339" y="390"/>
                    </a:lnTo>
                    <a:lnTo>
                      <a:pt x="342" y="379"/>
                    </a:lnTo>
                    <a:lnTo>
                      <a:pt x="345" y="368"/>
                    </a:lnTo>
                    <a:lnTo>
                      <a:pt x="346" y="356"/>
                    </a:lnTo>
                    <a:lnTo>
                      <a:pt x="348" y="343"/>
                    </a:lnTo>
                    <a:lnTo>
                      <a:pt x="348" y="329"/>
                    </a:lnTo>
                    <a:lnTo>
                      <a:pt x="349" y="313"/>
                    </a:lnTo>
                    <a:lnTo>
                      <a:pt x="349" y="296"/>
                    </a:lnTo>
                    <a:lnTo>
                      <a:pt x="346" y="283"/>
                    </a:lnTo>
                    <a:lnTo>
                      <a:pt x="345" y="263"/>
                    </a:lnTo>
                    <a:lnTo>
                      <a:pt x="342" y="241"/>
                    </a:lnTo>
                    <a:lnTo>
                      <a:pt x="337" y="216"/>
                    </a:lnTo>
                    <a:lnTo>
                      <a:pt x="333" y="190"/>
                    </a:lnTo>
                    <a:lnTo>
                      <a:pt x="331" y="166"/>
                    </a:lnTo>
                    <a:lnTo>
                      <a:pt x="329" y="141"/>
                    </a:lnTo>
                    <a:lnTo>
                      <a:pt x="329" y="131"/>
                    </a:lnTo>
                    <a:lnTo>
                      <a:pt x="331" y="120"/>
                    </a:lnTo>
                    <a:lnTo>
                      <a:pt x="333" y="110"/>
                    </a:lnTo>
                    <a:lnTo>
                      <a:pt x="337" y="101"/>
                    </a:lnTo>
                    <a:lnTo>
                      <a:pt x="340" y="92"/>
                    </a:lnTo>
                    <a:lnTo>
                      <a:pt x="345" y="76"/>
                    </a:lnTo>
                    <a:lnTo>
                      <a:pt x="350" y="57"/>
                    </a:lnTo>
                    <a:lnTo>
                      <a:pt x="354" y="37"/>
                    </a:lnTo>
                    <a:lnTo>
                      <a:pt x="355" y="27"/>
                    </a:lnTo>
                    <a:lnTo>
                      <a:pt x="355" y="19"/>
                    </a:lnTo>
                    <a:lnTo>
                      <a:pt x="355" y="11"/>
                    </a:lnTo>
                    <a:lnTo>
                      <a:pt x="354" y="5"/>
                    </a:lnTo>
                    <a:lnTo>
                      <a:pt x="353" y="2"/>
                    </a:lnTo>
                    <a:lnTo>
                      <a:pt x="351" y="1"/>
                    </a:lnTo>
                    <a:lnTo>
                      <a:pt x="349" y="0"/>
                    </a:lnTo>
                    <a:lnTo>
                      <a:pt x="348" y="0"/>
                    </a:lnTo>
                    <a:lnTo>
                      <a:pt x="341" y="0"/>
                    </a:lnTo>
                    <a:lnTo>
                      <a:pt x="335" y="4"/>
                    </a:lnTo>
                    <a:lnTo>
                      <a:pt x="327" y="10"/>
                    </a:lnTo>
                    <a:lnTo>
                      <a:pt x="322" y="17"/>
                    </a:lnTo>
                    <a:lnTo>
                      <a:pt x="316" y="23"/>
                    </a:lnTo>
                    <a:lnTo>
                      <a:pt x="313" y="30"/>
                    </a:lnTo>
                    <a:lnTo>
                      <a:pt x="306" y="45"/>
                    </a:lnTo>
                    <a:lnTo>
                      <a:pt x="297" y="61"/>
                    </a:lnTo>
                    <a:lnTo>
                      <a:pt x="294" y="66"/>
                    </a:lnTo>
                    <a:lnTo>
                      <a:pt x="293" y="71"/>
                    </a:lnTo>
                    <a:lnTo>
                      <a:pt x="293" y="76"/>
                    </a:lnTo>
                    <a:lnTo>
                      <a:pt x="296" y="80"/>
                    </a:lnTo>
                    <a:lnTo>
                      <a:pt x="300" y="89"/>
                    </a:lnTo>
                    <a:lnTo>
                      <a:pt x="302" y="99"/>
                    </a:lnTo>
                    <a:lnTo>
                      <a:pt x="302" y="103"/>
                    </a:lnTo>
                    <a:lnTo>
                      <a:pt x="301" y="107"/>
                    </a:lnTo>
                    <a:lnTo>
                      <a:pt x="298" y="110"/>
                    </a:lnTo>
                    <a:lnTo>
                      <a:pt x="297" y="112"/>
                    </a:lnTo>
                    <a:lnTo>
                      <a:pt x="291" y="116"/>
                    </a:lnTo>
                    <a:lnTo>
                      <a:pt x="284" y="118"/>
                    </a:lnTo>
                    <a:lnTo>
                      <a:pt x="276" y="118"/>
                    </a:lnTo>
                    <a:lnTo>
                      <a:pt x="269" y="116"/>
                    </a:lnTo>
                    <a:lnTo>
                      <a:pt x="262" y="114"/>
                    </a:lnTo>
                    <a:lnTo>
                      <a:pt x="257" y="111"/>
                    </a:lnTo>
                    <a:lnTo>
                      <a:pt x="247" y="107"/>
                    </a:lnTo>
                    <a:lnTo>
                      <a:pt x="237" y="106"/>
                    </a:lnTo>
                    <a:lnTo>
                      <a:pt x="227" y="105"/>
                    </a:lnTo>
                    <a:lnTo>
                      <a:pt x="215" y="105"/>
                    </a:lnTo>
                    <a:lnTo>
                      <a:pt x="204" y="105"/>
                    </a:lnTo>
                    <a:lnTo>
                      <a:pt x="192" y="107"/>
                    </a:lnTo>
                    <a:lnTo>
                      <a:pt x="180" y="110"/>
                    </a:lnTo>
                    <a:lnTo>
                      <a:pt x="169" y="114"/>
                    </a:lnTo>
                    <a:lnTo>
                      <a:pt x="145" y="123"/>
                    </a:lnTo>
                    <a:lnTo>
                      <a:pt x="123" y="133"/>
                    </a:lnTo>
                    <a:lnTo>
                      <a:pt x="114" y="140"/>
                    </a:lnTo>
                    <a:lnTo>
                      <a:pt x="105" y="146"/>
                    </a:lnTo>
                    <a:lnTo>
                      <a:pt x="96" y="153"/>
                    </a:lnTo>
                    <a:lnTo>
                      <a:pt x="90" y="159"/>
                    </a:lnTo>
                    <a:lnTo>
                      <a:pt x="83" y="167"/>
                    </a:lnTo>
                    <a:lnTo>
                      <a:pt x="79" y="177"/>
                    </a:lnTo>
                    <a:lnTo>
                      <a:pt x="74" y="188"/>
                    </a:lnTo>
                    <a:lnTo>
                      <a:pt x="70" y="199"/>
                    </a:lnTo>
                    <a:lnTo>
                      <a:pt x="65" y="210"/>
                    </a:lnTo>
                    <a:lnTo>
                      <a:pt x="60" y="217"/>
                    </a:lnTo>
                    <a:lnTo>
                      <a:pt x="57" y="221"/>
                    </a:lnTo>
                    <a:lnTo>
                      <a:pt x="53" y="224"/>
                    </a:lnTo>
                    <a:lnTo>
                      <a:pt x="50" y="225"/>
                    </a:lnTo>
                    <a:lnTo>
                      <a:pt x="44" y="225"/>
                    </a:lnTo>
                    <a:lnTo>
                      <a:pt x="35" y="232"/>
                    </a:lnTo>
                    <a:lnTo>
                      <a:pt x="28" y="238"/>
                    </a:lnTo>
                    <a:lnTo>
                      <a:pt x="26" y="242"/>
                    </a:lnTo>
                    <a:lnTo>
                      <a:pt x="26" y="246"/>
                    </a:lnTo>
                    <a:lnTo>
                      <a:pt x="28" y="250"/>
                    </a:lnTo>
                    <a:lnTo>
                      <a:pt x="33" y="254"/>
                    </a:lnTo>
                    <a:lnTo>
                      <a:pt x="42" y="259"/>
                    </a:lnTo>
                    <a:lnTo>
                      <a:pt x="52" y="264"/>
                    </a:lnTo>
                    <a:lnTo>
                      <a:pt x="57" y="268"/>
                    </a:lnTo>
                    <a:lnTo>
                      <a:pt x="61" y="272"/>
                    </a:lnTo>
                    <a:lnTo>
                      <a:pt x="64" y="276"/>
                    </a:lnTo>
                    <a:lnTo>
                      <a:pt x="64" y="280"/>
                    </a:lnTo>
                    <a:lnTo>
                      <a:pt x="63" y="282"/>
                    </a:lnTo>
                    <a:lnTo>
                      <a:pt x="61" y="283"/>
                    </a:lnTo>
                    <a:lnTo>
                      <a:pt x="59" y="285"/>
                    </a:lnTo>
                    <a:lnTo>
                      <a:pt x="55" y="286"/>
                    </a:lnTo>
                    <a:lnTo>
                      <a:pt x="48" y="287"/>
                    </a:lnTo>
                    <a:lnTo>
                      <a:pt x="41" y="290"/>
                    </a:lnTo>
                    <a:lnTo>
                      <a:pt x="37" y="291"/>
                    </a:lnTo>
                    <a:lnTo>
                      <a:pt x="33" y="294"/>
                    </a:lnTo>
                    <a:lnTo>
                      <a:pt x="29" y="295"/>
                    </a:lnTo>
                    <a:lnTo>
                      <a:pt x="26" y="299"/>
                    </a:lnTo>
                    <a:lnTo>
                      <a:pt x="24" y="303"/>
                    </a:lnTo>
                    <a:lnTo>
                      <a:pt x="22" y="308"/>
                    </a:lnTo>
                    <a:lnTo>
                      <a:pt x="22" y="313"/>
                    </a:lnTo>
                    <a:lnTo>
                      <a:pt x="22" y="320"/>
                    </a:lnTo>
                    <a:lnTo>
                      <a:pt x="25" y="335"/>
                    </a:lnTo>
                    <a:lnTo>
                      <a:pt x="29" y="347"/>
                    </a:lnTo>
                    <a:lnTo>
                      <a:pt x="33" y="352"/>
                    </a:lnTo>
                    <a:lnTo>
                      <a:pt x="37" y="356"/>
                    </a:lnTo>
                    <a:lnTo>
                      <a:pt x="42" y="360"/>
                    </a:lnTo>
                    <a:lnTo>
                      <a:pt x="50" y="362"/>
                    </a:lnTo>
                    <a:lnTo>
                      <a:pt x="59" y="366"/>
                    </a:lnTo>
                    <a:lnTo>
                      <a:pt x="70" y="372"/>
                    </a:lnTo>
                    <a:lnTo>
                      <a:pt x="76" y="375"/>
                    </a:lnTo>
                    <a:lnTo>
                      <a:pt x="79" y="379"/>
                    </a:lnTo>
                    <a:lnTo>
                      <a:pt x="83" y="383"/>
                    </a:lnTo>
                    <a:lnTo>
                      <a:pt x="83" y="387"/>
                    </a:lnTo>
                    <a:lnTo>
                      <a:pt x="82" y="391"/>
                    </a:lnTo>
                    <a:lnTo>
                      <a:pt x="77" y="394"/>
                    </a:lnTo>
                    <a:lnTo>
                      <a:pt x="69" y="397"/>
                    </a:lnTo>
                    <a:lnTo>
                      <a:pt x="61" y="401"/>
                    </a:lnTo>
                    <a:lnTo>
                      <a:pt x="53" y="405"/>
                    </a:lnTo>
                    <a:lnTo>
                      <a:pt x="46" y="410"/>
                    </a:lnTo>
                    <a:lnTo>
                      <a:pt x="43" y="413"/>
                    </a:lnTo>
                    <a:lnTo>
                      <a:pt x="41" y="417"/>
                    </a:lnTo>
                    <a:lnTo>
                      <a:pt x="38" y="421"/>
                    </a:lnTo>
                    <a:lnTo>
                      <a:pt x="37" y="425"/>
                    </a:lnTo>
                    <a:lnTo>
                      <a:pt x="35" y="432"/>
                    </a:lnTo>
                    <a:lnTo>
                      <a:pt x="31" y="439"/>
                    </a:lnTo>
                    <a:lnTo>
                      <a:pt x="29" y="445"/>
                    </a:lnTo>
                    <a:lnTo>
                      <a:pt x="24" y="451"/>
                    </a:lnTo>
                    <a:lnTo>
                      <a:pt x="15" y="461"/>
                    </a:lnTo>
                    <a:lnTo>
                      <a:pt x="7" y="474"/>
                    </a:lnTo>
                    <a:lnTo>
                      <a:pt x="2" y="484"/>
                    </a:lnTo>
                    <a:lnTo>
                      <a:pt x="0" y="492"/>
                    </a:lnTo>
                    <a:lnTo>
                      <a:pt x="2" y="495"/>
                    </a:lnTo>
                    <a:lnTo>
                      <a:pt x="2" y="496"/>
                    </a:lnTo>
                    <a:lnTo>
                      <a:pt x="4" y="498"/>
                    </a:lnTo>
                    <a:lnTo>
                      <a:pt x="6" y="500"/>
                    </a:lnTo>
                    <a:lnTo>
                      <a:pt x="19" y="501"/>
                    </a:lnTo>
                    <a:lnTo>
                      <a:pt x="33" y="501"/>
                    </a:lnTo>
                    <a:lnTo>
                      <a:pt x="33" y="505"/>
                    </a:lnTo>
                    <a:lnTo>
                      <a:pt x="33" y="509"/>
                    </a:lnTo>
                    <a:lnTo>
                      <a:pt x="30" y="515"/>
                    </a:lnTo>
                    <a:lnTo>
                      <a:pt x="26" y="520"/>
                    </a:lnTo>
                    <a:lnTo>
                      <a:pt x="19" y="532"/>
                    </a:lnTo>
                    <a:lnTo>
                      <a:pt x="11" y="544"/>
                    </a:lnTo>
                    <a:lnTo>
                      <a:pt x="4" y="555"/>
                    </a:lnTo>
                    <a:lnTo>
                      <a:pt x="2" y="565"/>
                    </a:lnTo>
                    <a:lnTo>
                      <a:pt x="2" y="568"/>
                    </a:lnTo>
                    <a:lnTo>
                      <a:pt x="4" y="571"/>
                    </a:lnTo>
                    <a:lnTo>
                      <a:pt x="8" y="572"/>
                    </a:lnTo>
                    <a:lnTo>
                      <a:pt x="15" y="572"/>
                    </a:lnTo>
                    <a:lnTo>
                      <a:pt x="35" y="571"/>
                    </a:lnTo>
                    <a:lnTo>
                      <a:pt x="59" y="570"/>
                    </a:lnTo>
                    <a:lnTo>
                      <a:pt x="63" y="570"/>
                    </a:lnTo>
                    <a:lnTo>
                      <a:pt x="65" y="571"/>
                    </a:lnTo>
                    <a:lnTo>
                      <a:pt x="68" y="572"/>
                    </a:lnTo>
                    <a:lnTo>
                      <a:pt x="69" y="575"/>
                    </a:lnTo>
                    <a:lnTo>
                      <a:pt x="68" y="579"/>
                    </a:lnTo>
                    <a:lnTo>
                      <a:pt x="66" y="584"/>
                    </a:lnTo>
                    <a:lnTo>
                      <a:pt x="63" y="589"/>
                    </a:lnTo>
                    <a:lnTo>
                      <a:pt x="56" y="596"/>
                    </a:lnTo>
                    <a:lnTo>
                      <a:pt x="53" y="600"/>
                    </a:lnTo>
                    <a:lnTo>
                      <a:pt x="51" y="603"/>
                    </a:lnTo>
                    <a:lnTo>
                      <a:pt x="50" y="606"/>
                    </a:lnTo>
                    <a:lnTo>
                      <a:pt x="50" y="610"/>
                    </a:lnTo>
                    <a:lnTo>
                      <a:pt x="51" y="616"/>
                    </a:lnTo>
                    <a:lnTo>
                      <a:pt x="55" y="623"/>
                    </a:lnTo>
                    <a:lnTo>
                      <a:pt x="61" y="629"/>
                    </a:lnTo>
                    <a:lnTo>
                      <a:pt x="68" y="636"/>
                    </a:lnTo>
                    <a:lnTo>
                      <a:pt x="77" y="642"/>
                    </a:lnTo>
                    <a:lnTo>
                      <a:pt x="87" y="649"/>
                    </a:lnTo>
                    <a:lnTo>
                      <a:pt x="108" y="659"/>
                    </a:lnTo>
                    <a:lnTo>
                      <a:pt x="127" y="671"/>
                    </a:lnTo>
                    <a:lnTo>
                      <a:pt x="135" y="675"/>
                    </a:lnTo>
                    <a:lnTo>
                      <a:pt x="143" y="680"/>
                    </a:lnTo>
                    <a:lnTo>
                      <a:pt x="147" y="684"/>
                    </a:lnTo>
                    <a:lnTo>
                      <a:pt x="151" y="688"/>
                    </a:lnTo>
                    <a:lnTo>
                      <a:pt x="153" y="701"/>
                    </a:lnTo>
                    <a:lnTo>
                      <a:pt x="156" y="711"/>
                    </a:lnTo>
                    <a:lnTo>
                      <a:pt x="157" y="715"/>
                    </a:lnTo>
                    <a:lnTo>
                      <a:pt x="160" y="720"/>
                    </a:lnTo>
                    <a:lnTo>
                      <a:pt x="164" y="724"/>
                    </a:lnTo>
                    <a:lnTo>
                      <a:pt x="171" y="726"/>
                    </a:lnTo>
                    <a:lnTo>
                      <a:pt x="182" y="734"/>
                    </a:lnTo>
                    <a:lnTo>
                      <a:pt x="190" y="742"/>
                    </a:lnTo>
                    <a:lnTo>
                      <a:pt x="193" y="746"/>
                    </a:lnTo>
                    <a:lnTo>
                      <a:pt x="197" y="748"/>
                    </a:lnTo>
                    <a:lnTo>
                      <a:pt x="204" y="748"/>
                    </a:lnTo>
                    <a:lnTo>
                      <a:pt x="212" y="747"/>
                    </a:lnTo>
                    <a:lnTo>
                      <a:pt x="208" y="733"/>
                    </a:lnTo>
                    <a:lnTo>
                      <a:pt x="204" y="717"/>
                    </a:lnTo>
                    <a:lnTo>
                      <a:pt x="201" y="710"/>
                    </a:lnTo>
                    <a:lnTo>
                      <a:pt x="201" y="702"/>
                    </a:lnTo>
                    <a:lnTo>
                      <a:pt x="201" y="695"/>
                    </a:lnTo>
                    <a:lnTo>
                      <a:pt x="205" y="689"/>
                    </a:lnTo>
                    <a:lnTo>
                      <a:pt x="212" y="681"/>
                    </a:lnTo>
                    <a:lnTo>
                      <a:pt x="218" y="675"/>
                    </a:lnTo>
                    <a:lnTo>
                      <a:pt x="225" y="668"/>
                    </a:lnTo>
                    <a:lnTo>
                      <a:pt x="230" y="659"/>
                    </a:lnTo>
                    <a:lnTo>
                      <a:pt x="231" y="654"/>
                    </a:lnTo>
                    <a:lnTo>
                      <a:pt x="232" y="650"/>
                    </a:lnTo>
                    <a:lnTo>
                      <a:pt x="232" y="646"/>
                    </a:lnTo>
                    <a:lnTo>
                      <a:pt x="231" y="642"/>
                    </a:lnTo>
                    <a:lnTo>
                      <a:pt x="228" y="636"/>
                    </a:lnTo>
                    <a:lnTo>
                      <a:pt x="227" y="631"/>
                    </a:lnTo>
                    <a:lnTo>
                      <a:pt x="226" y="627"/>
                    </a:lnTo>
                    <a:lnTo>
                      <a:pt x="226" y="623"/>
                    </a:lnTo>
                    <a:lnTo>
                      <a:pt x="231" y="618"/>
                    </a:lnTo>
                    <a:lnTo>
                      <a:pt x="241" y="611"/>
                    </a:lnTo>
                    <a:lnTo>
                      <a:pt x="244" y="610"/>
                    </a:lnTo>
                    <a:lnTo>
                      <a:pt x="247" y="607"/>
                    </a:lnTo>
                    <a:lnTo>
                      <a:pt x="249" y="603"/>
                    </a:lnTo>
                    <a:lnTo>
                      <a:pt x="250" y="600"/>
                    </a:lnTo>
                    <a:lnTo>
                      <a:pt x="253" y="589"/>
                    </a:lnTo>
                    <a:lnTo>
                      <a:pt x="256" y="577"/>
                    </a:lnTo>
                    <a:lnTo>
                      <a:pt x="257" y="555"/>
                    </a:lnTo>
                    <a:lnTo>
                      <a:pt x="258" y="539"/>
                    </a:lnTo>
                    <a:lnTo>
                      <a:pt x="269" y="520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4" name="Freeform 229">
                <a:extLst>
                  <a:ext uri="{FF2B5EF4-FFF2-40B4-BE49-F238E27FC236}">
                    <a16:creationId xmlns:a16="http://schemas.microsoft.com/office/drawing/2014/main" id="{A5711681-4A6E-A749-B40A-D2CDF9852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5221" y="4456285"/>
                <a:ext cx="21860" cy="54189"/>
              </a:xfrm>
              <a:custGeom>
                <a:avLst/>
                <a:gdLst/>
                <a:ahLst/>
                <a:cxnLst>
                  <a:cxn ang="0">
                    <a:pos x="21" y="88"/>
                  </a:cxn>
                  <a:cxn ang="0">
                    <a:pos x="17" y="80"/>
                  </a:cxn>
                  <a:cxn ang="0">
                    <a:pos x="14" y="69"/>
                  </a:cxn>
                  <a:cxn ang="0">
                    <a:pos x="10" y="57"/>
                  </a:cxn>
                  <a:cxn ang="0">
                    <a:pos x="8" y="48"/>
                  </a:cxn>
                  <a:cxn ang="0">
                    <a:pos x="4" y="36"/>
                  </a:cxn>
                  <a:cxn ang="0">
                    <a:pos x="1" y="25"/>
                  </a:cxn>
                  <a:cxn ang="0">
                    <a:pos x="0" y="13"/>
                  </a:cxn>
                  <a:cxn ang="0">
                    <a:pos x="1" y="1"/>
                  </a:cxn>
                  <a:cxn ang="0">
                    <a:pos x="4" y="0"/>
                  </a:cxn>
                  <a:cxn ang="0">
                    <a:pos x="8" y="1"/>
                  </a:cxn>
                  <a:cxn ang="0">
                    <a:pos x="12" y="3"/>
                  </a:cxn>
                  <a:cxn ang="0">
                    <a:pos x="16" y="7"/>
                  </a:cxn>
                  <a:cxn ang="0">
                    <a:pos x="22" y="13"/>
                  </a:cxn>
                  <a:cxn ang="0">
                    <a:pos x="26" y="20"/>
                  </a:cxn>
                  <a:cxn ang="0">
                    <a:pos x="35" y="34"/>
                  </a:cxn>
                  <a:cxn ang="0">
                    <a:pos x="41" y="47"/>
                  </a:cxn>
                  <a:cxn ang="0">
                    <a:pos x="44" y="53"/>
                  </a:cxn>
                  <a:cxn ang="0">
                    <a:pos x="45" y="60"/>
                  </a:cxn>
                  <a:cxn ang="0">
                    <a:pos x="47" y="68"/>
                  </a:cxn>
                  <a:cxn ang="0">
                    <a:pos x="47" y="77"/>
                  </a:cxn>
                  <a:cxn ang="0">
                    <a:pos x="47" y="88"/>
                  </a:cxn>
                  <a:cxn ang="0">
                    <a:pos x="48" y="100"/>
                  </a:cxn>
                  <a:cxn ang="0">
                    <a:pos x="48" y="105"/>
                  </a:cxn>
                  <a:cxn ang="0">
                    <a:pos x="49" y="110"/>
                  </a:cxn>
                  <a:cxn ang="0">
                    <a:pos x="49" y="114"/>
                  </a:cxn>
                  <a:cxn ang="0">
                    <a:pos x="48" y="119"/>
                  </a:cxn>
                  <a:cxn ang="0">
                    <a:pos x="44" y="119"/>
                  </a:cxn>
                  <a:cxn ang="0">
                    <a:pos x="41" y="118"/>
                  </a:cxn>
                  <a:cxn ang="0">
                    <a:pos x="38" y="117"/>
                  </a:cxn>
                  <a:cxn ang="0">
                    <a:pos x="35" y="114"/>
                  </a:cxn>
                  <a:cxn ang="0">
                    <a:pos x="31" y="109"/>
                  </a:cxn>
                  <a:cxn ang="0">
                    <a:pos x="29" y="101"/>
                  </a:cxn>
                  <a:cxn ang="0">
                    <a:pos x="21" y="88"/>
                  </a:cxn>
                </a:cxnLst>
                <a:rect l="0" t="0" r="r" b="b"/>
                <a:pathLst>
                  <a:path w="49" h="119">
                    <a:moveTo>
                      <a:pt x="21" y="88"/>
                    </a:moveTo>
                    <a:lnTo>
                      <a:pt x="17" y="80"/>
                    </a:lnTo>
                    <a:lnTo>
                      <a:pt x="14" y="69"/>
                    </a:lnTo>
                    <a:lnTo>
                      <a:pt x="10" y="57"/>
                    </a:lnTo>
                    <a:lnTo>
                      <a:pt x="8" y="48"/>
                    </a:lnTo>
                    <a:lnTo>
                      <a:pt x="4" y="36"/>
                    </a:lnTo>
                    <a:lnTo>
                      <a:pt x="1" y="25"/>
                    </a:lnTo>
                    <a:lnTo>
                      <a:pt x="0" y="13"/>
                    </a:lnTo>
                    <a:lnTo>
                      <a:pt x="1" y="1"/>
                    </a:lnTo>
                    <a:lnTo>
                      <a:pt x="4" y="0"/>
                    </a:lnTo>
                    <a:lnTo>
                      <a:pt x="8" y="1"/>
                    </a:lnTo>
                    <a:lnTo>
                      <a:pt x="12" y="3"/>
                    </a:lnTo>
                    <a:lnTo>
                      <a:pt x="16" y="7"/>
                    </a:lnTo>
                    <a:lnTo>
                      <a:pt x="22" y="13"/>
                    </a:lnTo>
                    <a:lnTo>
                      <a:pt x="26" y="20"/>
                    </a:lnTo>
                    <a:lnTo>
                      <a:pt x="35" y="34"/>
                    </a:lnTo>
                    <a:lnTo>
                      <a:pt x="41" y="47"/>
                    </a:lnTo>
                    <a:lnTo>
                      <a:pt x="44" y="53"/>
                    </a:lnTo>
                    <a:lnTo>
                      <a:pt x="45" y="60"/>
                    </a:lnTo>
                    <a:lnTo>
                      <a:pt x="47" y="68"/>
                    </a:lnTo>
                    <a:lnTo>
                      <a:pt x="47" y="77"/>
                    </a:lnTo>
                    <a:lnTo>
                      <a:pt x="47" y="88"/>
                    </a:lnTo>
                    <a:lnTo>
                      <a:pt x="48" y="100"/>
                    </a:lnTo>
                    <a:lnTo>
                      <a:pt x="48" y="105"/>
                    </a:lnTo>
                    <a:lnTo>
                      <a:pt x="49" y="110"/>
                    </a:lnTo>
                    <a:lnTo>
                      <a:pt x="49" y="114"/>
                    </a:lnTo>
                    <a:lnTo>
                      <a:pt x="48" y="119"/>
                    </a:lnTo>
                    <a:lnTo>
                      <a:pt x="44" y="119"/>
                    </a:lnTo>
                    <a:lnTo>
                      <a:pt x="41" y="118"/>
                    </a:lnTo>
                    <a:lnTo>
                      <a:pt x="38" y="117"/>
                    </a:lnTo>
                    <a:lnTo>
                      <a:pt x="35" y="114"/>
                    </a:lnTo>
                    <a:lnTo>
                      <a:pt x="31" y="109"/>
                    </a:lnTo>
                    <a:lnTo>
                      <a:pt x="29" y="101"/>
                    </a:lnTo>
                    <a:lnTo>
                      <a:pt x="21" y="8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5" name="Freeform 230">
                <a:extLst>
                  <a:ext uri="{FF2B5EF4-FFF2-40B4-BE49-F238E27FC236}">
                    <a16:creationId xmlns:a16="http://schemas.microsoft.com/office/drawing/2014/main" id="{1FE2546B-1E00-EE4E-95AA-93DAED9A77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09755" y="4411127"/>
                <a:ext cx="40077" cy="23483"/>
              </a:xfrm>
              <a:custGeom>
                <a:avLst/>
                <a:gdLst/>
                <a:ahLst/>
                <a:cxnLst>
                  <a:cxn ang="0">
                    <a:pos x="48" y="38"/>
                  </a:cxn>
                  <a:cxn ang="0">
                    <a:pos x="40" y="38"/>
                  </a:cxn>
                  <a:cxn ang="0">
                    <a:pos x="34" y="37"/>
                  </a:cxn>
                  <a:cxn ang="0">
                    <a:pos x="27" y="34"/>
                  </a:cxn>
                  <a:cxn ang="0">
                    <a:pos x="21" y="30"/>
                  </a:cxn>
                  <a:cxn ang="0">
                    <a:pos x="14" y="26"/>
                  </a:cxn>
                  <a:cxn ang="0">
                    <a:pos x="9" y="22"/>
                  </a:cxn>
                  <a:cxn ang="0">
                    <a:pos x="5" y="17"/>
                  </a:cxn>
                  <a:cxn ang="0">
                    <a:pos x="1" y="11"/>
                  </a:cxn>
                  <a:cxn ang="0">
                    <a:pos x="0" y="4"/>
                  </a:cxn>
                  <a:cxn ang="0">
                    <a:pos x="0" y="2"/>
                  </a:cxn>
                  <a:cxn ang="0">
                    <a:pos x="1" y="0"/>
                  </a:cxn>
                  <a:cxn ang="0">
                    <a:pos x="5" y="0"/>
                  </a:cxn>
                  <a:cxn ang="0">
                    <a:pos x="13" y="3"/>
                  </a:cxn>
                  <a:cxn ang="0">
                    <a:pos x="21" y="4"/>
                  </a:cxn>
                  <a:cxn ang="0">
                    <a:pos x="38" y="6"/>
                  </a:cxn>
                  <a:cxn ang="0">
                    <a:pos x="53" y="9"/>
                  </a:cxn>
                  <a:cxn ang="0">
                    <a:pos x="58" y="15"/>
                  </a:cxn>
                  <a:cxn ang="0">
                    <a:pos x="62" y="21"/>
                  </a:cxn>
                  <a:cxn ang="0">
                    <a:pos x="74" y="34"/>
                  </a:cxn>
                  <a:cxn ang="0">
                    <a:pos x="85" y="44"/>
                  </a:cxn>
                  <a:cxn ang="0">
                    <a:pos x="87" y="47"/>
                  </a:cxn>
                  <a:cxn ang="0">
                    <a:pos x="87" y="48"/>
                  </a:cxn>
                  <a:cxn ang="0">
                    <a:pos x="87" y="50"/>
                  </a:cxn>
                  <a:cxn ang="0">
                    <a:pos x="84" y="51"/>
                  </a:cxn>
                  <a:cxn ang="0">
                    <a:pos x="73" y="50"/>
                  </a:cxn>
                  <a:cxn ang="0">
                    <a:pos x="61" y="47"/>
                  </a:cxn>
                  <a:cxn ang="0">
                    <a:pos x="48" y="38"/>
                  </a:cxn>
                </a:cxnLst>
                <a:rect l="0" t="0" r="r" b="b"/>
                <a:pathLst>
                  <a:path w="87" h="51">
                    <a:moveTo>
                      <a:pt x="48" y="38"/>
                    </a:moveTo>
                    <a:lnTo>
                      <a:pt x="40" y="38"/>
                    </a:lnTo>
                    <a:lnTo>
                      <a:pt x="34" y="37"/>
                    </a:lnTo>
                    <a:lnTo>
                      <a:pt x="27" y="34"/>
                    </a:lnTo>
                    <a:lnTo>
                      <a:pt x="21" y="30"/>
                    </a:lnTo>
                    <a:lnTo>
                      <a:pt x="14" y="26"/>
                    </a:lnTo>
                    <a:lnTo>
                      <a:pt x="9" y="22"/>
                    </a:lnTo>
                    <a:lnTo>
                      <a:pt x="5" y="17"/>
                    </a:lnTo>
                    <a:lnTo>
                      <a:pt x="1" y="11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0"/>
                    </a:lnTo>
                    <a:lnTo>
                      <a:pt x="13" y="3"/>
                    </a:lnTo>
                    <a:lnTo>
                      <a:pt x="21" y="4"/>
                    </a:lnTo>
                    <a:lnTo>
                      <a:pt x="38" y="6"/>
                    </a:lnTo>
                    <a:lnTo>
                      <a:pt x="53" y="9"/>
                    </a:lnTo>
                    <a:lnTo>
                      <a:pt x="58" y="15"/>
                    </a:lnTo>
                    <a:lnTo>
                      <a:pt x="62" y="21"/>
                    </a:lnTo>
                    <a:lnTo>
                      <a:pt x="74" y="34"/>
                    </a:lnTo>
                    <a:lnTo>
                      <a:pt x="85" y="44"/>
                    </a:lnTo>
                    <a:lnTo>
                      <a:pt x="87" y="47"/>
                    </a:lnTo>
                    <a:lnTo>
                      <a:pt x="87" y="48"/>
                    </a:lnTo>
                    <a:lnTo>
                      <a:pt x="87" y="50"/>
                    </a:lnTo>
                    <a:lnTo>
                      <a:pt x="84" y="51"/>
                    </a:lnTo>
                    <a:lnTo>
                      <a:pt x="73" y="50"/>
                    </a:lnTo>
                    <a:lnTo>
                      <a:pt x="61" y="47"/>
                    </a:lnTo>
                    <a:lnTo>
                      <a:pt x="48" y="3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6" name="Freeform 231">
                <a:extLst>
                  <a:ext uri="{FF2B5EF4-FFF2-40B4-BE49-F238E27FC236}">
                    <a16:creationId xmlns:a16="http://schemas.microsoft.com/office/drawing/2014/main" id="{0D6F0C61-2F4F-164B-8C94-C70729E24D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78208" y="3582034"/>
                <a:ext cx="1828977" cy="1793661"/>
              </a:xfrm>
              <a:custGeom>
                <a:avLst/>
                <a:gdLst/>
                <a:ahLst/>
                <a:cxnLst>
                  <a:cxn ang="0">
                    <a:pos x="621" y="2679"/>
                  </a:cxn>
                  <a:cxn ang="0">
                    <a:pos x="651" y="2569"/>
                  </a:cxn>
                  <a:cxn ang="0">
                    <a:pos x="829" y="2253"/>
                  </a:cxn>
                  <a:cxn ang="0">
                    <a:pos x="840" y="2182"/>
                  </a:cxn>
                  <a:cxn ang="0">
                    <a:pos x="835" y="1995"/>
                  </a:cxn>
                  <a:cxn ang="0">
                    <a:pos x="712" y="1739"/>
                  </a:cxn>
                  <a:cxn ang="0">
                    <a:pos x="670" y="1403"/>
                  </a:cxn>
                  <a:cxn ang="0">
                    <a:pos x="582" y="1328"/>
                  </a:cxn>
                  <a:cxn ang="0">
                    <a:pos x="531" y="1177"/>
                  </a:cxn>
                  <a:cxn ang="0">
                    <a:pos x="454" y="1120"/>
                  </a:cxn>
                  <a:cxn ang="0">
                    <a:pos x="394" y="1014"/>
                  </a:cxn>
                  <a:cxn ang="0">
                    <a:pos x="237" y="907"/>
                  </a:cxn>
                  <a:cxn ang="0">
                    <a:pos x="107" y="871"/>
                  </a:cxn>
                  <a:cxn ang="0">
                    <a:pos x="8" y="743"/>
                  </a:cxn>
                  <a:cxn ang="0">
                    <a:pos x="116" y="647"/>
                  </a:cxn>
                  <a:cxn ang="0">
                    <a:pos x="175" y="626"/>
                  </a:cxn>
                  <a:cxn ang="0">
                    <a:pos x="184" y="503"/>
                  </a:cxn>
                  <a:cxn ang="0">
                    <a:pos x="372" y="578"/>
                  </a:cxn>
                  <a:cxn ang="0">
                    <a:pos x="494" y="503"/>
                  </a:cxn>
                  <a:cxn ang="0">
                    <a:pos x="647" y="622"/>
                  </a:cxn>
                  <a:cxn ang="0">
                    <a:pos x="811" y="690"/>
                  </a:cxn>
                  <a:cxn ang="0">
                    <a:pos x="898" y="798"/>
                  </a:cxn>
                  <a:cxn ang="0">
                    <a:pos x="989" y="802"/>
                  </a:cxn>
                  <a:cxn ang="0">
                    <a:pos x="1068" y="565"/>
                  </a:cxn>
                  <a:cxn ang="0">
                    <a:pos x="1016" y="276"/>
                  </a:cxn>
                  <a:cxn ang="0">
                    <a:pos x="1256" y="367"/>
                  </a:cxn>
                  <a:cxn ang="0">
                    <a:pos x="1285" y="515"/>
                  </a:cxn>
                  <a:cxn ang="0">
                    <a:pos x="1789" y="613"/>
                  </a:cxn>
                  <a:cxn ang="0">
                    <a:pos x="1751" y="442"/>
                  </a:cxn>
                  <a:cxn ang="0">
                    <a:pos x="2147" y="284"/>
                  </a:cxn>
                  <a:cxn ang="0">
                    <a:pos x="2486" y="12"/>
                  </a:cxn>
                  <a:cxn ang="0">
                    <a:pos x="2628" y="161"/>
                  </a:cxn>
                  <a:cxn ang="0">
                    <a:pos x="2735" y="357"/>
                  </a:cxn>
                  <a:cxn ang="0">
                    <a:pos x="2896" y="634"/>
                  </a:cxn>
                  <a:cxn ang="0">
                    <a:pos x="3071" y="714"/>
                  </a:cxn>
                  <a:cxn ang="0">
                    <a:pos x="3357" y="934"/>
                  </a:cxn>
                  <a:cxn ang="0">
                    <a:pos x="3703" y="1108"/>
                  </a:cxn>
                  <a:cxn ang="0">
                    <a:pos x="3888" y="1457"/>
                  </a:cxn>
                  <a:cxn ang="0">
                    <a:pos x="3727" y="1887"/>
                  </a:cxn>
                  <a:cxn ang="0">
                    <a:pos x="3445" y="1976"/>
                  </a:cxn>
                  <a:cxn ang="0">
                    <a:pos x="3378" y="2106"/>
                  </a:cxn>
                  <a:cxn ang="0">
                    <a:pos x="3064" y="2410"/>
                  </a:cxn>
                  <a:cxn ang="0">
                    <a:pos x="3189" y="2432"/>
                  </a:cxn>
                  <a:cxn ang="0">
                    <a:pos x="3358" y="2555"/>
                  </a:cxn>
                  <a:cxn ang="0">
                    <a:pos x="3353" y="2793"/>
                  </a:cxn>
                  <a:cxn ang="0">
                    <a:pos x="3256" y="2979"/>
                  </a:cxn>
                  <a:cxn ang="0">
                    <a:pos x="3262" y="3220"/>
                  </a:cxn>
                  <a:cxn ang="0">
                    <a:pos x="3410" y="3494"/>
                  </a:cxn>
                  <a:cxn ang="0">
                    <a:pos x="3331" y="3664"/>
                  </a:cxn>
                  <a:cxn ang="0">
                    <a:pos x="3064" y="3871"/>
                  </a:cxn>
                  <a:cxn ang="0">
                    <a:pos x="2676" y="3801"/>
                  </a:cxn>
                  <a:cxn ang="0">
                    <a:pos x="2532" y="3669"/>
                  </a:cxn>
                  <a:cxn ang="0">
                    <a:pos x="2313" y="3610"/>
                  </a:cxn>
                  <a:cxn ang="0">
                    <a:pos x="2024" y="3622"/>
                  </a:cxn>
                  <a:cxn ang="0">
                    <a:pos x="1872" y="3791"/>
                  </a:cxn>
                  <a:cxn ang="0">
                    <a:pos x="1635" y="3937"/>
                  </a:cxn>
                  <a:cxn ang="0">
                    <a:pos x="1380" y="3739"/>
                  </a:cxn>
                  <a:cxn ang="0">
                    <a:pos x="1105" y="3576"/>
                  </a:cxn>
                  <a:cxn ang="0">
                    <a:pos x="916" y="3584"/>
                  </a:cxn>
                  <a:cxn ang="0">
                    <a:pos x="633" y="3454"/>
                  </a:cxn>
                  <a:cxn ang="0">
                    <a:pos x="482" y="3240"/>
                  </a:cxn>
                </a:cxnLst>
                <a:rect l="0" t="0" r="r" b="b"/>
                <a:pathLst>
                  <a:path w="4019" h="3975">
                    <a:moveTo>
                      <a:pt x="324" y="3097"/>
                    </a:moveTo>
                    <a:lnTo>
                      <a:pt x="336" y="3103"/>
                    </a:lnTo>
                    <a:lnTo>
                      <a:pt x="346" y="3107"/>
                    </a:lnTo>
                    <a:lnTo>
                      <a:pt x="357" y="3108"/>
                    </a:lnTo>
                    <a:lnTo>
                      <a:pt x="367" y="3108"/>
                    </a:lnTo>
                    <a:lnTo>
                      <a:pt x="377" y="3107"/>
                    </a:lnTo>
                    <a:lnTo>
                      <a:pt x="388" y="3104"/>
                    </a:lnTo>
                    <a:lnTo>
                      <a:pt x="398" y="3100"/>
                    </a:lnTo>
                    <a:lnTo>
                      <a:pt x="407" y="3095"/>
                    </a:lnTo>
                    <a:lnTo>
                      <a:pt x="417" y="3087"/>
                    </a:lnTo>
                    <a:lnTo>
                      <a:pt x="427" y="3080"/>
                    </a:lnTo>
                    <a:lnTo>
                      <a:pt x="436" y="3071"/>
                    </a:lnTo>
                    <a:lnTo>
                      <a:pt x="445" y="3062"/>
                    </a:lnTo>
                    <a:lnTo>
                      <a:pt x="463" y="3040"/>
                    </a:lnTo>
                    <a:lnTo>
                      <a:pt x="478" y="3015"/>
                    </a:lnTo>
                    <a:lnTo>
                      <a:pt x="495" y="2989"/>
                    </a:lnTo>
                    <a:lnTo>
                      <a:pt x="509" y="2962"/>
                    </a:lnTo>
                    <a:lnTo>
                      <a:pt x="524" y="2935"/>
                    </a:lnTo>
                    <a:lnTo>
                      <a:pt x="535" y="2909"/>
                    </a:lnTo>
                    <a:lnTo>
                      <a:pt x="557" y="2862"/>
                    </a:lnTo>
                    <a:lnTo>
                      <a:pt x="574" y="2828"/>
                    </a:lnTo>
                    <a:lnTo>
                      <a:pt x="583" y="2804"/>
                    </a:lnTo>
                    <a:lnTo>
                      <a:pt x="591" y="2779"/>
                    </a:lnTo>
                    <a:lnTo>
                      <a:pt x="599" y="2755"/>
                    </a:lnTo>
                    <a:lnTo>
                      <a:pt x="605" y="2730"/>
                    </a:lnTo>
                    <a:lnTo>
                      <a:pt x="613" y="2704"/>
                    </a:lnTo>
                    <a:lnTo>
                      <a:pt x="621" y="2679"/>
                    </a:lnTo>
                    <a:lnTo>
                      <a:pt x="629" y="2656"/>
                    </a:lnTo>
                    <a:lnTo>
                      <a:pt x="638" y="2631"/>
                    </a:lnTo>
                    <a:lnTo>
                      <a:pt x="642" y="2626"/>
                    </a:lnTo>
                    <a:lnTo>
                      <a:pt x="645" y="2621"/>
                    </a:lnTo>
                    <a:lnTo>
                      <a:pt x="649" y="2617"/>
                    </a:lnTo>
                    <a:lnTo>
                      <a:pt x="653" y="2613"/>
                    </a:lnTo>
                    <a:lnTo>
                      <a:pt x="664" y="2609"/>
                    </a:lnTo>
                    <a:lnTo>
                      <a:pt x="673" y="2606"/>
                    </a:lnTo>
                    <a:lnTo>
                      <a:pt x="682" y="2602"/>
                    </a:lnTo>
                    <a:lnTo>
                      <a:pt x="687" y="2597"/>
                    </a:lnTo>
                    <a:lnTo>
                      <a:pt x="690" y="2593"/>
                    </a:lnTo>
                    <a:lnTo>
                      <a:pt x="691" y="2589"/>
                    </a:lnTo>
                    <a:lnTo>
                      <a:pt x="691" y="2585"/>
                    </a:lnTo>
                    <a:lnTo>
                      <a:pt x="690" y="2580"/>
                    </a:lnTo>
                    <a:lnTo>
                      <a:pt x="687" y="2571"/>
                    </a:lnTo>
                    <a:lnTo>
                      <a:pt x="684" y="2565"/>
                    </a:lnTo>
                    <a:lnTo>
                      <a:pt x="680" y="2563"/>
                    </a:lnTo>
                    <a:lnTo>
                      <a:pt x="678" y="2563"/>
                    </a:lnTo>
                    <a:lnTo>
                      <a:pt x="673" y="2564"/>
                    </a:lnTo>
                    <a:lnTo>
                      <a:pt x="667" y="2568"/>
                    </a:lnTo>
                    <a:lnTo>
                      <a:pt x="662" y="2574"/>
                    </a:lnTo>
                    <a:lnTo>
                      <a:pt x="656" y="2584"/>
                    </a:lnTo>
                    <a:lnTo>
                      <a:pt x="653" y="2586"/>
                    </a:lnTo>
                    <a:lnTo>
                      <a:pt x="651" y="2586"/>
                    </a:lnTo>
                    <a:lnTo>
                      <a:pt x="649" y="2585"/>
                    </a:lnTo>
                    <a:lnTo>
                      <a:pt x="649" y="2581"/>
                    </a:lnTo>
                    <a:lnTo>
                      <a:pt x="651" y="2569"/>
                    </a:lnTo>
                    <a:lnTo>
                      <a:pt x="655" y="2555"/>
                    </a:lnTo>
                    <a:lnTo>
                      <a:pt x="662" y="2521"/>
                    </a:lnTo>
                    <a:lnTo>
                      <a:pt x="670" y="2501"/>
                    </a:lnTo>
                    <a:lnTo>
                      <a:pt x="682" y="2475"/>
                    </a:lnTo>
                    <a:lnTo>
                      <a:pt x="692" y="2448"/>
                    </a:lnTo>
                    <a:lnTo>
                      <a:pt x="702" y="2420"/>
                    </a:lnTo>
                    <a:lnTo>
                      <a:pt x="712" y="2394"/>
                    </a:lnTo>
                    <a:lnTo>
                      <a:pt x="721" y="2367"/>
                    </a:lnTo>
                    <a:lnTo>
                      <a:pt x="730" y="2340"/>
                    </a:lnTo>
                    <a:lnTo>
                      <a:pt x="737" y="2312"/>
                    </a:lnTo>
                    <a:lnTo>
                      <a:pt x="745" y="2284"/>
                    </a:lnTo>
                    <a:lnTo>
                      <a:pt x="747" y="2264"/>
                    </a:lnTo>
                    <a:lnTo>
                      <a:pt x="748" y="2238"/>
                    </a:lnTo>
                    <a:lnTo>
                      <a:pt x="748" y="2226"/>
                    </a:lnTo>
                    <a:lnTo>
                      <a:pt x="750" y="2216"/>
                    </a:lnTo>
                    <a:lnTo>
                      <a:pt x="752" y="2212"/>
                    </a:lnTo>
                    <a:lnTo>
                      <a:pt x="754" y="2209"/>
                    </a:lnTo>
                    <a:lnTo>
                      <a:pt x="757" y="2208"/>
                    </a:lnTo>
                    <a:lnTo>
                      <a:pt x="761" y="2207"/>
                    </a:lnTo>
                    <a:lnTo>
                      <a:pt x="774" y="2208"/>
                    </a:lnTo>
                    <a:lnTo>
                      <a:pt x="784" y="2209"/>
                    </a:lnTo>
                    <a:lnTo>
                      <a:pt x="794" y="2213"/>
                    </a:lnTo>
                    <a:lnTo>
                      <a:pt x="802" y="2218"/>
                    </a:lnTo>
                    <a:lnTo>
                      <a:pt x="810" y="2225"/>
                    </a:lnTo>
                    <a:lnTo>
                      <a:pt x="818" y="2232"/>
                    </a:lnTo>
                    <a:lnTo>
                      <a:pt x="824" y="2242"/>
                    </a:lnTo>
                    <a:lnTo>
                      <a:pt x="829" y="2253"/>
                    </a:lnTo>
                    <a:lnTo>
                      <a:pt x="836" y="2270"/>
                    </a:lnTo>
                    <a:lnTo>
                      <a:pt x="842" y="2288"/>
                    </a:lnTo>
                    <a:lnTo>
                      <a:pt x="848" y="2306"/>
                    </a:lnTo>
                    <a:lnTo>
                      <a:pt x="851" y="2324"/>
                    </a:lnTo>
                    <a:lnTo>
                      <a:pt x="858" y="2361"/>
                    </a:lnTo>
                    <a:lnTo>
                      <a:pt x="862" y="2398"/>
                    </a:lnTo>
                    <a:lnTo>
                      <a:pt x="866" y="2435"/>
                    </a:lnTo>
                    <a:lnTo>
                      <a:pt x="870" y="2472"/>
                    </a:lnTo>
                    <a:lnTo>
                      <a:pt x="875" y="2508"/>
                    </a:lnTo>
                    <a:lnTo>
                      <a:pt x="883" y="2545"/>
                    </a:lnTo>
                    <a:lnTo>
                      <a:pt x="886" y="2542"/>
                    </a:lnTo>
                    <a:lnTo>
                      <a:pt x="889" y="2537"/>
                    </a:lnTo>
                    <a:lnTo>
                      <a:pt x="892" y="2532"/>
                    </a:lnTo>
                    <a:lnTo>
                      <a:pt x="894" y="2525"/>
                    </a:lnTo>
                    <a:lnTo>
                      <a:pt x="898" y="2510"/>
                    </a:lnTo>
                    <a:lnTo>
                      <a:pt x="899" y="2490"/>
                    </a:lnTo>
                    <a:lnTo>
                      <a:pt x="899" y="2470"/>
                    </a:lnTo>
                    <a:lnTo>
                      <a:pt x="898" y="2448"/>
                    </a:lnTo>
                    <a:lnTo>
                      <a:pt x="897" y="2424"/>
                    </a:lnTo>
                    <a:lnTo>
                      <a:pt x="893" y="2400"/>
                    </a:lnTo>
                    <a:lnTo>
                      <a:pt x="886" y="2350"/>
                    </a:lnTo>
                    <a:lnTo>
                      <a:pt x="877" y="2305"/>
                    </a:lnTo>
                    <a:lnTo>
                      <a:pt x="868" y="2267"/>
                    </a:lnTo>
                    <a:lnTo>
                      <a:pt x="862" y="2243"/>
                    </a:lnTo>
                    <a:lnTo>
                      <a:pt x="846" y="2195"/>
                    </a:lnTo>
                    <a:lnTo>
                      <a:pt x="844" y="2188"/>
                    </a:lnTo>
                    <a:lnTo>
                      <a:pt x="840" y="2182"/>
                    </a:lnTo>
                    <a:lnTo>
                      <a:pt x="833" y="2175"/>
                    </a:lnTo>
                    <a:lnTo>
                      <a:pt x="828" y="2169"/>
                    </a:lnTo>
                    <a:lnTo>
                      <a:pt x="814" y="2157"/>
                    </a:lnTo>
                    <a:lnTo>
                      <a:pt x="800" y="2146"/>
                    </a:lnTo>
                    <a:lnTo>
                      <a:pt x="793" y="2141"/>
                    </a:lnTo>
                    <a:lnTo>
                      <a:pt x="788" y="2135"/>
                    </a:lnTo>
                    <a:lnTo>
                      <a:pt x="783" y="2130"/>
                    </a:lnTo>
                    <a:lnTo>
                      <a:pt x="780" y="2125"/>
                    </a:lnTo>
                    <a:lnTo>
                      <a:pt x="779" y="2121"/>
                    </a:lnTo>
                    <a:lnTo>
                      <a:pt x="779" y="2116"/>
                    </a:lnTo>
                    <a:lnTo>
                      <a:pt x="783" y="2112"/>
                    </a:lnTo>
                    <a:lnTo>
                      <a:pt x="788" y="2108"/>
                    </a:lnTo>
                    <a:lnTo>
                      <a:pt x="797" y="2103"/>
                    </a:lnTo>
                    <a:lnTo>
                      <a:pt x="804" y="2098"/>
                    </a:lnTo>
                    <a:lnTo>
                      <a:pt x="809" y="2093"/>
                    </a:lnTo>
                    <a:lnTo>
                      <a:pt x="813" y="2087"/>
                    </a:lnTo>
                    <a:lnTo>
                      <a:pt x="815" y="2081"/>
                    </a:lnTo>
                    <a:lnTo>
                      <a:pt x="818" y="2076"/>
                    </a:lnTo>
                    <a:lnTo>
                      <a:pt x="819" y="2071"/>
                    </a:lnTo>
                    <a:lnTo>
                      <a:pt x="819" y="2064"/>
                    </a:lnTo>
                    <a:lnTo>
                      <a:pt x="819" y="2052"/>
                    </a:lnTo>
                    <a:lnTo>
                      <a:pt x="818" y="2041"/>
                    </a:lnTo>
                    <a:lnTo>
                      <a:pt x="818" y="2034"/>
                    </a:lnTo>
                    <a:lnTo>
                      <a:pt x="819" y="2028"/>
                    </a:lnTo>
                    <a:lnTo>
                      <a:pt x="820" y="2021"/>
                    </a:lnTo>
                    <a:lnTo>
                      <a:pt x="823" y="2015"/>
                    </a:lnTo>
                    <a:lnTo>
                      <a:pt x="835" y="1995"/>
                    </a:lnTo>
                    <a:lnTo>
                      <a:pt x="845" y="1980"/>
                    </a:lnTo>
                    <a:lnTo>
                      <a:pt x="850" y="1972"/>
                    </a:lnTo>
                    <a:lnTo>
                      <a:pt x="854" y="1963"/>
                    </a:lnTo>
                    <a:lnTo>
                      <a:pt x="857" y="1953"/>
                    </a:lnTo>
                    <a:lnTo>
                      <a:pt x="858" y="1941"/>
                    </a:lnTo>
                    <a:lnTo>
                      <a:pt x="859" y="1920"/>
                    </a:lnTo>
                    <a:lnTo>
                      <a:pt x="863" y="1893"/>
                    </a:lnTo>
                    <a:lnTo>
                      <a:pt x="867" y="1880"/>
                    </a:lnTo>
                    <a:lnTo>
                      <a:pt x="872" y="1868"/>
                    </a:lnTo>
                    <a:lnTo>
                      <a:pt x="876" y="1863"/>
                    </a:lnTo>
                    <a:lnTo>
                      <a:pt x="880" y="1859"/>
                    </a:lnTo>
                    <a:lnTo>
                      <a:pt x="884" y="1857"/>
                    </a:lnTo>
                    <a:lnTo>
                      <a:pt x="890" y="1856"/>
                    </a:lnTo>
                    <a:lnTo>
                      <a:pt x="890" y="1852"/>
                    </a:lnTo>
                    <a:lnTo>
                      <a:pt x="875" y="1848"/>
                    </a:lnTo>
                    <a:lnTo>
                      <a:pt x="859" y="1843"/>
                    </a:lnTo>
                    <a:lnTo>
                      <a:pt x="844" y="1837"/>
                    </a:lnTo>
                    <a:lnTo>
                      <a:pt x="829" y="1831"/>
                    </a:lnTo>
                    <a:lnTo>
                      <a:pt x="814" y="1823"/>
                    </a:lnTo>
                    <a:lnTo>
                      <a:pt x="798" y="1815"/>
                    </a:lnTo>
                    <a:lnTo>
                      <a:pt x="784" y="1806"/>
                    </a:lnTo>
                    <a:lnTo>
                      <a:pt x="771" y="1797"/>
                    </a:lnTo>
                    <a:lnTo>
                      <a:pt x="757" y="1787"/>
                    </a:lnTo>
                    <a:lnTo>
                      <a:pt x="744" y="1777"/>
                    </a:lnTo>
                    <a:lnTo>
                      <a:pt x="732" y="1765"/>
                    </a:lnTo>
                    <a:lnTo>
                      <a:pt x="722" y="1752"/>
                    </a:lnTo>
                    <a:lnTo>
                      <a:pt x="712" y="1739"/>
                    </a:lnTo>
                    <a:lnTo>
                      <a:pt x="702" y="1725"/>
                    </a:lnTo>
                    <a:lnTo>
                      <a:pt x="695" y="1710"/>
                    </a:lnTo>
                    <a:lnTo>
                      <a:pt x="688" y="1695"/>
                    </a:lnTo>
                    <a:lnTo>
                      <a:pt x="683" y="1679"/>
                    </a:lnTo>
                    <a:lnTo>
                      <a:pt x="677" y="1665"/>
                    </a:lnTo>
                    <a:lnTo>
                      <a:pt x="670" y="1651"/>
                    </a:lnTo>
                    <a:lnTo>
                      <a:pt x="662" y="1638"/>
                    </a:lnTo>
                    <a:lnTo>
                      <a:pt x="658" y="1629"/>
                    </a:lnTo>
                    <a:lnTo>
                      <a:pt x="656" y="1621"/>
                    </a:lnTo>
                    <a:lnTo>
                      <a:pt x="651" y="1613"/>
                    </a:lnTo>
                    <a:lnTo>
                      <a:pt x="647" y="1604"/>
                    </a:lnTo>
                    <a:lnTo>
                      <a:pt x="643" y="1595"/>
                    </a:lnTo>
                    <a:lnTo>
                      <a:pt x="640" y="1586"/>
                    </a:lnTo>
                    <a:lnTo>
                      <a:pt x="635" y="1565"/>
                    </a:lnTo>
                    <a:lnTo>
                      <a:pt x="631" y="1547"/>
                    </a:lnTo>
                    <a:lnTo>
                      <a:pt x="653" y="1515"/>
                    </a:lnTo>
                    <a:lnTo>
                      <a:pt x="678" y="1485"/>
                    </a:lnTo>
                    <a:lnTo>
                      <a:pt x="683" y="1477"/>
                    </a:lnTo>
                    <a:lnTo>
                      <a:pt x="686" y="1469"/>
                    </a:lnTo>
                    <a:lnTo>
                      <a:pt x="688" y="1462"/>
                    </a:lnTo>
                    <a:lnTo>
                      <a:pt x="690" y="1453"/>
                    </a:lnTo>
                    <a:lnTo>
                      <a:pt x="690" y="1445"/>
                    </a:lnTo>
                    <a:lnTo>
                      <a:pt x="687" y="1436"/>
                    </a:lnTo>
                    <a:lnTo>
                      <a:pt x="683" y="1427"/>
                    </a:lnTo>
                    <a:lnTo>
                      <a:pt x="677" y="1416"/>
                    </a:lnTo>
                    <a:lnTo>
                      <a:pt x="671" y="1410"/>
                    </a:lnTo>
                    <a:lnTo>
                      <a:pt x="670" y="1403"/>
                    </a:lnTo>
                    <a:lnTo>
                      <a:pt x="670" y="1397"/>
                    </a:lnTo>
                    <a:lnTo>
                      <a:pt x="673" y="1392"/>
                    </a:lnTo>
                    <a:lnTo>
                      <a:pt x="678" y="1387"/>
                    </a:lnTo>
                    <a:lnTo>
                      <a:pt x="684" y="1383"/>
                    </a:lnTo>
                    <a:lnTo>
                      <a:pt x="692" y="1379"/>
                    </a:lnTo>
                    <a:lnTo>
                      <a:pt x="700" y="1376"/>
                    </a:lnTo>
                    <a:lnTo>
                      <a:pt x="718" y="1371"/>
                    </a:lnTo>
                    <a:lnTo>
                      <a:pt x="736" y="1368"/>
                    </a:lnTo>
                    <a:lnTo>
                      <a:pt x="752" y="1367"/>
                    </a:lnTo>
                    <a:lnTo>
                      <a:pt x="762" y="1366"/>
                    </a:lnTo>
                    <a:lnTo>
                      <a:pt x="762" y="1366"/>
                    </a:lnTo>
                    <a:lnTo>
                      <a:pt x="763" y="1365"/>
                    </a:lnTo>
                    <a:lnTo>
                      <a:pt x="740" y="1357"/>
                    </a:lnTo>
                    <a:lnTo>
                      <a:pt x="722" y="1349"/>
                    </a:lnTo>
                    <a:lnTo>
                      <a:pt x="712" y="1346"/>
                    </a:lnTo>
                    <a:lnTo>
                      <a:pt x="700" y="1344"/>
                    </a:lnTo>
                    <a:lnTo>
                      <a:pt x="686" y="1344"/>
                    </a:lnTo>
                    <a:lnTo>
                      <a:pt x="669" y="1345"/>
                    </a:lnTo>
                    <a:lnTo>
                      <a:pt x="649" y="1348"/>
                    </a:lnTo>
                    <a:lnTo>
                      <a:pt x="630" y="1349"/>
                    </a:lnTo>
                    <a:lnTo>
                      <a:pt x="613" y="1350"/>
                    </a:lnTo>
                    <a:lnTo>
                      <a:pt x="599" y="1349"/>
                    </a:lnTo>
                    <a:lnTo>
                      <a:pt x="592" y="1346"/>
                    </a:lnTo>
                    <a:lnTo>
                      <a:pt x="588" y="1344"/>
                    </a:lnTo>
                    <a:lnTo>
                      <a:pt x="585" y="1340"/>
                    </a:lnTo>
                    <a:lnTo>
                      <a:pt x="582" y="1335"/>
                    </a:lnTo>
                    <a:lnTo>
                      <a:pt x="582" y="1328"/>
                    </a:lnTo>
                    <a:lnTo>
                      <a:pt x="582" y="1321"/>
                    </a:lnTo>
                    <a:lnTo>
                      <a:pt x="585" y="1310"/>
                    </a:lnTo>
                    <a:lnTo>
                      <a:pt x="590" y="1300"/>
                    </a:lnTo>
                    <a:lnTo>
                      <a:pt x="590" y="1293"/>
                    </a:lnTo>
                    <a:lnTo>
                      <a:pt x="588" y="1287"/>
                    </a:lnTo>
                    <a:lnTo>
                      <a:pt x="586" y="1279"/>
                    </a:lnTo>
                    <a:lnTo>
                      <a:pt x="583" y="1273"/>
                    </a:lnTo>
                    <a:lnTo>
                      <a:pt x="581" y="1266"/>
                    </a:lnTo>
                    <a:lnTo>
                      <a:pt x="581" y="1261"/>
                    </a:lnTo>
                    <a:lnTo>
                      <a:pt x="582" y="1260"/>
                    </a:lnTo>
                    <a:lnTo>
                      <a:pt x="583" y="1258"/>
                    </a:lnTo>
                    <a:lnTo>
                      <a:pt x="586" y="1257"/>
                    </a:lnTo>
                    <a:lnTo>
                      <a:pt x="590" y="1256"/>
                    </a:lnTo>
                    <a:lnTo>
                      <a:pt x="599" y="1254"/>
                    </a:lnTo>
                    <a:lnTo>
                      <a:pt x="607" y="1252"/>
                    </a:lnTo>
                    <a:lnTo>
                      <a:pt x="613" y="1247"/>
                    </a:lnTo>
                    <a:lnTo>
                      <a:pt x="620" y="1240"/>
                    </a:lnTo>
                    <a:lnTo>
                      <a:pt x="623" y="1232"/>
                    </a:lnTo>
                    <a:lnTo>
                      <a:pt x="626" y="1225"/>
                    </a:lnTo>
                    <a:lnTo>
                      <a:pt x="629" y="1216"/>
                    </a:lnTo>
                    <a:lnTo>
                      <a:pt x="629" y="1207"/>
                    </a:lnTo>
                    <a:lnTo>
                      <a:pt x="612" y="1204"/>
                    </a:lnTo>
                    <a:lnTo>
                      <a:pt x="595" y="1201"/>
                    </a:lnTo>
                    <a:lnTo>
                      <a:pt x="578" y="1199"/>
                    </a:lnTo>
                    <a:lnTo>
                      <a:pt x="561" y="1194"/>
                    </a:lnTo>
                    <a:lnTo>
                      <a:pt x="547" y="1186"/>
                    </a:lnTo>
                    <a:lnTo>
                      <a:pt x="531" y="1177"/>
                    </a:lnTo>
                    <a:lnTo>
                      <a:pt x="524" y="1172"/>
                    </a:lnTo>
                    <a:lnTo>
                      <a:pt x="516" y="1169"/>
                    </a:lnTo>
                    <a:lnTo>
                      <a:pt x="508" y="1166"/>
                    </a:lnTo>
                    <a:lnTo>
                      <a:pt x="500" y="1165"/>
                    </a:lnTo>
                    <a:lnTo>
                      <a:pt x="502" y="1161"/>
                    </a:lnTo>
                    <a:lnTo>
                      <a:pt x="503" y="1159"/>
                    </a:lnTo>
                    <a:lnTo>
                      <a:pt x="507" y="1156"/>
                    </a:lnTo>
                    <a:lnTo>
                      <a:pt x="511" y="1153"/>
                    </a:lnTo>
                    <a:lnTo>
                      <a:pt x="521" y="1151"/>
                    </a:lnTo>
                    <a:lnTo>
                      <a:pt x="533" y="1148"/>
                    </a:lnTo>
                    <a:lnTo>
                      <a:pt x="544" y="1146"/>
                    </a:lnTo>
                    <a:lnTo>
                      <a:pt x="555" y="1142"/>
                    </a:lnTo>
                    <a:lnTo>
                      <a:pt x="557" y="1139"/>
                    </a:lnTo>
                    <a:lnTo>
                      <a:pt x="561" y="1135"/>
                    </a:lnTo>
                    <a:lnTo>
                      <a:pt x="563" y="1131"/>
                    </a:lnTo>
                    <a:lnTo>
                      <a:pt x="563" y="1128"/>
                    </a:lnTo>
                    <a:lnTo>
                      <a:pt x="560" y="1124"/>
                    </a:lnTo>
                    <a:lnTo>
                      <a:pt x="552" y="1121"/>
                    </a:lnTo>
                    <a:lnTo>
                      <a:pt x="543" y="1117"/>
                    </a:lnTo>
                    <a:lnTo>
                      <a:pt x="531" y="1115"/>
                    </a:lnTo>
                    <a:lnTo>
                      <a:pt x="507" y="1109"/>
                    </a:lnTo>
                    <a:lnTo>
                      <a:pt x="493" y="1108"/>
                    </a:lnTo>
                    <a:lnTo>
                      <a:pt x="484" y="1108"/>
                    </a:lnTo>
                    <a:lnTo>
                      <a:pt x="476" y="1111"/>
                    </a:lnTo>
                    <a:lnTo>
                      <a:pt x="468" y="1113"/>
                    </a:lnTo>
                    <a:lnTo>
                      <a:pt x="461" y="1117"/>
                    </a:lnTo>
                    <a:lnTo>
                      <a:pt x="454" y="1120"/>
                    </a:lnTo>
                    <a:lnTo>
                      <a:pt x="447" y="1122"/>
                    </a:lnTo>
                    <a:lnTo>
                      <a:pt x="439" y="1124"/>
                    </a:lnTo>
                    <a:lnTo>
                      <a:pt x="433" y="1124"/>
                    </a:lnTo>
                    <a:lnTo>
                      <a:pt x="432" y="1111"/>
                    </a:lnTo>
                    <a:lnTo>
                      <a:pt x="432" y="1094"/>
                    </a:lnTo>
                    <a:lnTo>
                      <a:pt x="432" y="1085"/>
                    </a:lnTo>
                    <a:lnTo>
                      <a:pt x="433" y="1077"/>
                    </a:lnTo>
                    <a:lnTo>
                      <a:pt x="434" y="1071"/>
                    </a:lnTo>
                    <a:lnTo>
                      <a:pt x="438" y="1065"/>
                    </a:lnTo>
                    <a:lnTo>
                      <a:pt x="450" y="1054"/>
                    </a:lnTo>
                    <a:lnTo>
                      <a:pt x="456" y="1046"/>
                    </a:lnTo>
                    <a:lnTo>
                      <a:pt x="458" y="1043"/>
                    </a:lnTo>
                    <a:lnTo>
                      <a:pt x="456" y="1042"/>
                    </a:lnTo>
                    <a:lnTo>
                      <a:pt x="455" y="1041"/>
                    </a:lnTo>
                    <a:lnTo>
                      <a:pt x="452" y="1041"/>
                    </a:lnTo>
                    <a:lnTo>
                      <a:pt x="443" y="1038"/>
                    </a:lnTo>
                    <a:lnTo>
                      <a:pt x="429" y="1038"/>
                    </a:lnTo>
                    <a:lnTo>
                      <a:pt x="420" y="1037"/>
                    </a:lnTo>
                    <a:lnTo>
                      <a:pt x="414" y="1036"/>
                    </a:lnTo>
                    <a:lnTo>
                      <a:pt x="410" y="1032"/>
                    </a:lnTo>
                    <a:lnTo>
                      <a:pt x="408" y="1028"/>
                    </a:lnTo>
                    <a:lnTo>
                      <a:pt x="408" y="1024"/>
                    </a:lnTo>
                    <a:lnTo>
                      <a:pt x="408" y="1020"/>
                    </a:lnTo>
                    <a:lnTo>
                      <a:pt x="407" y="1017"/>
                    </a:lnTo>
                    <a:lnTo>
                      <a:pt x="404" y="1015"/>
                    </a:lnTo>
                    <a:lnTo>
                      <a:pt x="399" y="1014"/>
                    </a:lnTo>
                    <a:lnTo>
                      <a:pt x="394" y="1014"/>
                    </a:lnTo>
                    <a:lnTo>
                      <a:pt x="389" y="1014"/>
                    </a:lnTo>
                    <a:lnTo>
                      <a:pt x="384" y="1015"/>
                    </a:lnTo>
                    <a:lnTo>
                      <a:pt x="373" y="1017"/>
                    </a:lnTo>
                    <a:lnTo>
                      <a:pt x="363" y="1019"/>
                    </a:lnTo>
                    <a:lnTo>
                      <a:pt x="354" y="1020"/>
                    </a:lnTo>
                    <a:lnTo>
                      <a:pt x="344" y="1020"/>
                    </a:lnTo>
                    <a:lnTo>
                      <a:pt x="340" y="1017"/>
                    </a:lnTo>
                    <a:lnTo>
                      <a:pt x="336" y="1015"/>
                    </a:lnTo>
                    <a:lnTo>
                      <a:pt x="332" y="1010"/>
                    </a:lnTo>
                    <a:lnTo>
                      <a:pt x="329" y="1004"/>
                    </a:lnTo>
                    <a:lnTo>
                      <a:pt x="325" y="993"/>
                    </a:lnTo>
                    <a:lnTo>
                      <a:pt x="323" y="980"/>
                    </a:lnTo>
                    <a:lnTo>
                      <a:pt x="322" y="966"/>
                    </a:lnTo>
                    <a:lnTo>
                      <a:pt x="320" y="951"/>
                    </a:lnTo>
                    <a:lnTo>
                      <a:pt x="318" y="938"/>
                    </a:lnTo>
                    <a:lnTo>
                      <a:pt x="314" y="928"/>
                    </a:lnTo>
                    <a:lnTo>
                      <a:pt x="311" y="923"/>
                    </a:lnTo>
                    <a:lnTo>
                      <a:pt x="307" y="920"/>
                    </a:lnTo>
                    <a:lnTo>
                      <a:pt x="303" y="918"/>
                    </a:lnTo>
                    <a:lnTo>
                      <a:pt x="298" y="915"/>
                    </a:lnTo>
                    <a:lnTo>
                      <a:pt x="279" y="915"/>
                    </a:lnTo>
                    <a:lnTo>
                      <a:pt x="263" y="915"/>
                    </a:lnTo>
                    <a:lnTo>
                      <a:pt x="257" y="915"/>
                    </a:lnTo>
                    <a:lnTo>
                      <a:pt x="252" y="914"/>
                    </a:lnTo>
                    <a:lnTo>
                      <a:pt x="246" y="912"/>
                    </a:lnTo>
                    <a:lnTo>
                      <a:pt x="241" y="910"/>
                    </a:lnTo>
                    <a:lnTo>
                      <a:pt x="237" y="907"/>
                    </a:lnTo>
                    <a:lnTo>
                      <a:pt x="233" y="903"/>
                    </a:lnTo>
                    <a:lnTo>
                      <a:pt x="231" y="898"/>
                    </a:lnTo>
                    <a:lnTo>
                      <a:pt x="227" y="893"/>
                    </a:lnTo>
                    <a:lnTo>
                      <a:pt x="221" y="877"/>
                    </a:lnTo>
                    <a:lnTo>
                      <a:pt x="214" y="858"/>
                    </a:lnTo>
                    <a:lnTo>
                      <a:pt x="210" y="848"/>
                    </a:lnTo>
                    <a:lnTo>
                      <a:pt x="206" y="841"/>
                    </a:lnTo>
                    <a:lnTo>
                      <a:pt x="202" y="839"/>
                    </a:lnTo>
                    <a:lnTo>
                      <a:pt x="199" y="836"/>
                    </a:lnTo>
                    <a:lnTo>
                      <a:pt x="193" y="837"/>
                    </a:lnTo>
                    <a:lnTo>
                      <a:pt x="189" y="840"/>
                    </a:lnTo>
                    <a:lnTo>
                      <a:pt x="186" y="844"/>
                    </a:lnTo>
                    <a:lnTo>
                      <a:pt x="182" y="849"/>
                    </a:lnTo>
                    <a:lnTo>
                      <a:pt x="173" y="861"/>
                    </a:lnTo>
                    <a:lnTo>
                      <a:pt x="165" y="874"/>
                    </a:lnTo>
                    <a:lnTo>
                      <a:pt x="161" y="880"/>
                    </a:lnTo>
                    <a:lnTo>
                      <a:pt x="156" y="884"/>
                    </a:lnTo>
                    <a:lnTo>
                      <a:pt x="153" y="888"/>
                    </a:lnTo>
                    <a:lnTo>
                      <a:pt x="149" y="890"/>
                    </a:lnTo>
                    <a:lnTo>
                      <a:pt x="144" y="892"/>
                    </a:lnTo>
                    <a:lnTo>
                      <a:pt x="140" y="893"/>
                    </a:lnTo>
                    <a:lnTo>
                      <a:pt x="136" y="893"/>
                    </a:lnTo>
                    <a:lnTo>
                      <a:pt x="132" y="892"/>
                    </a:lnTo>
                    <a:lnTo>
                      <a:pt x="126" y="888"/>
                    </a:lnTo>
                    <a:lnTo>
                      <a:pt x="119" y="883"/>
                    </a:lnTo>
                    <a:lnTo>
                      <a:pt x="113" y="876"/>
                    </a:lnTo>
                    <a:lnTo>
                      <a:pt x="107" y="871"/>
                    </a:lnTo>
                    <a:lnTo>
                      <a:pt x="99" y="865"/>
                    </a:lnTo>
                    <a:lnTo>
                      <a:pt x="92" y="861"/>
                    </a:lnTo>
                    <a:lnTo>
                      <a:pt x="86" y="858"/>
                    </a:lnTo>
                    <a:lnTo>
                      <a:pt x="82" y="854"/>
                    </a:lnTo>
                    <a:lnTo>
                      <a:pt x="79" y="850"/>
                    </a:lnTo>
                    <a:lnTo>
                      <a:pt x="77" y="846"/>
                    </a:lnTo>
                    <a:lnTo>
                      <a:pt x="75" y="837"/>
                    </a:lnTo>
                    <a:lnTo>
                      <a:pt x="77" y="826"/>
                    </a:lnTo>
                    <a:lnTo>
                      <a:pt x="78" y="815"/>
                    </a:lnTo>
                    <a:lnTo>
                      <a:pt x="78" y="804"/>
                    </a:lnTo>
                    <a:lnTo>
                      <a:pt x="78" y="798"/>
                    </a:lnTo>
                    <a:lnTo>
                      <a:pt x="78" y="793"/>
                    </a:lnTo>
                    <a:lnTo>
                      <a:pt x="75" y="788"/>
                    </a:lnTo>
                    <a:lnTo>
                      <a:pt x="73" y="784"/>
                    </a:lnTo>
                    <a:lnTo>
                      <a:pt x="69" y="779"/>
                    </a:lnTo>
                    <a:lnTo>
                      <a:pt x="65" y="775"/>
                    </a:lnTo>
                    <a:lnTo>
                      <a:pt x="60" y="771"/>
                    </a:lnTo>
                    <a:lnTo>
                      <a:pt x="56" y="769"/>
                    </a:lnTo>
                    <a:lnTo>
                      <a:pt x="47" y="766"/>
                    </a:lnTo>
                    <a:lnTo>
                      <a:pt x="38" y="763"/>
                    </a:lnTo>
                    <a:lnTo>
                      <a:pt x="29" y="763"/>
                    </a:lnTo>
                    <a:lnTo>
                      <a:pt x="18" y="762"/>
                    </a:lnTo>
                    <a:lnTo>
                      <a:pt x="9" y="760"/>
                    </a:lnTo>
                    <a:lnTo>
                      <a:pt x="0" y="756"/>
                    </a:lnTo>
                    <a:lnTo>
                      <a:pt x="2" y="749"/>
                    </a:lnTo>
                    <a:lnTo>
                      <a:pt x="4" y="745"/>
                    </a:lnTo>
                    <a:lnTo>
                      <a:pt x="8" y="743"/>
                    </a:lnTo>
                    <a:lnTo>
                      <a:pt x="13" y="740"/>
                    </a:lnTo>
                    <a:lnTo>
                      <a:pt x="20" y="739"/>
                    </a:lnTo>
                    <a:lnTo>
                      <a:pt x="28" y="738"/>
                    </a:lnTo>
                    <a:lnTo>
                      <a:pt x="35" y="739"/>
                    </a:lnTo>
                    <a:lnTo>
                      <a:pt x="43" y="739"/>
                    </a:lnTo>
                    <a:lnTo>
                      <a:pt x="75" y="744"/>
                    </a:lnTo>
                    <a:lnTo>
                      <a:pt x="96" y="748"/>
                    </a:lnTo>
                    <a:lnTo>
                      <a:pt x="108" y="745"/>
                    </a:lnTo>
                    <a:lnTo>
                      <a:pt x="117" y="743"/>
                    </a:lnTo>
                    <a:lnTo>
                      <a:pt x="123" y="740"/>
                    </a:lnTo>
                    <a:lnTo>
                      <a:pt x="127" y="736"/>
                    </a:lnTo>
                    <a:lnTo>
                      <a:pt x="127" y="732"/>
                    </a:lnTo>
                    <a:lnTo>
                      <a:pt x="126" y="727"/>
                    </a:lnTo>
                    <a:lnTo>
                      <a:pt x="123" y="722"/>
                    </a:lnTo>
                    <a:lnTo>
                      <a:pt x="119" y="718"/>
                    </a:lnTo>
                    <a:lnTo>
                      <a:pt x="108" y="708"/>
                    </a:lnTo>
                    <a:lnTo>
                      <a:pt x="94" y="699"/>
                    </a:lnTo>
                    <a:lnTo>
                      <a:pt x="82" y="691"/>
                    </a:lnTo>
                    <a:lnTo>
                      <a:pt x="72" y="686"/>
                    </a:lnTo>
                    <a:lnTo>
                      <a:pt x="73" y="681"/>
                    </a:lnTo>
                    <a:lnTo>
                      <a:pt x="75" y="678"/>
                    </a:lnTo>
                    <a:lnTo>
                      <a:pt x="79" y="675"/>
                    </a:lnTo>
                    <a:lnTo>
                      <a:pt x="83" y="673"/>
                    </a:lnTo>
                    <a:lnTo>
                      <a:pt x="92" y="668"/>
                    </a:lnTo>
                    <a:lnTo>
                      <a:pt x="99" y="665"/>
                    </a:lnTo>
                    <a:lnTo>
                      <a:pt x="108" y="655"/>
                    </a:lnTo>
                    <a:lnTo>
                      <a:pt x="116" y="647"/>
                    </a:lnTo>
                    <a:lnTo>
                      <a:pt x="119" y="657"/>
                    </a:lnTo>
                    <a:lnTo>
                      <a:pt x="130" y="670"/>
                    </a:lnTo>
                    <a:lnTo>
                      <a:pt x="142" y="687"/>
                    </a:lnTo>
                    <a:lnTo>
                      <a:pt x="156" y="701"/>
                    </a:lnTo>
                    <a:lnTo>
                      <a:pt x="162" y="706"/>
                    </a:lnTo>
                    <a:lnTo>
                      <a:pt x="169" y="712"/>
                    </a:lnTo>
                    <a:lnTo>
                      <a:pt x="175" y="714"/>
                    </a:lnTo>
                    <a:lnTo>
                      <a:pt x="180" y="716"/>
                    </a:lnTo>
                    <a:lnTo>
                      <a:pt x="183" y="714"/>
                    </a:lnTo>
                    <a:lnTo>
                      <a:pt x="184" y="713"/>
                    </a:lnTo>
                    <a:lnTo>
                      <a:pt x="187" y="712"/>
                    </a:lnTo>
                    <a:lnTo>
                      <a:pt x="188" y="709"/>
                    </a:lnTo>
                    <a:lnTo>
                      <a:pt x="191" y="701"/>
                    </a:lnTo>
                    <a:lnTo>
                      <a:pt x="191" y="691"/>
                    </a:lnTo>
                    <a:lnTo>
                      <a:pt x="184" y="687"/>
                    </a:lnTo>
                    <a:lnTo>
                      <a:pt x="174" y="679"/>
                    </a:lnTo>
                    <a:lnTo>
                      <a:pt x="165" y="670"/>
                    </a:lnTo>
                    <a:lnTo>
                      <a:pt x="158" y="664"/>
                    </a:lnTo>
                    <a:lnTo>
                      <a:pt x="158" y="660"/>
                    </a:lnTo>
                    <a:lnTo>
                      <a:pt x="161" y="653"/>
                    </a:lnTo>
                    <a:lnTo>
                      <a:pt x="165" y="648"/>
                    </a:lnTo>
                    <a:lnTo>
                      <a:pt x="169" y="642"/>
                    </a:lnTo>
                    <a:lnTo>
                      <a:pt x="174" y="637"/>
                    </a:lnTo>
                    <a:lnTo>
                      <a:pt x="176" y="631"/>
                    </a:lnTo>
                    <a:lnTo>
                      <a:pt x="176" y="630"/>
                    </a:lnTo>
                    <a:lnTo>
                      <a:pt x="176" y="627"/>
                    </a:lnTo>
                    <a:lnTo>
                      <a:pt x="175" y="626"/>
                    </a:lnTo>
                    <a:lnTo>
                      <a:pt x="174" y="625"/>
                    </a:lnTo>
                    <a:lnTo>
                      <a:pt x="160" y="624"/>
                    </a:lnTo>
                    <a:lnTo>
                      <a:pt x="140" y="624"/>
                    </a:lnTo>
                    <a:lnTo>
                      <a:pt x="117" y="625"/>
                    </a:lnTo>
                    <a:lnTo>
                      <a:pt x="92" y="625"/>
                    </a:lnTo>
                    <a:lnTo>
                      <a:pt x="81" y="625"/>
                    </a:lnTo>
                    <a:lnTo>
                      <a:pt x="69" y="625"/>
                    </a:lnTo>
                    <a:lnTo>
                      <a:pt x="60" y="624"/>
                    </a:lnTo>
                    <a:lnTo>
                      <a:pt x="51" y="621"/>
                    </a:lnTo>
                    <a:lnTo>
                      <a:pt x="44" y="618"/>
                    </a:lnTo>
                    <a:lnTo>
                      <a:pt x="39" y="615"/>
                    </a:lnTo>
                    <a:lnTo>
                      <a:pt x="38" y="612"/>
                    </a:lnTo>
                    <a:lnTo>
                      <a:pt x="37" y="609"/>
                    </a:lnTo>
                    <a:lnTo>
                      <a:pt x="37" y="605"/>
                    </a:lnTo>
                    <a:lnTo>
                      <a:pt x="38" y="603"/>
                    </a:lnTo>
                    <a:lnTo>
                      <a:pt x="42" y="586"/>
                    </a:lnTo>
                    <a:lnTo>
                      <a:pt x="51" y="560"/>
                    </a:lnTo>
                    <a:lnTo>
                      <a:pt x="61" y="536"/>
                    </a:lnTo>
                    <a:lnTo>
                      <a:pt x="68" y="524"/>
                    </a:lnTo>
                    <a:lnTo>
                      <a:pt x="77" y="520"/>
                    </a:lnTo>
                    <a:lnTo>
                      <a:pt x="90" y="515"/>
                    </a:lnTo>
                    <a:lnTo>
                      <a:pt x="107" y="511"/>
                    </a:lnTo>
                    <a:lnTo>
                      <a:pt x="125" y="508"/>
                    </a:lnTo>
                    <a:lnTo>
                      <a:pt x="143" y="506"/>
                    </a:lnTo>
                    <a:lnTo>
                      <a:pt x="160" y="503"/>
                    </a:lnTo>
                    <a:lnTo>
                      <a:pt x="174" y="502"/>
                    </a:lnTo>
                    <a:lnTo>
                      <a:pt x="184" y="503"/>
                    </a:lnTo>
                    <a:lnTo>
                      <a:pt x="193" y="506"/>
                    </a:lnTo>
                    <a:lnTo>
                      <a:pt x="204" y="508"/>
                    </a:lnTo>
                    <a:lnTo>
                      <a:pt x="213" y="512"/>
                    </a:lnTo>
                    <a:lnTo>
                      <a:pt x="222" y="517"/>
                    </a:lnTo>
                    <a:lnTo>
                      <a:pt x="231" y="521"/>
                    </a:lnTo>
                    <a:lnTo>
                      <a:pt x="240" y="524"/>
                    </a:lnTo>
                    <a:lnTo>
                      <a:pt x="250" y="526"/>
                    </a:lnTo>
                    <a:lnTo>
                      <a:pt x="262" y="526"/>
                    </a:lnTo>
                    <a:lnTo>
                      <a:pt x="271" y="525"/>
                    </a:lnTo>
                    <a:lnTo>
                      <a:pt x="281" y="523"/>
                    </a:lnTo>
                    <a:lnTo>
                      <a:pt x="292" y="519"/>
                    </a:lnTo>
                    <a:lnTo>
                      <a:pt x="301" y="515"/>
                    </a:lnTo>
                    <a:lnTo>
                      <a:pt x="311" y="511"/>
                    </a:lnTo>
                    <a:lnTo>
                      <a:pt x="320" y="508"/>
                    </a:lnTo>
                    <a:lnTo>
                      <a:pt x="331" y="507"/>
                    </a:lnTo>
                    <a:lnTo>
                      <a:pt x="340" y="507"/>
                    </a:lnTo>
                    <a:lnTo>
                      <a:pt x="341" y="526"/>
                    </a:lnTo>
                    <a:lnTo>
                      <a:pt x="341" y="545"/>
                    </a:lnTo>
                    <a:lnTo>
                      <a:pt x="342" y="554"/>
                    </a:lnTo>
                    <a:lnTo>
                      <a:pt x="346" y="561"/>
                    </a:lnTo>
                    <a:lnTo>
                      <a:pt x="349" y="565"/>
                    </a:lnTo>
                    <a:lnTo>
                      <a:pt x="351" y="569"/>
                    </a:lnTo>
                    <a:lnTo>
                      <a:pt x="355" y="572"/>
                    </a:lnTo>
                    <a:lnTo>
                      <a:pt x="360" y="576"/>
                    </a:lnTo>
                    <a:lnTo>
                      <a:pt x="366" y="578"/>
                    </a:lnTo>
                    <a:lnTo>
                      <a:pt x="370" y="578"/>
                    </a:lnTo>
                    <a:lnTo>
                      <a:pt x="372" y="578"/>
                    </a:lnTo>
                    <a:lnTo>
                      <a:pt x="376" y="578"/>
                    </a:lnTo>
                    <a:lnTo>
                      <a:pt x="382" y="574"/>
                    </a:lnTo>
                    <a:lnTo>
                      <a:pt x="388" y="569"/>
                    </a:lnTo>
                    <a:lnTo>
                      <a:pt x="393" y="564"/>
                    </a:lnTo>
                    <a:lnTo>
                      <a:pt x="398" y="559"/>
                    </a:lnTo>
                    <a:lnTo>
                      <a:pt x="403" y="555"/>
                    </a:lnTo>
                    <a:lnTo>
                      <a:pt x="408" y="554"/>
                    </a:lnTo>
                    <a:lnTo>
                      <a:pt x="414" y="555"/>
                    </a:lnTo>
                    <a:lnTo>
                      <a:pt x="417" y="558"/>
                    </a:lnTo>
                    <a:lnTo>
                      <a:pt x="421" y="560"/>
                    </a:lnTo>
                    <a:lnTo>
                      <a:pt x="427" y="564"/>
                    </a:lnTo>
                    <a:lnTo>
                      <a:pt x="430" y="567"/>
                    </a:lnTo>
                    <a:lnTo>
                      <a:pt x="434" y="569"/>
                    </a:lnTo>
                    <a:lnTo>
                      <a:pt x="439" y="570"/>
                    </a:lnTo>
                    <a:lnTo>
                      <a:pt x="445" y="570"/>
                    </a:lnTo>
                    <a:lnTo>
                      <a:pt x="450" y="569"/>
                    </a:lnTo>
                    <a:lnTo>
                      <a:pt x="454" y="567"/>
                    </a:lnTo>
                    <a:lnTo>
                      <a:pt x="456" y="564"/>
                    </a:lnTo>
                    <a:lnTo>
                      <a:pt x="459" y="561"/>
                    </a:lnTo>
                    <a:lnTo>
                      <a:pt x="461" y="554"/>
                    </a:lnTo>
                    <a:lnTo>
                      <a:pt x="463" y="546"/>
                    </a:lnTo>
                    <a:lnTo>
                      <a:pt x="463" y="528"/>
                    </a:lnTo>
                    <a:lnTo>
                      <a:pt x="463" y="512"/>
                    </a:lnTo>
                    <a:lnTo>
                      <a:pt x="465" y="510"/>
                    </a:lnTo>
                    <a:lnTo>
                      <a:pt x="473" y="507"/>
                    </a:lnTo>
                    <a:lnTo>
                      <a:pt x="482" y="504"/>
                    </a:lnTo>
                    <a:lnTo>
                      <a:pt x="494" y="503"/>
                    </a:lnTo>
                    <a:lnTo>
                      <a:pt x="507" y="502"/>
                    </a:lnTo>
                    <a:lnTo>
                      <a:pt x="517" y="501"/>
                    </a:lnTo>
                    <a:lnTo>
                      <a:pt x="525" y="502"/>
                    </a:lnTo>
                    <a:lnTo>
                      <a:pt x="530" y="503"/>
                    </a:lnTo>
                    <a:lnTo>
                      <a:pt x="544" y="517"/>
                    </a:lnTo>
                    <a:lnTo>
                      <a:pt x="555" y="525"/>
                    </a:lnTo>
                    <a:lnTo>
                      <a:pt x="559" y="526"/>
                    </a:lnTo>
                    <a:lnTo>
                      <a:pt x="561" y="528"/>
                    </a:lnTo>
                    <a:lnTo>
                      <a:pt x="564" y="528"/>
                    </a:lnTo>
                    <a:lnTo>
                      <a:pt x="568" y="528"/>
                    </a:lnTo>
                    <a:lnTo>
                      <a:pt x="574" y="525"/>
                    </a:lnTo>
                    <a:lnTo>
                      <a:pt x="582" y="523"/>
                    </a:lnTo>
                    <a:lnTo>
                      <a:pt x="595" y="521"/>
                    </a:lnTo>
                    <a:lnTo>
                      <a:pt x="613" y="521"/>
                    </a:lnTo>
                    <a:lnTo>
                      <a:pt x="620" y="528"/>
                    </a:lnTo>
                    <a:lnTo>
                      <a:pt x="626" y="534"/>
                    </a:lnTo>
                    <a:lnTo>
                      <a:pt x="631" y="542"/>
                    </a:lnTo>
                    <a:lnTo>
                      <a:pt x="635" y="550"/>
                    </a:lnTo>
                    <a:lnTo>
                      <a:pt x="639" y="559"/>
                    </a:lnTo>
                    <a:lnTo>
                      <a:pt x="640" y="568"/>
                    </a:lnTo>
                    <a:lnTo>
                      <a:pt x="642" y="576"/>
                    </a:lnTo>
                    <a:lnTo>
                      <a:pt x="640" y="585"/>
                    </a:lnTo>
                    <a:lnTo>
                      <a:pt x="639" y="598"/>
                    </a:lnTo>
                    <a:lnTo>
                      <a:pt x="639" y="607"/>
                    </a:lnTo>
                    <a:lnTo>
                      <a:pt x="640" y="613"/>
                    </a:lnTo>
                    <a:lnTo>
                      <a:pt x="643" y="618"/>
                    </a:lnTo>
                    <a:lnTo>
                      <a:pt x="647" y="622"/>
                    </a:lnTo>
                    <a:lnTo>
                      <a:pt x="651" y="629"/>
                    </a:lnTo>
                    <a:lnTo>
                      <a:pt x="655" y="635"/>
                    </a:lnTo>
                    <a:lnTo>
                      <a:pt x="658" y="646"/>
                    </a:lnTo>
                    <a:lnTo>
                      <a:pt x="660" y="659"/>
                    </a:lnTo>
                    <a:lnTo>
                      <a:pt x="660" y="674"/>
                    </a:lnTo>
                    <a:lnTo>
                      <a:pt x="657" y="691"/>
                    </a:lnTo>
                    <a:lnTo>
                      <a:pt x="656" y="709"/>
                    </a:lnTo>
                    <a:lnTo>
                      <a:pt x="655" y="725"/>
                    </a:lnTo>
                    <a:lnTo>
                      <a:pt x="655" y="738"/>
                    </a:lnTo>
                    <a:lnTo>
                      <a:pt x="655" y="741"/>
                    </a:lnTo>
                    <a:lnTo>
                      <a:pt x="657" y="745"/>
                    </a:lnTo>
                    <a:lnTo>
                      <a:pt x="660" y="748"/>
                    </a:lnTo>
                    <a:lnTo>
                      <a:pt x="664" y="749"/>
                    </a:lnTo>
                    <a:lnTo>
                      <a:pt x="671" y="748"/>
                    </a:lnTo>
                    <a:lnTo>
                      <a:pt x="680" y="745"/>
                    </a:lnTo>
                    <a:lnTo>
                      <a:pt x="691" y="743"/>
                    </a:lnTo>
                    <a:lnTo>
                      <a:pt x="701" y="739"/>
                    </a:lnTo>
                    <a:lnTo>
                      <a:pt x="721" y="730"/>
                    </a:lnTo>
                    <a:lnTo>
                      <a:pt x="736" y="722"/>
                    </a:lnTo>
                    <a:lnTo>
                      <a:pt x="750" y="713"/>
                    </a:lnTo>
                    <a:lnTo>
                      <a:pt x="759" y="705"/>
                    </a:lnTo>
                    <a:lnTo>
                      <a:pt x="765" y="700"/>
                    </a:lnTo>
                    <a:lnTo>
                      <a:pt x="767" y="696"/>
                    </a:lnTo>
                    <a:lnTo>
                      <a:pt x="772" y="694"/>
                    </a:lnTo>
                    <a:lnTo>
                      <a:pt x="779" y="691"/>
                    </a:lnTo>
                    <a:lnTo>
                      <a:pt x="792" y="691"/>
                    </a:lnTo>
                    <a:lnTo>
                      <a:pt x="811" y="690"/>
                    </a:lnTo>
                    <a:lnTo>
                      <a:pt x="814" y="691"/>
                    </a:lnTo>
                    <a:lnTo>
                      <a:pt x="815" y="691"/>
                    </a:lnTo>
                    <a:lnTo>
                      <a:pt x="815" y="694"/>
                    </a:lnTo>
                    <a:lnTo>
                      <a:pt x="815" y="695"/>
                    </a:lnTo>
                    <a:lnTo>
                      <a:pt x="814" y="700"/>
                    </a:lnTo>
                    <a:lnTo>
                      <a:pt x="811" y="705"/>
                    </a:lnTo>
                    <a:lnTo>
                      <a:pt x="805" y="718"/>
                    </a:lnTo>
                    <a:lnTo>
                      <a:pt x="801" y="725"/>
                    </a:lnTo>
                    <a:lnTo>
                      <a:pt x="818" y="727"/>
                    </a:lnTo>
                    <a:lnTo>
                      <a:pt x="833" y="729"/>
                    </a:lnTo>
                    <a:lnTo>
                      <a:pt x="848" y="729"/>
                    </a:lnTo>
                    <a:lnTo>
                      <a:pt x="861" y="729"/>
                    </a:lnTo>
                    <a:lnTo>
                      <a:pt x="866" y="730"/>
                    </a:lnTo>
                    <a:lnTo>
                      <a:pt x="871" y="731"/>
                    </a:lnTo>
                    <a:lnTo>
                      <a:pt x="875" y="734"/>
                    </a:lnTo>
                    <a:lnTo>
                      <a:pt x="879" y="736"/>
                    </a:lnTo>
                    <a:lnTo>
                      <a:pt x="881" y="740"/>
                    </a:lnTo>
                    <a:lnTo>
                      <a:pt x="883" y="745"/>
                    </a:lnTo>
                    <a:lnTo>
                      <a:pt x="884" y="752"/>
                    </a:lnTo>
                    <a:lnTo>
                      <a:pt x="885" y="761"/>
                    </a:lnTo>
                    <a:lnTo>
                      <a:pt x="885" y="770"/>
                    </a:lnTo>
                    <a:lnTo>
                      <a:pt x="886" y="779"/>
                    </a:lnTo>
                    <a:lnTo>
                      <a:pt x="888" y="786"/>
                    </a:lnTo>
                    <a:lnTo>
                      <a:pt x="890" y="791"/>
                    </a:lnTo>
                    <a:lnTo>
                      <a:pt x="893" y="795"/>
                    </a:lnTo>
                    <a:lnTo>
                      <a:pt x="895" y="797"/>
                    </a:lnTo>
                    <a:lnTo>
                      <a:pt x="898" y="798"/>
                    </a:lnTo>
                    <a:lnTo>
                      <a:pt x="901" y="798"/>
                    </a:lnTo>
                    <a:lnTo>
                      <a:pt x="905" y="798"/>
                    </a:lnTo>
                    <a:lnTo>
                      <a:pt x="907" y="796"/>
                    </a:lnTo>
                    <a:lnTo>
                      <a:pt x="910" y="793"/>
                    </a:lnTo>
                    <a:lnTo>
                      <a:pt x="912" y="789"/>
                    </a:lnTo>
                    <a:lnTo>
                      <a:pt x="915" y="784"/>
                    </a:lnTo>
                    <a:lnTo>
                      <a:pt x="916" y="779"/>
                    </a:lnTo>
                    <a:lnTo>
                      <a:pt x="918" y="773"/>
                    </a:lnTo>
                    <a:lnTo>
                      <a:pt x="918" y="766"/>
                    </a:lnTo>
                    <a:lnTo>
                      <a:pt x="918" y="756"/>
                    </a:lnTo>
                    <a:lnTo>
                      <a:pt x="918" y="748"/>
                    </a:lnTo>
                    <a:lnTo>
                      <a:pt x="918" y="743"/>
                    </a:lnTo>
                    <a:lnTo>
                      <a:pt x="920" y="739"/>
                    </a:lnTo>
                    <a:lnTo>
                      <a:pt x="923" y="738"/>
                    </a:lnTo>
                    <a:lnTo>
                      <a:pt x="929" y="736"/>
                    </a:lnTo>
                    <a:lnTo>
                      <a:pt x="938" y="736"/>
                    </a:lnTo>
                    <a:lnTo>
                      <a:pt x="950" y="736"/>
                    </a:lnTo>
                    <a:lnTo>
                      <a:pt x="952" y="738"/>
                    </a:lnTo>
                    <a:lnTo>
                      <a:pt x="955" y="744"/>
                    </a:lnTo>
                    <a:lnTo>
                      <a:pt x="958" y="753"/>
                    </a:lnTo>
                    <a:lnTo>
                      <a:pt x="962" y="763"/>
                    </a:lnTo>
                    <a:lnTo>
                      <a:pt x="965" y="775"/>
                    </a:lnTo>
                    <a:lnTo>
                      <a:pt x="971" y="786"/>
                    </a:lnTo>
                    <a:lnTo>
                      <a:pt x="975" y="791"/>
                    </a:lnTo>
                    <a:lnTo>
                      <a:pt x="978" y="796"/>
                    </a:lnTo>
                    <a:lnTo>
                      <a:pt x="984" y="800"/>
                    </a:lnTo>
                    <a:lnTo>
                      <a:pt x="989" y="802"/>
                    </a:lnTo>
                    <a:lnTo>
                      <a:pt x="999" y="808"/>
                    </a:lnTo>
                    <a:lnTo>
                      <a:pt x="1015" y="815"/>
                    </a:lnTo>
                    <a:lnTo>
                      <a:pt x="1034" y="823"/>
                    </a:lnTo>
                    <a:lnTo>
                      <a:pt x="1054" y="828"/>
                    </a:lnTo>
                    <a:lnTo>
                      <a:pt x="1063" y="830"/>
                    </a:lnTo>
                    <a:lnTo>
                      <a:pt x="1070" y="830"/>
                    </a:lnTo>
                    <a:lnTo>
                      <a:pt x="1078" y="828"/>
                    </a:lnTo>
                    <a:lnTo>
                      <a:pt x="1083" y="826"/>
                    </a:lnTo>
                    <a:lnTo>
                      <a:pt x="1085" y="824"/>
                    </a:lnTo>
                    <a:lnTo>
                      <a:pt x="1086" y="822"/>
                    </a:lnTo>
                    <a:lnTo>
                      <a:pt x="1087" y="818"/>
                    </a:lnTo>
                    <a:lnTo>
                      <a:pt x="1087" y="814"/>
                    </a:lnTo>
                    <a:lnTo>
                      <a:pt x="1085" y="805"/>
                    </a:lnTo>
                    <a:lnTo>
                      <a:pt x="1079" y="793"/>
                    </a:lnTo>
                    <a:lnTo>
                      <a:pt x="1072" y="778"/>
                    </a:lnTo>
                    <a:lnTo>
                      <a:pt x="1066" y="763"/>
                    </a:lnTo>
                    <a:lnTo>
                      <a:pt x="1061" y="749"/>
                    </a:lnTo>
                    <a:lnTo>
                      <a:pt x="1057" y="736"/>
                    </a:lnTo>
                    <a:lnTo>
                      <a:pt x="1055" y="725"/>
                    </a:lnTo>
                    <a:lnTo>
                      <a:pt x="1052" y="714"/>
                    </a:lnTo>
                    <a:lnTo>
                      <a:pt x="1051" y="703"/>
                    </a:lnTo>
                    <a:lnTo>
                      <a:pt x="1051" y="692"/>
                    </a:lnTo>
                    <a:lnTo>
                      <a:pt x="1054" y="670"/>
                    </a:lnTo>
                    <a:lnTo>
                      <a:pt x="1056" y="646"/>
                    </a:lnTo>
                    <a:lnTo>
                      <a:pt x="1061" y="617"/>
                    </a:lnTo>
                    <a:lnTo>
                      <a:pt x="1066" y="583"/>
                    </a:lnTo>
                    <a:lnTo>
                      <a:pt x="1068" y="565"/>
                    </a:lnTo>
                    <a:lnTo>
                      <a:pt x="1066" y="551"/>
                    </a:lnTo>
                    <a:lnTo>
                      <a:pt x="1064" y="541"/>
                    </a:lnTo>
                    <a:lnTo>
                      <a:pt x="1060" y="532"/>
                    </a:lnTo>
                    <a:lnTo>
                      <a:pt x="1055" y="523"/>
                    </a:lnTo>
                    <a:lnTo>
                      <a:pt x="1052" y="513"/>
                    </a:lnTo>
                    <a:lnTo>
                      <a:pt x="1048" y="503"/>
                    </a:lnTo>
                    <a:lnTo>
                      <a:pt x="1048" y="490"/>
                    </a:lnTo>
                    <a:lnTo>
                      <a:pt x="1046" y="475"/>
                    </a:lnTo>
                    <a:lnTo>
                      <a:pt x="1042" y="455"/>
                    </a:lnTo>
                    <a:lnTo>
                      <a:pt x="1035" y="434"/>
                    </a:lnTo>
                    <a:lnTo>
                      <a:pt x="1029" y="414"/>
                    </a:lnTo>
                    <a:lnTo>
                      <a:pt x="1025" y="393"/>
                    </a:lnTo>
                    <a:lnTo>
                      <a:pt x="1022" y="375"/>
                    </a:lnTo>
                    <a:lnTo>
                      <a:pt x="1024" y="367"/>
                    </a:lnTo>
                    <a:lnTo>
                      <a:pt x="1025" y="361"/>
                    </a:lnTo>
                    <a:lnTo>
                      <a:pt x="1028" y="354"/>
                    </a:lnTo>
                    <a:lnTo>
                      <a:pt x="1032" y="349"/>
                    </a:lnTo>
                    <a:lnTo>
                      <a:pt x="1042" y="341"/>
                    </a:lnTo>
                    <a:lnTo>
                      <a:pt x="1048" y="333"/>
                    </a:lnTo>
                    <a:lnTo>
                      <a:pt x="1052" y="327"/>
                    </a:lnTo>
                    <a:lnTo>
                      <a:pt x="1054" y="320"/>
                    </a:lnTo>
                    <a:lnTo>
                      <a:pt x="1052" y="314"/>
                    </a:lnTo>
                    <a:lnTo>
                      <a:pt x="1050" y="309"/>
                    </a:lnTo>
                    <a:lnTo>
                      <a:pt x="1046" y="302"/>
                    </a:lnTo>
                    <a:lnTo>
                      <a:pt x="1041" y="297"/>
                    </a:lnTo>
                    <a:lnTo>
                      <a:pt x="1028" y="287"/>
                    </a:lnTo>
                    <a:lnTo>
                      <a:pt x="1016" y="276"/>
                    </a:lnTo>
                    <a:lnTo>
                      <a:pt x="1011" y="270"/>
                    </a:lnTo>
                    <a:lnTo>
                      <a:pt x="1006" y="265"/>
                    </a:lnTo>
                    <a:lnTo>
                      <a:pt x="1003" y="257"/>
                    </a:lnTo>
                    <a:lnTo>
                      <a:pt x="1002" y="251"/>
                    </a:lnTo>
                    <a:lnTo>
                      <a:pt x="1009" y="249"/>
                    </a:lnTo>
                    <a:lnTo>
                      <a:pt x="1017" y="249"/>
                    </a:lnTo>
                    <a:lnTo>
                      <a:pt x="1025" y="249"/>
                    </a:lnTo>
                    <a:lnTo>
                      <a:pt x="1034" y="252"/>
                    </a:lnTo>
                    <a:lnTo>
                      <a:pt x="1052" y="257"/>
                    </a:lnTo>
                    <a:lnTo>
                      <a:pt x="1070" y="265"/>
                    </a:lnTo>
                    <a:lnTo>
                      <a:pt x="1105" y="283"/>
                    </a:lnTo>
                    <a:lnTo>
                      <a:pt x="1135" y="296"/>
                    </a:lnTo>
                    <a:lnTo>
                      <a:pt x="1155" y="300"/>
                    </a:lnTo>
                    <a:lnTo>
                      <a:pt x="1180" y="304"/>
                    </a:lnTo>
                    <a:lnTo>
                      <a:pt x="1209" y="308"/>
                    </a:lnTo>
                    <a:lnTo>
                      <a:pt x="1235" y="315"/>
                    </a:lnTo>
                    <a:lnTo>
                      <a:pt x="1247" y="319"/>
                    </a:lnTo>
                    <a:lnTo>
                      <a:pt x="1256" y="326"/>
                    </a:lnTo>
                    <a:lnTo>
                      <a:pt x="1260" y="328"/>
                    </a:lnTo>
                    <a:lnTo>
                      <a:pt x="1262" y="332"/>
                    </a:lnTo>
                    <a:lnTo>
                      <a:pt x="1263" y="336"/>
                    </a:lnTo>
                    <a:lnTo>
                      <a:pt x="1265" y="340"/>
                    </a:lnTo>
                    <a:lnTo>
                      <a:pt x="1266" y="345"/>
                    </a:lnTo>
                    <a:lnTo>
                      <a:pt x="1265" y="349"/>
                    </a:lnTo>
                    <a:lnTo>
                      <a:pt x="1263" y="355"/>
                    </a:lnTo>
                    <a:lnTo>
                      <a:pt x="1260" y="361"/>
                    </a:lnTo>
                    <a:lnTo>
                      <a:pt x="1256" y="367"/>
                    </a:lnTo>
                    <a:lnTo>
                      <a:pt x="1250" y="374"/>
                    </a:lnTo>
                    <a:lnTo>
                      <a:pt x="1244" y="381"/>
                    </a:lnTo>
                    <a:lnTo>
                      <a:pt x="1236" y="388"/>
                    </a:lnTo>
                    <a:lnTo>
                      <a:pt x="1230" y="394"/>
                    </a:lnTo>
                    <a:lnTo>
                      <a:pt x="1226" y="401"/>
                    </a:lnTo>
                    <a:lnTo>
                      <a:pt x="1223" y="406"/>
                    </a:lnTo>
                    <a:lnTo>
                      <a:pt x="1223" y="412"/>
                    </a:lnTo>
                    <a:lnTo>
                      <a:pt x="1223" y="418"/>
                    </a:lnTo>
                    <a:lnTo>
                      <a:pt x="1225" y="423"/>
                    </a:lnTo>
                    <a:lnTo>
                      <a:pt x="1227" y="428"/>
                    </a:lnTo>
                    <a:lnTo>
                      <a:pt x="1230" y="432"/>
                    </a:lnTo>
                    <a:lnTo>
                      <a:pt x="1236" y="442"/>
                    </a:lnTo>
                    <a:lnTo>
                      <a:pt x="1240" y="453"/>
                    </a:lnTo>
                    <a:lnTo>
                      <a:pt x="1241" y="456"/>
                    </a:lnTo>
                    <a:lnTo>
                      <a:pt x="1241" y="462"/>
                    </a:lnTo>
                    <a:lnTo>
                      <a:pt x="1239" y="468"/>
                    </a:lnTo>
                    <a:lnTo>
                      <a:pt x="1236" y="473"/>
                    </a:lnTo>
                    <a:lnTo>
                      <a:pt x="1228" y="484"/>
                    </a:lnTo>
                    <a:lnTo>
                      <a:pt x="1225" y="491"/>
                    </a:lnTo>
                    <a:lnTo>
                      <a:pt x="1223" y="499"/>
                    </a:lnTo>
                    <a:lnTo>
                      <a:pt x="1225" y="504"/>
                    </a:lnTo>
                    <a:lnTo>
                      <a:pt x="1227" y="510"/>
                    </a:lnTo>
                    <a:lnTo>
                      <a:pt x="1232" y="512"/>
                    </a:lnTo>
                    <a:lnTo>
                      <a:pt x="1239" y="515"/>
                    </a:lnTo>
                    <a:lnTo>
                      <a:pt x="1248" y="516"/>
                    </a:lnTo>
                    <a:lnTo>
                      <a:pt x="1266" y="516"/>
                    </a:lnTo>
                    <a:lnTo>
                      <a:pt x="1285" y="515"/>
                    </a:lnTo>
                    <a:lnTo>
                      <a:pt x="1302" y="512"/>
                    </a:lnTo>
                    <a:lnTo>
                      <a:pt x="1317" y="510"/>
                    </a:lnTo>
                    <a:lnTo>
                      <a:pt x="1329" y="511"/>
                    </a:lnTo>
                    <a:lnTo>
                      <a:pt x="1344" y="516"/>
                    </a:lnTo>
                    <a:lnTo>
                      <a:pt x="1359" y="521"/>
                    </a:lnTo>
                    <a:lnTo>
                      <a:pt x="1376" y="529"/>
                    </a:lnTo>
                    <a:lnTo>
                      <a:pt x="1410" y="545"/>
                    </a:lnTo>
                    <a:lnTo>
                      <a:pt x="1436" y="558"/>
                    </a:lnTo>
                    <a:lnTo>
                      <a:pt x="1441" y="560"/>
                    </a:lnTo>
                    <a:lnTo>
                      <a:pt x="1445" y="564"/>
                    </a:lnTo>
                    <a:lnTo>
                      <a:pt x="1449" y="568"/>
                    </a:lnTo>
                    <a:lnTo>
                      <a:pt x="1451" y="573"/>
                    </a:lnTo>
                    <a:lnTo>
                      <a:pt x="1456" y="582"/>
                    </a:lnTo>
                    <a:lnTo>
                      <a:pt x="1460" y="594"/>
                    </a:lnTo>
                    <a:lnTo>
                      <a:pt x="1463" y="603"/>
                    </a:lnTo>
                    <a:lnTo>
                      <a:pt x="1467" y="612"/>
                    </a:lnTo>
                    <a:lnTo>
                      <a:pt x="1468" y="615"/>
                    </a:lnTo>
                    <a:lnTo>
                      <a:pt x="1471" y="617"/>
                    </a:lnTo>
                    <a:lnTo>
                      <a:pt x="1473" y="618"/>
                    </a:lnTo>
                    <a:lnTo>
                      <a:pt x="1476" y="618"/>
                    </a:lnTo>
                    <a:lnTo>
                      <a:pt x="1696" y="612"/>
                    </a:lnTo>
                    <a:lnTo>
                      <a:pt x="1717" y="612"/>
                    </a:lnTo>
                    <a:lnTo>
                      <a:pt x="1748" y="615"/>
                    </a:lnTo>
                    <a:lnTo>
                      <a:pt x="1765" y="615"/>
                    </a:lnTo>
                    <a:lnTo>
                      <a:pt x="1779" y="615"/>
                    </a:lnTo>
                    <a:lnTo>
                      <a:pt x="1784" y="615"/>
                    </a:lnTo>
                    <a:lnTo>
                      <a:pt x="1789" y="613"/>
                    </a:lnTo>
                    <a:lnTo>
                      <a:pt x="1792" y="612"/>
                    </a:lnTo>
                    <a:lnTo>
                      <a:pt x="1793" y="611"/>
                    </a:lnTo>
                    <a:lnTo>
                      <a:pt x="1792" y="611"/>
                    </a:lnTo>
                    <a:lnTo>
                      <a:pt x="1792" y="609"/>
                    </a:lnTo>
                    <a:lnTo>
                      <a:pt x="1774" y="604"/>
                    </a:lnTo>
                    <a:lnTo>
                      <a:pt x="1745" y="596"/>
                    </a:lnTo>
                    <a:lnTo>
                      <a:pt x="1709" y="585"/>
                    </a:lnTo>
                    <a:lnTo>
                      <a:pt x="1673" y="570"/>
                    </a:lnTo>
                    <a:lnTo>
                      <a:pt x="1656" y="561"/>
                    </a:lnTo>
                    <a:lnTo>
                      <a:pt x="1642" y="554"/>
                    </a:lnTo>
                    <a:lnTo>
                      <a:pt x="1629" y="545"/>
                    </a:lnTo>
                    <a:lnTo>
                      <a:pt x="1620" y="534"/>
                    </a:lnTo>
                    <a:lnTo>
                      <a:pt x="1616" y="529"/>
                    </a:lnTo>
                    <a:lnTo>
                      <a:pt x="1613" y="524"/>
                    </a:lnTo>
                    <a:lnTo>
                      <a:pt x="1612" y="519"/>
                    </a:lnTo>
                    <a:lnTo>
                      <a:pt x="1612" y="513"/>
                    </a:lnTo>
                    <a:lnTo>
                      <a:pt x="1613" y="508"/>
                    </a:lnTo>
                    <a:lnTo>
                      <a:pt x="1616" y="503"/>
                    </a:lnTo>
                    <a:lnTo>
                      <a:pt x="1620" y="498"/>
                    </a:lnTo>
                    <a:lnTo>
                      <a:pt x="1625" y="491"/>
                    </a:lnTo>
                    <a:lnTo>
                      <a:pt x="1639" y="481"/>
                    </a:lnTo>
                    <a:lnTo>
                      <a:pt x="1655" y="472"/>
                    </a:lnTo>
                    <a:lnTo>
                      <a:pt x="1671" y="463"/>
                    </a:lnTo>
                    <a:lnTo>
                      <a:pt x="1690" y="456"/>
                    </a:lnTo>
                    <a:lnTo>
                      <a:pt x="1709" y="451"/>
                    </a:lnTo>
                    <a:lnTo>
                      <a:pt x="1730" y="446"/>
                    </a:lnTo>
                    <a:lnTo>
                      <a:pt x="1751" y="442"/>
                    </a:lnTo>
                    <a:lnTo>
                      <a:pt x="1773" y="440"/>
                    </a:lnTo>
                    <a:lnTo>
                      <a:pt x="1815" y="434"/>
                    </a:lnTo>
                    <a:lnTo>
                      <a:pt x="1858" y="431"/>
                    </a:lnTo>
                    <a:lnTo>
                      <a:pt x="1879" y="428"/>
                    </a:lnTo>
                    <a:lnTo>
                      <a:pt x="1898" y="425"/>
                    </a:lnTo>
                    <a:lnTo>
                      <a:pt x="1918" y="422"/>
                    </a:lnTo>
                    <a:lnTo>
                      <a:pt x="1934" y="418"/>
                    </a:lnTo>
                    <a:lnTo>
                      <a:pt x="2011" y="398"/>
                    </a:lnTo>
                    <a:lnTo>
                      <a:pt x="2034" y="389"/>
                    </a:lnTo>
                    <a:lnTo>
                      <a:pt x="2060" y="380"/>
                    </a:lnTo>
                    <a:lnTo>
                      <a:pt x="2073" y="375"/>
                    </a:lnTo>
                    <a:lnTo>
                      <a:pt x="2085" y="370"/>
                    </a:lnTo>
                    <a:lnTo>
                      <a:pt x="2095" y="363"/>
                    </a:lnTo>
                    <a:lnTo>
                      <a:pt x="2104" y="357"/>
                    </a:lnTo>
                    <a:lnTo>
                      <a:pt x="2112" y="348"/>
                    </a:lnTo>
                    <a:lnTo>
                      <a:pt x="2121" y="339"/>
                    </a:lnTo>
                    <a:lnTo>
                      <a:pt x="2126" y="333"/>
                    </a:lnTo>
                    <a:lnTo>
                      <a:pt x="2131" y="331"/>
                    </a:lnTo>
                    <a:lnTo>
                      <a:pt x="2137" y="328"/>
                    </a:lnTo>
                    <a:lnTo>
                      <a:pt x="2140" y="327"/>
                    </a:lnTo>
                    <a:lnTo>
                      <a:pt x="2155" y="330"/>
                    </a:lnTo>
                    <a:lnTo>
                      <a:pt x="2165" y="328"/>
                    </a:lnTo>
                    <a:lnTo>
                      <a:pt x="2164" y="319"/>
                    </a:lnTo>
                    <a:lnTo>
                      <a:pt x="2160" y="310"/>
                    </a:lnTo>
                    <a:lnTo>
                      <a:pt x="2156" y="302"/>
                    </a:lnTo>
                    <a:lnTo>
                      <a:pt x="2151" y="295"/>
                    </a:lnTo>
                    <a:lnTo>
                      <a:pt x="2147" y="284"/>
                    </a:lnTo>
                    <a:lnTo>
                      <a:pt x="2146" y="274"/>
                    </a:lnTo>
                    <a:lnTo>
                      <a:pt x="2147" y="261"/>
                    </a:lnTo>
                    <a:lnTo>
                      <a:pt x="2150" y="247"/>
                    </a:lnTo>
                    <a:lnTo>
                      <a:pt x="2153" y="232"/>
                    </a:lnTo>
                    <a:lnTo>
                      <a:pt x="2157" y="217"/>
                    </a:lnTo>
                    <a:lnTo>
                      <a:pt x="2164" y="201"/>
                    </a:lnTo>
                    <a:lnTo>
                      <a:pt x="2170" y="184"/>
                    </a:lnTo>
                    <a:lnTo>
                      <a:pt x="2186" y="152"/>
                    </a:lnTo>
                    <a:lnTo>
                      <a:pt x="2200" y="121"/>
                    </a:lnTo>
                    <a:lnTo>
                      <a:pt x="2214" y="95"/>
                    </a:lnTo>
                    <a:lnTo>
                      <a:pt x="2223" y="74"/>
                    </a:lnTo>
                    <a:lnTo>
                      <a:pt x="2229" y="64"/>
                    </a:lnTo>
                    <a:lnTo>
                      <a:pt x="2234" y="56"/>
                    </a:lnTo>
                    <a:lnTo>
                      <a:pt x="2238" y="48"/>
                    </a:lnTo>
                    <a:lnTo>
                      <a:pt x="2243" y="43"/>
                    </a:lnTo>
                    <a:lnTo>
                      <a:pt x="2248" y="39"/>
                    </a:lnTo>
                    <a:lnTo>
                      <a:pt x="2253" y="35"/>
                    </a:lnTo>
                    <a:lnTo>
                      <a:pt x="2258" y="34"/>
                    </a:lnTo>
                    <a:lnTo>
                      <a:pt x="2264" y="32"/>
                    </a:lnTo>
                    <a:lnTo>
                      <a:pt x="2291" y="30"/>
                    </a:lnTo>
                    <a:lnTo>
                      <a:pt x="2331" y="29"/>
                    </a:lnTo>
                    <a:lnTo>
                      <a:pt x="2354" y="26"/>
                    </a:lnTo>
                    <a:lnTo>
                      <a:pt x="2380" y="24"/>
                    </a:lnTo>
                    <a:lnTo>
                      <a:pt x="2406" y="21"/>
                    </a:lnTo>
                    <a:lnTo>
                      <a:pt x="2433" y="19"/>
                    </a:lnTo>
                    <a:lnTo>
                      <a:pt x="2459" y="16"/>
                    </a:lnTo>
                    <a:lnTo>
                      <a:pt x="2486" y="12"/>
                    </a:lnTo>
                    <a:lnTo>
                      <a:pt x="2512" y="7"/>
                    </a:lnTo>
                    <a:lnTo>
                      <a:pt x="2537" y="0"/>
                    </a:lnTo>
                    <a:lnTo>
                      <a:pt x="2537" y="0"/>
                    </a:lnTo>
                    <a:lnTo>
                      <a:pt x="2550" y="38"/>
                    </a:lnTo>
                    <a:lnTo>
                      <a:pt x="2538" y="54"/>
                    </a:lnTo>
                    <a:lnTo>
                      <a:pt x="2525" y="68"/>
                    </a:lnTo>
                    <a:lnTo>
                      <a:pt x="2520" y="76"/>
                    </a:lnTo>
                    <a:lnTo>
                      <a:pt x="2516" y="83"/>
                    </a:lnTo>
                    <a:lnTo>
                      <a:pt x="2515" y="92"/>
                    </a:lnTo>
                    <a:lnTo>
                      <a:pt x="2515" y="104"/>
                    </a:lnTo>
                    <a:lnTo>
                      <a:pt x="2519" y="126"/>
                    </a:lnTo>
                    <a:lnTo>
                      <a:pt x="2525" y="144"/>
                    </a:lnTo>
                    <a:lnTo>
                      <a:pt x="2528" y="152"/>
                    </a:lnTo>
                    <a:lnTo>
                      <a:pt x="2532" y="160"/>
                    </a:lnTo>
                    <a:lnTo>
                      <a:pt x="2536" y="165"/>
                    </a:lnTo>
                    <a:lnTo>
                      <a:pt x="2541" y="170"/>
                    </a:lnTo>
                    <a:lnTo>
                      <a:pt x="2546" y="175"/>
                    </a:lnTo>
                    <a:lnTo>
                      <a:pt x="2552" y="178"/>
                    </a:lnTo>
                    <a:lnTo>
                      <a:pt x="2559" y="179"/>
                    </a:lnTo>
                    <a:lnTo>
                      <a:pt x="2567" y="181"/>
                    </a:lnTo>
                    <a:lnTo>
                      <a:pt x="2574" y="179"/>
                    </a:lnTo>
                    <a:lnTo>
                      <a:pt x="2584" y="177"/>
                    </a:lnTo>
                    <a:lnTo>
                      <a:pt x="2594" y="174"/>
                    </a:lnTo>
                    <a:lnTo>
                      <a:pt x="2604" y="169"/>
                    </a:lnTo>
                    <a:lnTo>
                      <a:pt x="2612" y="165"/>
                    </a:lnTo>
                    <a:lnTo>
                      <a:pt x="2620" y="162"/>
                    </a:lnTo>
                    <a:lnTo>
                      <a:pt x="2628" y="161"/>
                    </a:lnTo>
                    <a:lnTo>
                      <a:pt x="2634" y="160"/>
                    </a:lnTo>
                    <a:lnTo>
                      <a:pt x="2639" y="161"/>
                    </a:lnTo>
                    <a:lnTo>
                      <a:pt x="2644" y="161"/>
                    </a:lnTo>
                    <a:lnTo>
                      <a:pt x="2650" y="164"/>
                    </a:lnTo>
                    <a:lnTo>
                      <a:pt x="2653" y="166"/>
                    </a:lnTo>
                    <a:lnTo>
                      <a:pt x="2657" y="170"/>
                    </a:lnTo>
                    <a:lnTo>
                      <a:pt x="2660" y="174"/>
                    </a:lnTo>
                    <a:lnTo>
                      <a:pt x="2661" y="179"/>
                    </a:lnTo>
                    <a:lnTo>
                      <a:pt x="2663" y="186"/>
                    </a:lnTo>
                    <a:lnTo>
                      <a:pt x="2664" y="192"/>
                    </a:lnTo>
                    <a:lnTo>
                      <a:pt x="2664" y="199"/>
                    </a:lnTo>
                    <a:lnTo>
                      <a:pt x="2663" y="206"/>
                    </a:lnTo>
                    <a:lnTo>
                      <a:pt x="2661" y="216"/>
                    </a:lnTo>
                    <a:lnTo>
                      <a:pt x="2657" y="234"/>
                    </a:lnTo>
                    <a:lnTo>
                      <a:pt x="2656" y="249"/>
                    </a:lnTo>
                    <a:lnTo>
                      <a:pt x="2656" y="262"/>
                    </a:lnTo>
                    <a:lnTo>
                      <a:pt x="2659" y="273"/>
                    </a:lnTo>
                    <a:lnTo>
                      <a:pt x="2663" y="282"/>
                    </a:lnTo>
                    <a:lnTo>
                      <a:pt x="2668" y="288"/>
                    </a:lnTo>
                    <a:lnTo>
                      <a:pt x="2673" y="295"/>
                    </a:lnTo>
                    <a:lnTo>
                      <a:pt x="2681" y="300"/>
                    </a:lnTo>
                    <a:lnTo>
                      <a:pt x="2696" y="310"/>
                    </a:lnTo>
                    <a:lnTo>
                      <a:pt x="2712" y="320"/>
                    </a:lnTo>
                    <a:lnTo>
                      <a:pt x="2718" y="327"/>
                    </a:lnTo>
                    <a:lnTo>
                      <a:pt x="2725" y="336"/>
                    </a:lnTo>
                    <a:lnTo>
                      <a:pt x="2731" y="345"/>
                    </a:lnTo>
                    <a:lnTo>
                      <a:pt x="2735" y="357"/>
                    </a:lnTo>
                    <a:lnTo>
                      <a:pt x="2739" y="368"/>
                    </a:lnTo>
                    <a:lnTo>
                      <a:pt x="2743" y="380"/>
                    </a:lnTo>
                    <a:lnTo>
                      <a:pt x="2748" y="390"/>
                    </a:lnTo>
                    <a:lnTo>
                      <a:pt x="2753" y="401"/>
                    </a:lnTo>
                    <a:lnTo>
                      <a:pt x="2760" y="410"/>
                    </a:lnTo>
                    <a:lnTo>
                      <a:pt x="2767" y="419"/>
                    </a:lnTo>
                    <a:lnTo>
                      <a:pt x="2777" y="427"/>
                    </a:lnTo>
                    <a:lnTo>
                      <a:pt x="2787" y="434"/>
                    </a:lnTo>
                    <a:lnTo>
                      <a:pt x="2799" y="438"/>
                    </a:lnTo>
                    <a:lnTo>
                      <a:pt x="2810" y="441"/>
                    </a:lnTo>
                    <a:lnTo>
                      <a:pt x="2821" y="444"/>
                    </a:lnTo>
                    <a:lnTo>
                      <a:pt x="2832" y="445"/>
                    </a:lnTo>
                    <a:lnTo>
                      <a:pt x="2841" y="447"/>
                    </a:lnTo>
                    <a:lnTo>
                      <a:pt x="2850" y="453"/>
                    </a:lnTo>
                    <a:lnTo>
                      <a:pt x="2856" y="456"/>
                    </a:lnTo>
                    <a:lnTo>
                      <a:pt x="2859" y="460"/>
                    </a:lnTo>
                    <a:lnTo>
                      <a:pt x="2863" y="466"/>
                    </a:lnTo>
                    <a:lnTo>
                      <a:pt x="2867" y="473"/>
                    </a:lnTo>
                    <a:lnTo>
                      <a:pt x="2865" y="493"/>
                    </a:lnTo>
                    <a:lnTo>
                      <a:pt x="2865" y="515"/>
                    </a:lnTo>
                    <a:lnTo>
                      <a:pt x="2866" y="538"/>
                    </a:lnTo>
                    <a:lnTo>
                      <a:pt x="2870" y="561"/>
                    </a:lnTo>
                    <a:lnTo>
                      <a:pt x="2875" y="583"/>
                    </a:lnTo>
                    <a:lnTo>
                      <a:pt x="2881" y="605"/>
                    </a:lnTo>
                    <a:lnTo>
                      <a:pt x="2887" y="616"/>
                    </a:lnTo>
                    <a:lnTo>
                      <a:pt x="2891" y="625"/>
                    </a:lnTo>
                    <a:lnTo>
                      <a:pt x="2896" y="634"/>
                    </a:lnTo>
                    <a:lnTo>
                      <a:pt x="2902" y="642"/>
                    </a:lnTo>
                    <a:lnTo>
                      <a:pt x="2905" y="646"/>
                    </a:lnTo>
                    <a:lnTo>
                      <a:pt x="2909" y="648"/>
                    </a:lnTo>
                    <a:lnTo>
                      <a:pt x="2911" y="651"/>
                    </a:lnTo>
                    <a:lnTo>
                      <a:pt x="2915" y="652"/>
                    </a:lnTo>
                    <a:lnTo>
                      <a:pt x="2922" y="652"/>
                    </a:lnTo>
                    <a:lnTo>
                      <a:pt x="2929" y="649"/>
                    </a:lnTo>
                    <a:lnTo>
                      <a:pt x="2936" y="644"/>
                    </a:lnTo>
                    <a:lnTo>
                      <a:pt x="2944" y="639"/>
                    </a:lnTo>
                    <a:lnTo>
                      <a:pt x="2951" y="631"/>
                    </a:lnTo>
                    <a:lnTo>
                      <a:pt x="2959" y="622"/>
                    </a:lnTo>
                    <a:lnTo>
                      <a:pt x="2973" y="605"/>
                    </a:lnTo>
                    <a:lnTo>
                      <a:pt x="2989" y="589"/>
                    </a:lnTo>
                    <a:lnTo>
                      <a:pt x="2995" y="582"/>
                    </a:lnTo>
                    <a:lnTo>
                      <a:pt x="3003" y="578"/>
                    </a:lnTo>
                    <a:lnTo>
                      <a:pt x="3010" y="574"/>
                    </a:lnTo>
                    <a:lnTo>
                      <a:pt x="3016" y="574"/>
                    </a:lnTo>
                    <a:lnTo>
                      <a:pt x="3021" y="577"/>
                    </a:lnTo>
                    <a:lnTo>
                      <a:pt x="3027" y="581"/>
                    </a:lnTo>
                    <a:lnTo>
                      <a:pt x="3030" y="585"/>
                    </a:lnTo>
                    <a:lnTo>
                      <a:pt x="3033" y="591"/>
                    </a:lnTo>
                    <a:lnTo>
                      <a:pt x="3040" y="607"/>
                    </a:lnTo>
                    <a:lnTo>
                      <a:pt x="3043" y="624"/>
                    </a:lnTo>
                    <a:lnTo>
                      <a:pt x="3050" y="660"/>
                    </a:lnTo>
                    <a:lnTo>
                      <a:pt x="3056" y="687"/>
                    </a:lnTo>
                    <a:lnTo>
                      <a:pt x="3063" y="701"/>
                    </a:lnTo>
                    <a:lnTo>
                      <a:pt x="3071" y="714"/>
                    </a:lnTo>
                    <a:lnTo>
                      <a:pt x="3080" y="726"/>
                    </a:lnTo>
                    <a:lnTo>
                      <a:pt x="3089" y="736"/>
                    </a:lnTo>
                    <a:lnTo>
                      <a:pt x="3109" y="757"/>
                    </a:lnTo>
                    <a:lnTo>
                      <a:pt x="3132" y="778"/>
                    </a:lnTo>
                    <a:lnTo>
                      <a:pt x="3137" y="783"/>
                    </a:lnTo>
                    <a:lnTo>
                      <a:pt x="3142" y="789"/>
                    </a:lnTo>
                    <a:lnTo>
                      <a:pt x="3146" y="797"/>
                    </a:lnTo>
                    <a:lnTo>
                      <a:pt x="3150" y="806"/>
                    </a:lnTo>
                    <a:lnTo>
                      <a:pt x="3157" y="823"/>
                    </a:lnTo>
                    <a:lnTo>
                      <a:pt x="3165" y="841"/>
                    </a:lnTo>
                    <a:lnTo>
                      <a:pt x="3169" y="849"/>
                    </a:lnTo>
                    <a:lnTo>
                      <a:pt x="3174" y="857"/>
                    </a:lnTo>
                    <a:lnTo>
                      <a:pt x="3179" y="865"/>
                    </a:lnTo>
                    <a:lnTo>
                      <a:pt x="3185" y="871"/>
                    </a:lnTo>
                    <a:lnTo>
                      <a:pt x="3191" y="876"/>
                    </a:lnTo>
                    <a:lnTo>
                      <a:pt x="3198" y="880"/>
                    </a:lnTo>
                    <a:lnTo>
                      <a:pt x="3205" y="883"/>
                    </a:lnTo>
                    <a:lnTo>
                      <a:pt x="3214" y="883"/>
                    </a:lnTo>
                    <a:lnTo>
                      <a:pt x="3253" y="883"/>
                    </a:lnTo>
                    <a:lnTo>
                      <a:pt x="3279" y="884"/>
                    </a:lnTo>
                    <a:lnTo>
                      <a:pt x="3290" y="887"/>
                    </a:lnTo>
                    <a:lnTo>
                      <a:pt x="3303" y="893"/>
                    </a:lnTo>
                    <a:lnTo>
                      <a:pt x="3318" y="901"/>
                    </a:lnTo>
                    <a:lnTo>
                      <a:pt x="3338" y="914"/>
                    </a:lnTo>
                    <a:lnTo>
                      <a:pt x="3338" y="914"/>
                    </a:lnTo>
                    <a:lnTo>
                      <a:pt x="3347" y="924"/>
                    </a:lnTo>
                    <a:lnTo>
                      <a:pt x="3357" y="934"/>
                    </a:lnTo>
                    <a:lnTo>
                      <a:pt x="3362" y="940"/>
                    </a:lnTo>
                    <a:lnTo>
                      <a:pt x="3367" y="944"/>
                    </a:lnTo>
                    <a:lnTo>
                      <a:pt x="3374" y="947"/>
                    </a:lnTo>
                    <a:lnTo>
                      <a:pt x="3380" y="950"/>
                    </a:lnTo>
                    <a:lnTo>
                      <a:pt x="3393" y="951"/>
                    </a:lnTo>
                    <a:lnTo>
                      <a:pt x="3406" y="950"/>
                    </a:lnTo>
                    <a:lnTo>
                      <a:pt x="3424" y="947"/>
                    </a:lnTo>
                    <a:lnTo>
                      <a:pt x="3442" y="945"/>
                    </a:lnTo>
                    <a:lnTo>
                      <a:pt x="3493" y="950"/>
                    </a:lnTo>
                    <a:lnTo>
                      <a:pt x="3493" y="950"/>
                    </a:lnTo>
                    <a:lnTo>
                      <a:pt x="3507" y="962"/>
                    </a:lnTo>
                    <a:lnTo>
                      <a:pt x="3519" y="975"/>
                    </a:lnTo>
                    <a:lnTo>
                      <a:pt x="3531" y="988"/>
                    </a:lnTo>
                    <a:lnTo>
                      <a:pt x="3542" y="1001"/>
                    </a:lnTo>
                    <a:lnTo>
                      <a:pt x="3562" y="1028"/>
                    </a:lnTo>
                    <a:lnTo>
                      <a:pt x="3582" y="1056"/>
                    </a:lnTo>
                    <a:lnTo>
                      <a:pt x="3588" y="1063"/>
                    </a:lnTo>
                    <a:lnTo>
                      <a:pt x="3593" y="1069"/>
                    </a:lnTo>
                    <a:lnTo>
                      <a:pt x="3599" y="1073"/>
                    </a:lnTo>
                    <a:lnTo>
                      <a:pt x="3606" y="1077"/>
                    </a:lnTo>
                    <a:lnTo>
                      <a:pt x="3619" y="1083"/>
                    </a:lnTo>
                    <a:lnTo>
                      <a:pt x="3633" y="1087"/>
                    </a:lnTo>
                    <a:lnTo>
                      <a:pt x="3648" y="1091"/>
                    </a:lnTo>
                    <a:lnTo>
                      <a:pt x="3664" y="1094"/>
                    </a:lnTo>
                    <a:lnTo>
                      <a:pt x="3680" y="1098"/>
                    </a:lnTo>
                    <a:lnTo>
                      <a:pt x="3694" y="1103"/>
                    </a:lnTo>
                    <a:lnTo>
                      <a:pt x="3703" y="1108"/>
                    </a:lnTo>
                    <a:lnTo>
                      <a:pt x="3712" y="1113"/>
                    </a:lnTo>
                    <a:lnTo>
                      <a:pt x="3720" y="1118"/>
                    </a:lnTo>
                    <a:lnTo>
                      <a:pt x="3727" y="1125"/>
                    </a:lnTo>
                    <a:lnTo>
                      <a:pt x="3743" y="1139"/>
                    </a:lnTo>
                    <a:lnTo>
                      <a:pt x="3756" y="1153"/>
                    </a:lnTo>
                    <a:lnTo>
                      <a:pt x="3771" y="1168"/>
                    </a:lnTo>
                    <a:lnTo>
                      <a:pt x="3787" y="1181"/>
                    </a:lnTo>
                    <a:lnTo>
                      <a:pt x="3796" y="1186"/>
                    </a:lnTo>
                    <a:lnTo>
                      <a:pt x="3806" y="1191"/>
                    </a:lnTo>
                    <a:lnTo>
                      <a:pt x="3817" y="1195"/>
                    </a:lnTo>
                    <a:lnTo>
                      <a:pt x="3830" y="1199"/>
                    </a:lnTo>
                    <a:lnTo>
                      <a:pt x="3851" y="1204"/>
                    </a:lnTo>
                    <a:lnTo>
                      <a:pt x="3871" y="1210"/>
                    </a:lnTo>
                    <a:lnTo>
                      <a:pt x="3892" y="1218"/>
                    </a:lnTo>
                    <a:lnTo>
                      <a:pt x="3913" y="1226"/>
                    </a:lnTo>
                    <a:lnTo>
                      <a:pt x="3932" y="1235"/>
                    </a:lnTo>
                    <a:lnTo>
                      <a:pt x="3953" y="1245"/>
                    </a:lnTo>
                    <a:lnTo>
                      <a:pt x="3971" y="1256"/>
                    </a:lnTo>
                    <a:lnTo>
                      <a:pt x="3989" y="1267"/>
                    </a:lnTo>
                    <a:lnTo>
                      <a:pt x="4019" y="1295"/>
                    </a:lnTo>
                    <a:lnTo>
                      <a:pt x="4005" y="1319"/>
                    </a:lnTo>
                    <a:lnTo>
                      <a:pt x="3989" y="1343"/>
                    </a:lnTo>
                    <a:lnTo>
                      <a:pt x="3971" y="1367"/>
                    </a:lnTo>
                    <a:lnTo>
                      <a:pt x="3952" y="1389"/>
                    </a:lnTo>
                    <a:lnTo>
                      <a:pt x="3930" y="1412"/>
                    </a:lnTo>
                    <a:lnTo>
                      <a:pt x="3908" y="1435"/>
                    </a:lnTo>
                    <a:lnTo>
                      <a:pt x="3888" y="1457"/>
                    </a:lnTo>
                    <a:lnTo>
                      <a:pt x="3870" y="1480"/>
                    </a:lnTo>
                    <a:lnTo>
                      <a:pt x="3862" y="1492"/>
                    </a:lnTo>
                    <a:lnTo>
                      <a:pt x="3854" y="1503"/>
                    </a:lnTo>
                    <a:lnTo>
                      <a:pt x="3847" y="1515"/>
                    </a:lnTo>
                    <a:lnTo>
                      <a:pt x="3840" y="1528"/>
                    </a:lnTo>
                    <a:lnTo>
                      <a:pt x="3834" y="1542"/>
                    </a:lnTo>
                    <a:lnTo>
                      <a:pt x="3829" y="1556"/>
                    </a:lnTo>
                    <a:lnTo>
                      <a:pt x="3825" y="1571"/>
                    </a:lnTo>
                    <a:lnTo>
                      <a:pt x="3821" y="1587"/>
                    </a:lnTo>
                    <a:lnTo>
                      <a:pt x="3816" y="1603"/>
                    </a:lnTo>
                    <a:lnTo>
                      <a:pt x="3810" y="1617"/>
                    </a:lnTo>
                    <a:lnTo>
                      <a:pt x="3803" y="1631"/>
                    </a:lnTo>
                    <a:lnTo>
                      <a:pt x="3795" y="1643"/>
                    </a:lnTo>
                    <a:lnTo>
                      <a:pt x="3778" y="1668"/>
                    </a:lnTo>
                    <a:lnTo>
                      <a:pt x="3761" y="1694"/>
                    </a:lnTo>
                    <a:lnTo>
                      <a:pt x="3752" y="1710"/>
                    </a:lnTo>
                    <a:lnTo>
                      <a:pt x="3746" y="1727"/>
                    </a:lnTo>
                    <a:lnTo>
                      <a:pt x="3742" y="1744"/>
                    </a:lnTo>
                    <a:lnTo>
                      <a:pt x="3739" y="1761"/>
                    </a:lnTo>
                    <a:lnTo>
                      <a:pt x="3734" y="1796"/>
                    </a:lnTo>
                    <a:lnTo>
                      <a:pt x="3726" y="1834"/>
                    </a:lnTo>
                    <a:lnTo>
                      <a:pt x="3725" y="1841"/>
                    </a:lnTo>
                    <a:lnTo>
                      <a:pt x="3724" y="1849"/>
                    </a:lnTo>
                    <a:lnTo>
                      <a:pt x="3724" y="1858"/>
                    </a:lnTo>
                    <a:lnTo>
                      <a:pt x="3725" y="1867"/>
                    </a:lnTo>
                    <a:lnTo>
                      <a:pt x="3726" y="1878"/>
                    </a:lnTo>
                    <a:lnTo>
                      <a:pt x="3727" y="1887"/>
                    </a:lnTo>
                    <a:lnTo>
                      <a:pt x="3730" y="1897"/>
                    </a:lnTo>
                    <a:lnTo>
                      <a:pt x="3734" y="1906"/>
                    </a:lnTo>
                    <a:lnTo>
                      <a:pt x="3734" y="1906"/>
                    </a:lnTo>
                    <a:lnTo>
                      <a:pt x="3673" y="1935"/>
                    </a:lnTo>
                    <a:lnTo>
                      <a:pt x="3667" y="1940"/>
                    </a:lnTo>
                    <a:lnTo>
                      <a:pt x="3660" y="1942"/>
                    </a:lnTo>
                    <a:lnTo>
                      <a:pt x="3652" y="1946"/>
                    </a:lnTo>
                    <a:lnTo>
                      <a:pt x="3646" y="1948"/>
                    </a:lnTo>
                    <a:lnTo>
                      <a:pt x="3637" y="1948"/>
                    </a:lnTo>
                    <a:lnTo>
                      <a:pt x="3629" y="1949"/>
                    </a:lnTo>
                    <a:lnTo>
                      <a:pt x="3620" y="1948"/>
                    </a:lnTo>
                    <a:lnTo>
                      <a:pt x="3612" y="1946"/>
                    </a:lnTo>
                    <a:lnTo>
                      <a:pt x="3594" y="1942"/>
                    </a:lnTo>
                    <a:lnTo>
                      <a:pt x="3577" y="1937"/>
                    </a:lnTo>
                    <a:lnTo>
                      <a:pt x="3562" y="1932"/>
                    </a:lnTo>
                    <a:lnTo>
                      <a:pt x="3547" y="1927"/>
                    </a:lnTo>
                    <a:lnTo>
                      <a:pt x="3533" y="1922"/>
                    </a:lnTo>
                    <a:lnTo>
                      <a:pt x="3521" y="1916"/>
                    </a:lnTo>
                    <a:lnTo>
                      <a:pt x="3511" y="1915"/>
                    </a:lnTo>
                    <a:lnTo>
                      <a:pt x="3502" y="1914"/>
                    </a:lnTo>
                    <a:lnTo>
                      <a:pt x="3494" y="1916"/>
                    </a:lnTo>
                    <a:lnTo>
                      <a:pt x="3486" y="1920"/>
                    </a:lnTo>
                    <a:lnTo>
                      <a:pt x="3479" y="1929"/>
                    </a:lnTo>
                    <a:lnTo>
                      <a:pt x="3470" y="1940"/>
                    </a:lnTo>
                    <a:lnTo>
                      <a:pt x="3457" y="1957"/>
                    </a:lnTo>
                    <a:lnTo>
                      <a:pt x="3446" y="1972"/>
                    </a:lnTo>
                    <a:lnTo>
                      <a:pt x="3445" y="1976"/>
                    </a:lnTo>
                    <a:lnTo>
                      <a:pt x="3444" y="1980"/>
                    </a:lnTo>
                    <a:lnTo>
                      <a:pt x="3444" y="1984"/>
                    </a:lnTo>
                    <a:lnTo>
                      <a:pt x="3445" y="1988"/>
                    </a:lnTo>
                    <a:lnTo>
                      <a:pt x="3446" y="1992"/>
                    </a:lnTo>
                    <a:lnTo>
                      <a:pt x="3450" y="1995"/>
                    </a:lnTo>
                    <a:lnTo>
                      <a:pt x="3454" y="1999"/>
                    </a:lnTo>
                    <a:lnTo>
                      <a:pt x="3459" y="2003"/>
                    </a:lnTo>
                    <a:lnTo>
                      <a:pt x="3475" y="2008"/>
                    </a:lnTo>
                    <a:lnTo>
                      <a:pt x="3492" y="2012"/>
                    </a:lnTo>
                    <a:lnTo>
                      <a:pt x="3494" y="2014"/>
                    </a:lnTo>
                    <a:lnTo>
                      <a:pt x="3498" y="2015"/>
                    </a:lnTo>
                    <a:lnTo>
                      <a:pt x="3499" y="2016"/>
                    </a:lnTo>
                    <a:lnTo>
                      <a:pt x="3501" y="2019"/>
                    </a:lnTo>
                    <a:lnTo>
                      <a:pt x="3502" y="2021"/>
                    </a:lnTo>
                    <a:lnTo>
                      <a:pt x="3501" y="2025"/>
                    </a:lnTo>
                    <a:lnTo>
                      <a:pt x="3499" y="2029"/>
                    </a:lnTo>
                    <a:lnTo>
                      <a:pt x="3497" y="2034"/>
                    </a:lnTo>
                    <a:lnTo>
                      <a:pt x="3486" y="2047"/>
                    </a:lnTo>
                    <a:lnTo>
                      <a:pt x="3475" y="2060"/>
                    </a:lnTo>
                    <a:lnTo>
                      <a:pt x="3459" y="2073"/>
                    </a:lnTo>
                    <a:lnTo>
                      <a:pt x="3444" y="2084"/>
                    </a:lnTo>
                    <a:lnTo>
                      <a:pt x="3428" y="2094"/>
                    </a:lnTo>
                    <a:lnTo>
                      <a:pt x="3410" y="2100"/>
                    </a:lnTo>
                    <a:lnTo>
                      <a:pt x="3402" y="2103"/>
                    </a:lnTo>
                    <a:lnTo>
                      <a:pt x="3393" y="2104"/>
                    </a:lnTo>
                    <a:lnTo>
                      <a:pt x="3385" y="2106"/>
                    </a:lnTo>
                    <a:lnTo>
                      <a:pt x="3378" y="2106"/>
                    </a:lnTo>
                    <a:lnTo>
                      <a:pt x="3365" y="2104"/>
                    </a:lnTo>
                    <a:lnTo>
                      <a:pt x="3353" y="2107"/>
                    </a:lnTo>
                    <a:lnTo>
                      <a:pt x="3341" y="2111"/>
                    </a:lnTo>
                    <a:lnTo>
                      <a:pt x="3331" y="2116"/>
                    </a:lnTo>
                    <a:lnTo>
                      <a:pt x="3322" y="2124"/>
                    </a:lnTo>
                    <a:lnTo>
                      <a:pt x="3313" y="2131"/>
                    </a:lnTo>
                    <a:lnTo>
                      <a:pt x="3304" y="2141"/>
                    </a:lnTo>
                    <a:lnTo>
                      <a:pt x="3295" y="2151"/>
                    </a:lnTo>
                    <a:lnTo>
                      <a:pt x="3279" y="2173"/>
                    </a:lnTo>
                    <a:lnTo>
                      <a:pt x="3261" y="2194"/>
                    </a:lnTo>
                    <a:lnTo>
                      <a:pt x="3252" y="2204"/>
                    </a:lnTo>
                    <a:lnTo>
                      <a:pt x="3243" y="2213"/>
                    </a:lnTo>
                    <a:lnTo>
                      <a:pt x="3233" y="2221"/>
                    </a:lnTo>
                    <a:lnTo>
                      <a:pt x="3222" y="2229"/>
                    </a:lnTo>
                    <a:lnTo>
                      <a:pt x="3209" y="2236"/>
                    </a:lnTo>
                    <a:lnTo>
                      <a:pt x="3199" y="2245"/>
                    </a:lnTo>
                    <a:lnTo>
                      <a:pt x="3190" y="2256"/>
                    </a:lnTo>
                    <a:lnTo>
                      <a:pt x="3182" y="2267"/>
                    </a:lnTo>
                    <a:lnTo>
                      <a:pt x="3168" y="2292"/>
                    </a:lnTo>
                    <a:lnTo>
                      <a:pt x="3154" y="2317"/>
                    </a:lnTo>
                    <a:lnTo>
                      <a:pt x="3146" y="2330"/>
                    </a:lnTo>
                    <a:lnTo>
                      <a:pt x="3137" y="2341"/>
                    </a:lnTo>
                    <a:lnTo>
                      <a:pt x="3128" y="2353"/>
                    </a:lnTo>
                    <a:lnTo>
                      <a:pt x="3117" y="2363"/>
                    </a:lnTo>
                    <a:lnTo>
                      <a:pt x="3094" y="2384"/>
                    </a:lnTo>
                    <a:lnTo>
                      <a:pt x="3072" y="2405"/>
                    </a:lnTo>
                    <a:lnTo>
                      <a:pt x="3064" y="2410"/>
                    </a:lnTo>
                    <a:lnTo>
                      <a:pt x="3056" y="2416"/>
                    </a:lnTo>
                    <a:lnTo>
                      <a:pt x="3050" y="2423"/>
                    </a:lnTo>
                    <a:lnTo>
                      <a:pt x="3046" y="2429"/>
                    </a:lnTo>
                    <a:lnTo>
                      <a:pt x="3043" y="2437"/>
                    </a:lnTo>
                    <a:lnTo>
                      <a:pt x="3043" y="2445"/>
                    </a:lnTo>
                    <a:lnTo>
                      <a:pt x="3046" y="2454"/>
                    </a:lnTo>
                    <a:lnTo>
                      <a:pt x="3051" y="2464"/>
                    </a:lnTo>
                    <a:lnTo>
                      <a:pt x="3060" y="2477"/>
                    </a:lnTo>
                    <a:lnTo>
                      <a:pt x="3071" y="2490"/>
                    </a:lnTo>
                    <a:lnTo>
                      <a:pt x="3076" y="2494"/>
                    </a:lnTo>
                    <a:lnTo>
                      <a:pt x="3082" y="2498"/>
                    </a:lnTo>
                    <a:lnTo>
                      <a:pt x="3090" y="2502"/>
                    </a:lnTo>
                    <a:lnTo>
                      <a:pt x="3099" y="2503"/>
                    </a:lnTo>
                    <a:lnTo>
                      <a:pt x="3112" y="2505"/>
                    </a:lnTo>
                    <a:lnTo>
                      <a:pt x="3124" y="2505"/>
                    </a:lnTo>
                    <a:lnTo>
                      <a:pt x="3135" y="2502"/>
                    </a:lnTo>
                    <a:lnTo>
                      <a:pt x="3147" y="2498"/>
                    </a:lnTo>
                    <a:lnTo>
                      <a:pt x="3156" y="2492"/>
                    </a:lnTo>
                    <a:lnTo>
                      <a:pt x="3164" y="2484"/>
                    </a:lnTo>
                    <a:lnTo>
                      <a:pt x="3168" y="2480"/>
                    </a:lnTo>
                    <a:lnTo>
                      <a:pt x="3170" y="2475"/>
                    </a:lnTo>
                    <a:lnTo>
                      <a:pt x="3173" y="2468"/>
                    </a:lnTo>
                    <a:lnTo>
                      <a:pt x="3174" y="2462"/>
                    </a:lnTo>
                    <a:lnTo>
                      <a:pt x="3177" y="2454"/>
                    </a:lnTo>
                    <a:lnTo>
                      <a:pt x="3181" y="2446"/>
                    </a:lnTo>
                    <a:lnTo>
                      <a:pt x="3183" y="2438"/>
                    </a:lnTo>
                    <a:lnTo>
                      <a:pt x="3189" y="2432"/>
                    </a:lnTo>
                    <a:lnTo>
                      <a:pt x="3192" y="2427"/>
                    </a:lnTo>
                    <a:lnTo>
                      <a:pt x="3198" y="2422"/>
                    </a:lnTo>
                    <a:lnTo>
                      <a:pt x="3203" y="2418"/>
                    </a:lnTo>
                    <a:lnTo>
                      <a:pt x="3208" y="2414"/>
                    </a:lnTo>
                    <a:lnTo>
                      <a:pt x="3220" y="2407"/>
                    </a:lnTo>
                    <a:lnTo>
                      <a:pt x="3234" y="2403"/>
                    </a:lnTo>
                    <a:lnTo>
                      <a:pt x="3248" y="2400"/>
                    </a:lnTo>
                    <a:lnTo>
                      <a:pt x="3265" y="2396"/>
                    </a:lnTo>
                    <a:lnTo>
                      <a:pt x="3279" y="2394"/>
                    </a:lnTo>
                    <a:lnTo>
                      <a:pt x="3293" y="2393"/>
                    </a:lnTo>
                    <a:lnTo>
                      <a:pt x="3305" y="2394"/>
                    </a:lnTo>
                    <a:lnTo>
                      <a:pt x="3315" y="2397"/>
                    </a:lnTo>
                    <a:lnTo>
                      <a:pt x="3325" y="2401"/>
                    </a:lnTo>
                    <a:lnTo>
                      <a:pt x="3334" y="2406"/>
                    </a:lnTo>
                    <a:lnTo>
                      <a:pt x="3341" y="2413"/>
                    </a:lnTo>
                    <a:lnTo>
                      <a:pt x="3347" y="2420"/>
                    </a:lnTo>
                    <a:lnTo>
                      <a:pt x="3352" y="2429"/>
                    </a:lnTo>
                    <a:lnTo>
                      <a:pt x="3357" y="2438"/>
                    </a:lnTo>
                    <a:lnTo>
                      <a:pt x="3361" y="2449"/>
                    </a:lnTo>
                    <a:lnTo>
                      <a:pt x="3363" y="2460"/>
                    </a:lnTo>
                    <a:lnTo>
                      <a:pt x="3366" y="2484"/>
                    </a:lnTo>
                    <a:lnTo>
                      <a:pt x="3367" y="2510"/>
                    </a:lnTo>
                    <a:lnTo>
                      <a:pt x="3363" y="2520"/>
                    </a:lnTo>
                    <a:lnTo>
                      <a:pt x="3360" y="2528"/>
                    </a:lnTo>
                    <a:lnTo>
                      <a:pt x="3358" y="2537"/>
                    </a:lnTo>
                    <a:lnTo>
                      <a:pt x="3358" y="2547"/>
                    </a:lnTo>
                    <a:lnTo>
                      <a:pt x="3358" y="2555"/>
                    </a:lnTo>
                    <a:lnTo>
                      <a:pt x="3360" y="2560"/>
                    </a:lnTo>
                    <a:lnTo>
                      <a:pt x="3361" y="2567"/>
                    </a:lnTo>
                    <a:lnTo>
                      <a:pt x="3365" y="2572"/>
                    </a:lnTo>
                    <a:lnTo>
                      <a:pt x="3370" y="2581"/>
                    </a:lnTo>
                    <a:lnTo>
                      <a:pt x="3374" y="2589"/>
                    </a:lnTo>
                    <a:lnTo>
                      <a:pt x="3378" y="2597"/>
                    </a:lnTo>
                    <a:lnTo>
                      <a:pt x="3380" y="2607"/>
                    </a:lnTo>
                    <a:lnTo>
                      <a:pt x="3380" y="2617"/>
                    </a:lnTo>
                    <a:lnTo>
                      <a:pt x="3380" y="2629"/>
                    </a:lnTo>
                    <a:lnTo>
                      <a:pt x="3382" y="2641"/>
                    </a:lnTo>
                    <a:lnTo>
                      <a:pt x="3382" y="2651"/>
                    </a:lnTo>
                    <a:lnTo>
                      <a:pt x="3382" y="2651"/>
                    </a:lnTo>
                    <a:lnTo>
                      <a:pt x="3323" y="2666"/>
                    </a:lnTo>
                    <a:lnTo>
                      <a:pt x="3325" y="2678"/>
                    </a:lnTo>
                    <a:lnTo>
                      <a:pt x="3325" y="2688"/>
                    </a:lnTo>
                    <a:lnTo>
                      <a:pt x="3325" y="2700"/>
                    </a:lnTo>
                    <a:lnTo>
                      <a:pt x="3326" y="2711"/>
                    </a:lnTo>
                    <a:lnTo>
                      <a:pt x="3330" y="2717"/>
                    </a:lnTo>
                    <a:lnTo>
                      <a:pt x="3334" y="2723"/>
                    </a:lnTo>
                    <a:lnTo>
                      <a:pt x="3339" y="2727"/>
                    </a:lnTo>
                    <a:lnTo>
                      <a:pt x="3343" y="2731"/>
                    </a:lnTo>
                    <a:lnTo>
                      <a:pt x="3348" y="2735"/>
                    </a:lnTo>
                    <a:lnTo>
                      <a:pt x="3350" y="2742"/>
                    </a:lnTo>
                    <a:lnTo>
                      <a:pt x="3353" y="2748"/>
                    </a:lnTo>
                    <a:lnTo>
                      <a:pt x="3354" y="2758"/>
                    </a:lnTo>
                    <a:lnTo>
                      <a:pt x="3353" y="2775"/>
                    </a:lnTo>
                    <a:lnTo>
                      <a:pt x="3353" y="2793"/>
                    </a:lnTo>
                    <a:lnTo>
                      <a:pt x="3354" y="2802"/>
                    </a:lnTo>
                    <a:lnTo>
                      <a:pt x="3356" y="2810"/>
                    </a:lnTo>
                    <a:lnTo>
                      <a:pt x="3360" y="2817"/>
                    </a:lnTo>
                    <a:lnTo>
                      <a:pt x="3366" y="2823"/>
                    </a:lnTo>
                    <a:lnTo>
                      <a:pt x="3374" y="2830"/>
                    </a:lnTo>
                    <a:lnTo>
                      <a:pt x="3380" y="2837"/>
                    </a:lnTo>
                    <a:lnTo>
                      <a:pt x="3385" y="2844"/>
                    </a:lnTo>
                    <a:lnTo>
                      <a:pt x="3389" y="2849"/>
                    </a:lnTo>
                    <a:lnTo>
                      <a:pt x="3392" y="2856"/>
                    </a:lnTo>
                    <a:lnTo>
                      <a:pt x="3393" y="2862"/>
                    </a:lnTo>
                    <a:lnTo>
                      <a:pt x="3393" y="2869"/>
                    </a:lnTo>
                    <a:lnTo>
                      <a:pt x="3393" y="2874"/>
                    </a:lnTo>
                    <a:lnTo>
                      <a:pt x="3392" y="2880"/>
                    </a:lnTo>
                    <a:lnTo>
                      <a:pt x="3389" y="2887"/>
                    </a:lnTo>
                    <a:lnTo>
                      <a:pt x="3385" y="2892"/>
                    </a:lnTo>
                    <a:lnTo>
                      <a:pt x="3382" y="2898"/>
                    </a:lnTo>
                    <a:lnTo>
                      <a:pt x="3372" y="2910"/>
                    </a:lnTo>
                    <a:lnTo>
                      <a:pt x="3360" y="2923"/>
                    </a:lnTo>
                    <a:lnTo>
                      <a:pt x="3350" y="2932"/>
                    </a:lnTo>
                    <a:lnTo>
                      <a:pt x="3341" y="2941"/>
                    </a:lnTo>
                    <a:lnTo>
                      <a:pt x="3331" y="2949"/>
                    </a:lnTo>
                    <a:lnTo>
                      <a:pt x="3321" y="2957"/>
                    </a:lnTo>
                    <a:lnTo>
                      <a:pt x="3310" y="2963"/>
                    </a:lnTo>
                    <a:lnTo>
                      <a:pt x="3299" y="2968"/>
                    </a:lnTo>
                    <a:lnTo>
                      <a:pt x="3286" y="2972"/>
                    </a:lnTo>
                    <a:lnTo>
                      <a:pt x="3273" y="2975"/>
                    </a:lnTo>
                    <a:lnTo>
                      <a:pt x="3256" y="2979"/>
                    </a:lnTo>
                    <a:lnTo>
                      <a:pt x="3242" y="2983"/>
                    </a:lnTo>
                    <a:lnTo>
                      <a:pt x="3235" y="2986"/>
                    </a:lnTo>
                    <a:lnTo>
                      <a:pt x="3230" y="2992"/>
                    </a:lnTo>
                    <a:lnTo>
                      <a:pt x="3227" y="2999"/>
                    </a:lnTo>
                    <a:lnTo>
                      <a:pt x="3227" y="3008"/>
                    </a:lnTo>
                    <a:lnTo>
                      <a:pt x="3227" y="3019"/>
                    </a:lnTo>
                    <a:lnTo>
                      <a:pt x="3229" y="3030"/>
                    </a:lnTo>
                    <a:lnTo>
                      <a:pt x="3231" y="3042"/>
                    </a:lnTo>
                    <a:lnTo>
                      <a:pt x="3234" y="3055"/>
                    </a:lnTo>
                    <a:lnTo>
                      <a:pt x="3238" y="3067"/>
                    </a:lnTo>
                    <a:lnTo>
                      <a:pt x="3243" y="3077"/>
                    </a:lnTo>
                    <a:lnTo>
                      <a:pt x="3249" y="3086"/>
                    </a:lnTo>
                    <a:lnTo>
                      <a:pt x="3257" y="3093"/>
                    </a:lnTo>
                    <a:lnTo>
                      <a:pt x="3270" y="3102"/>
                    </a:lnTo>
                    <a:lnTo>
                      <a:pt x="3282" y="3108"/>
                    </a:lnTo>
                    <a:lnTo>
                      <a:pt x="3292" y="3115"/>
                    </a:lnTo>
                    <a:lnTo>
                      <a:pt x="3300" y="3121"/>
                    </a:lnTo>
                    <a:lnTo>
                      <a:pt x="3305" y="3129"/>
                    </a:lnTo>
                    <a:lnTo>
                      <a:pt x="3309" y="3139"/>
                    </a:lnTo>
                    <a:lnTo>
                      <a:pt x="3312" y="3154"/>
                    </a:lnTo>
                    <a:lnTo>
                      <a:pt x="3312" y="3170"/>
                    </a:lnTo>
                    <a:lnTo>
                      <a:pt x="3306" y="3178"/>
                    </a:lnTo>
                    <a:lnTo>
                      <a:pt x="3300" y="3186"/>
                    </a:lnTo>
                    <a:lnTo>
                      <a:pt x="3293" y="3192"/>
                    </a:lnTo>
                    <a:lnTo>
                      <a:pt x="3287" y="3198"/>
                    </a:lnTo>
                    <a:lnTo>
                      <a:pt x="3274" y="3209"/>
                    </a:lnTo>
                    <a:lnTo>
                      <a:pt x="3262" y="3220"/>
                    </a:lnTo>
                    <a:lnTo>
                      <a:pt x="3257" y="3226"/>
                    </a:lnTo>
                    <a:lnTo>
                      <a:pt x="3252" y="3231"/>
                    </a:lnTo>
                    <a:lnTo>
                      <a:pt x="3248" y="3239"/>
                    </a:lnTo>
                    <a:lnTo>
                      <a:pt x="3246" y="3246"/>
                    </a:lnTo>
                    <a:lnTo>
                      <a:pt x="3244" y="3255"/>
                    </a:lnTo>
                    <a:lnTo>
                      <a:pt x="3244" y="3265"/>
                    </a:lnTo>
                    <a:lnTo>
                      <a:pt x="3246" y="3275"/>
                    </a:lnTo>
                    <a:lnTo>
                      <a:pt x="3248" y="3288"/>
                    </a:lnTo>
                    <a:lnTo>
                      <a:pt x="3252" y="3305"/>
                    </a:lnTo>
                    <a:lnTo>
                      <a:pt x="3255" y="3322"/>
                    </a:lnTo>
                    <a:lnTo>
                      <a:pt x="3256" y="3339"/>
                    </a:lnTo>
                    <a:lnTo>
                      <a:pt x="3257" y="3357"/>
                    </a:lnTo>
                    <a:lnTo>
                      <a:pt x="3260" y="3374"/>
                    </a:lnTo>
                    <a:lnTo>
                      <a:pt x="3262" y="3391"/>
                    </a:lnTo>
                    <a:lnTo>
                      <a:pt x="3268" y="3407"/>
                    </a:lnTo>
                    <a:lnTo>
                      <a:pt x="3274" y="3424"/>
                    </a:lnTo>
                    <a:lnTo>
                      <a:pt x="3281" y="3432"/>
                    </a:lnTo>
                    <a:lnTo>
                      <a:pt x="3288" y="3440"/>
                    </a:lnTo>
                    <a:lnTo>
                      <a:pt x="3297" y="3445"/>
                    </a:lnTo>
                    <a:lnTo>
                      <a:pt x="3308" y="3451"/>
                    </a:lnTo>
                    <a:lnTo>
                      <a:pt x="3332" y="3459"/>
                    </a:lnTo>
                    <a:lnTo>
                      <a:pt x="3357" y="3468"/>
                    </a:lnTo>
                    <a:lnTo>
                      <a:pt x="3370" y="3472"/>
                    </a:lnTo>
                    <a:lnTo>
                      <a:pt x="3382" y="3476"/>
                    </a:lnTo>
                    <a:lnTo>
                      <a:pt x="3392" y="3481"/>
                    </a:lnTo>
                    <a:lnTo>
                      <a:pt x="3402" y="3486"/>
                    </a:lnTo>
                    <a:lnTo>
                      <a:pt x="3410" y="3494"/>
                    </a:lnTo>
                    <a:lnTo>
                      <a:pt x="3417" y="3502"/>
                    </a:lnTo>
                    <a:lnTo>
                      <a:pt x="3419" y="3506"/>
                    </a:lnTo>
                    <a:lnTo>
                      <a:pt x="3422" y="3511"/>
                    </a:lnTo>
                    <a:lnTo>
                      <a:pt x="3422" y="3516"/>
                    </a:lnTo>
                    <a:lnTo>
                      <a:pt x="3423" y="3521"/>
                    </a:lnTo>
                    <a:lnTo>
                      <a:pt x="3423" y="3529"/>
                    </a:lnTo>
                    <a:lnTo>
                      <a:pt x="3420" y="3537"/>
                    </a:lnTo>
                    <a:lnTo>
                      <a:pt x="3418" y="3543"/>
                    </a:lnTo>
                    <a:lnTo>
                      <a:pt x="3415" y="3549"/>
                    </a:lnTo>
                    <a:lnTo>
                      <a:pt x="3407" y="3560"/>
                    </a:lnTo>
                    <a:lnTo>
                      <a:pt x="3401" y="3575"/>
                    </a:lnTo>
                    <a:lnTo>
                      <a:pt x="3398" y="3586"/>
                    </a:lnTo>
                    <a:lnTo>
                      <a:pt x="3398" y="3600"/>
                    </a:lnTo>
                    <a:lnTo>
                      <a:pt x="3398" y="3615"/>
                    </a:lnTo>
                    <a:lnTo>
                      <a:pt x="3400" y="3629"/>
                    </a:lnTo>
                    <a:lnTo>
                      <a:pt x="3406" y="3657"/>
                    </a:lnTo>
                    <a:lnTo>
                      <a:pt x="3413" y="3683"/>
                    </a:lnTo>
                    <a:lnTo>
                      <a:pt x="3413" y="3683"/>
                    </a:lnTo>
                    <a:lnTo>
                      <a:pt x="3404" y="3685"/>
                    </a:lnTo>
                    <a:lnTo>
                      <a:pt x="3393" y="3687"/>
                    </a:lnTo>
                    <a:lnTo>
                      <a:pt x="3393" y="3687"/>
                    </a:lnTo>
                    <a:lnTo>
                      <a:pt x="3388" y="3676"/>
                    </a:lnTo>
                    <a:lnTo>
                      <a:pt x="3382" y="3664"/>
                    </a:lnTo>
                    <a:lnTo>
                      <a:pt x="3365" y="3661"/>
                    </a:lnTo>
                    <a:lnTo>
                      <a:pt x="3348" y="3660"/>
                    </a:lnTo>
                    <a:lnTo>
                      <a:pt x="3339" y="3661"/>
                    </a:lnTo>
                    <a:lnTo>
                      <a:pt x="3331" y="3664"/>
                    </a:lnTo>
                    <a:lnTo>
                      <a:pt x="3323" y="3668"/>
                    </a:lnTo>
                    <a:lnTo>
                      <a:pt x="3315" y="3673"/>
                    </a:lnTo>
                    <a:lnTo>
                      <a:pt x="3309" y="3712"/>
                    </a:lnTo>
                    <a:lnTo>
                      <a:pt x="3309" y="3712"/>
                    </a:lnTo>
                    <a:lnTo>
                      <a:pt x="3282" y="3721"/>
                    </a:lnTo>
                    <a:lnTo>
                      <a:pt x="3256" y="3730"/>
                    </a:lnTo>
                    <a:lnTo>
                      <a:pt x="3235" y="3739"/>
                    </a:lnTo>
                    <a:lnTo>
                      <a:pt x="3221" y="3748"/>
                    </a:lnTo>
                    <a:lnTo>
                      <a:pt x="3212" y="3756"/>
                    </a:lnTo>
                    <a:lnTo>
                      <a:pt x="3201" y="3762"/>
                    </a:lnTo>
                    <a:lnTo>
                      <a:pt x="3192" y="3768"/>
                    </a:lnTo>
                    <a:lnTo>
                      <a:pt x="3183" y="3771"/>
                    </a:lnTo>
                    <a:lnTo>
                      <a:pt x="3165" y="3778"/>
                    </a:lnTo>
                    <a:lnTo>
                      <a:pt x="3147" y="3783"/>
                    </a:lnTo>
                    <a:lnTo>
                      <a:pt x="3129" y="3788"/>
                    </a:lnTo>
                    <a:lnTo>
                      <a:pt x="3109" y="3793"/>
                    </a:lnTo>
                    <a:lnTo>
                      <a:pt x="3091" y="3800"/>
                    </a:lnTo>
                    <a:lnTo>
                      <a:pt x="3071" y="3810"/>
                    </a:lnTo>
                    <a:lnTo>
                      <a:pt x="3065" y="3814"/>
                    </a:lnTo>
                    <a:lnTo>
                      <a:pt x="3062" y="3819"/>
                    </a:lnTo>
                    <a:lnTo>
                      <a:pt x="3059" y="3823"/>
                    </a:lnTo>
                    <a:lnTo>
                      <a:pt x="3058" y="3828"/>
                    </a:lnTo>
                    <a:lnTo>
                      <a:pt x="3058" y="3840"/>
                    </a:lnTo>
                    <a:lnTo>
                      <a:pt x="3060" y="3850"/>
                    </a:lnTo>
                    <a:lnTo>
                      <a:pt x="3064" y="3860"/>
                    </a:lnTo>
                    <a:lnTo>
                      <a:pt x="3064" y="3869"/>
                    </a:lnTo>
                    <a:lnTo>
                      <a:pt x="3064" y="3871"/>
                    </a:lnTo>
                    <a:lnTo>
                      <a:pt x="3062" y="3874"/>
                    </a:lnTo>
                    <a:lnTo>
                      <a:pt x="3058" y="3875"/>
                    </a:lnTo>
                    <a:lnTo>
                      <a:pt x="3052" y="3876"/>
                    </a:lnTo>
                    <a:lnTo>
                      <a:pt x="3023" y="3876"/>
                    </a:lnTo>
                    <a:lnTo>
                      <a:pt x="2994" y="3875"/>
                    </a:lnTo>
                    <a:lnTo>
                      <a:pt x="2980" y="3874"/>
                    </a:lnTo>
                    <a:lnTo>
                      <a:pt x="2966" y="3874"/>
                    </a:lnTo>
                    <a:lnTo>
                      <a:pt x="2950" y="3874"/>
                    </a:lnTo>
                    <a:lnTo>
                      <a:pt x="2935" y="3876"/>
                    </a:lnTo>
                    <a:lnTo>
                      <a:pt x="2905" y="3880"/>
                    </a:lnTo>
                    <a:lnTo>
                      <a:pt x="2863" y="3883"/>
                    </a:lnTo>
                    <a:lnTo>
                      <a:pt x="2843" y="3883"/>
                    </a:lnTo>
                    <a:lnTo>
                      <a:pt x="2823" y="3880"/>
                    </a:lnTo>
                    <a:lnTo>
                      <a:pt x="2814" y="3879"/>
                    </a:lnTo>
                    <a:lnTo>
                      <a:pt x="2806" y="3876"/>
                    </a:lnTo>
                    <a:lnTo>
                      <a:pt x="2800" y="3874"/>
                    </a:lnTo>
                    <a:lnTo>
                      <a:pt x="2793" y="3870"/>
                    </a:lnTo>
                    <a:lnTo>
                      <a:pt x="2786" y="3862"/>
                    </a:lnTo>
                    <a:lnTo>
                      <a:pt x="2779" y="3854"/>
                    </a:lnTo>
                    <a:lnTo>
                      <a:pt x="2774" y="3847"/>
                    </a:lnTo>
                    <a:lnTo>
                      <a:pt x="2769" y="3839"/>
                    </a:lnTo>
                    <a:lnTo>
                      <a:pt x="2764" y="3831"/>
                    </a:lnTo>
                    <a:lnTo>
                      <a:pt x="2756" y="3826"/>
                    </a:lnTo>
                    <a:lnTo>
                      <a:pt x="2747" y="3819"/>
                    </a:lnTo>
                    <a:lnTo>
                      <a:pt x="2734" y="3815"/>
                    </a:lnTo>
                    <a:lnTo>
                      <a:pt x="2701" y="3809"/>
                    </a:lnTo>
                    <a:lnTo>
                      <a:pt x="2676" y="3801"/>
                    </a:lnTo>
                    <a:lnTo>
                      <a:pt x="2670" y="3799"/>
                    </a:lnTo>
                    <a:lnTo>
                      <a:pt x="2665" y="3795"/>
                    </a:lnTo>
                    <a:lnTo>
                      <a:pt x="2660" y="3791"/>
                    </a:lnTo>
                    <a:lnTo>
                      <a:pt x="2656" y="3786"/>
                    </a:lnTo>
                    <a:lnTo>
                      <a:pt x="2652" y="3779"/>
                    </a:lnTo>
                    <a:lnTo>
                      <a:pt x="2650" y="3771"/>
                    </a:lnTo>
                    <a:lnTo>
                      <a:pt x="2646" y="3764"/>
                    </a:lnTo>
                    <a:lnTo>
                      <a:pt x="2643" y="3753"/>
                    </a:lnTo>
                    <a:lnTo>
                      <a:pt x="2641" y="3744"/>
                    </a:lnTo>
                    <a:lnTo>
                      <a:pt x="2635" y="3736"/>
                    </a:lnTo>
                    <a:lnTo>
                      <a:pt x="2630" y="3730"/>
                    </a:lnTo>
                    <a:lnTo>
                      <a:pt x="2622" y="3726"/>
                    </a:lnTo>
                    <a:lnTo>
                      <a:pt x="2615" y="3722"/>
                    </a:lnTo>
                    <a:lnTo>
                      <a:pt x="2607" y="3720"/>
                    </a:lnTo>
                    <a:lnTo>
                      <a:pt x="2598" y="3717"/>
                    </a:lnTo>
                    <a:lnTo>
                      <a:pt x="2589" y="3716"/>
                    </a:lnTo>
                    <a:lnTo>
                      <a:pt x="2572" y="3712"/>
                    </a:lnTo>
                    <a:lnTo>
                      <a:pt x="2558" y="3708"/>
                    </a:lnTo>
                    <a:lnTo>
                      <a:pt x="2551" y="3704"/>
                    </a:lnTo>
                    <a:lnTo>
                      <a:pt x="2546" y="3700"/>
                    </a:lnTo>
                    <a:lnTo>
                      <a:pt x="2543" y="3695"/>
                    </a:lnTo>
                    <a:lnTo>
                      <a:pt x="2542" y="3689"/>
                    </a:lnTo>
                    <a:lnTo>
                      <a:pt x="2539" y="3677"/>
                    </a:lnTo>
                    <a:lnTo>
                      <a:pt x="2537" y="3672"/>
                    </a:lnTo>
                    <a:lnTo>
                      <a:pt x="2536" y="3670"/>
                    </a:lnTo>
                    <a:lnTo>
                      <a:pt x="2534" y="3669"/>
                    </a:lnTo>
                    <a:lnTo>
                      <a:pt x="2532" y="3669"/>
                    </a:lnTo>
                    <a:lnTo>
                      <a:pt x="2529" y="3670"/>
                    </a:lnTo>
                    <a:lnTo>
                      <a:pt x="2516" y="3678"/>
                    </a:lnTo>
                    <a:lnTo>
                      <a:pt x="2498" y="3686"/>
                    </a:lnTo>
                    <a:lnTo>
                      <a:pt x="2490" y="3690"/>
                    </a:lnTo>
                    <a:lnTo>
                      <a:pt x="2482" y="3694"/>
                    </a:lnTo>
                    <a:lnTo>
                      <a:pt x="2476" y="3695"/>
                    </a:lnTo>
                    <a:lnTo>
                      <a:pt x="2468" y="3696"/>
                    </a:lnTo>
                    <a:lnTo>
                      <a:pt x="2460" y="3696"/>
                    </a:lnTo>
                    <a:lnTo>
                      <a:pt x="2453" y="3696"/>
                    </a:lnTo>
                    <a:lnTo>
                      <a:pt x="2445" y="3694"/>
                    </a:lnTo>
                    <a:lnTo>
                      <a:pt x="2436" y="3691"/>
                    </a:lnTo>
                    <a:lnTo>
                      <a:pt x="2428" y="3687"/>
                    </a:lnTo>
                    <a:lnTo>
                      <a:pt x="2423" y="3683"/>
                    </a:lnTo>
                    <a:lnTo>
                      <a:pt x="2422" y="3678"/>
                    </a:lnTo>
                    <a:lnTo>
                      <a:pt x="2422" y="3673"/>
                    </a:lnTo>
                    <a:lnTo>
                      <a:pt x="2423" y="3668"/>
                    </a:lnTo>
                    <a:lnTo>
                      <a:pt x="2423" y="3661"/>
                    </a:lnTo>
                    <a:lnTo>
                      <a:pt x="2423" y="3656"/>
                    </a:lnTo>
                    <a:lnTo>
                      <a:pt x="2420" y="3650"/>
                    </a:lnTo>
                    <a:lnTo>
                      <a:pt x="2416" y="3646"/>
                    </a:lnTo>
                    <a:lnTo>
                      <a:pt x="2411" y="3642"/>
                    </a:lnTo>
                    <a:lnTo>
                      <a:pt x="2403" y="3638"/>
                    </a:lnTo>
                    <a:lnTo>
                      <a:pt x="2396" y="3634"/>
                    </a:lnTo>
                    <a:lnTo>
                      <a:pt x="2376" y="3628"/>
                    </a:lnTo>
                    <a:lnTo>
                      <a:pt x="2356" y="3621"/>
                    </a:lnTo>
                    <a:lnTo>
                      <a:pt x="2333" y="3615"/>
                    </a:lnTo>
                    <a:lnTo>
                      <a:pt x="2313" y="3610"/>
                    </a:lnTo>
                    <a:lnTo>
                      <a:pt x="2295" y="3603"/>
                    </a:lnTo>
                    <a:lnTo>
                      <a:pt x="2280" y="3597"/>
                    </a:lnTo>
                    <a:lnTo>
                      <a:pt x="2276" y="3594"/>
                    </a:lnTo>
                    <a:lnTo>
                      <a:pt x="2274" y="3590"/>
                    </a:lnTo>
                    <a:lnTo>
                      <a:pt x="2273" y="3585"/>
                    </a:lnTo>
                    <a:lnTo>
                      <a:pt x="2271" y="3580"/>
                    </a:lnTo>
                    <a:lnTo>
                      <a:pt x="2271" y="3569"/>
                    </a:lnTo>
                    <a:lnTo>
                      <a:pt x="2273" y="3558"/>
                    </a:lnTo>
                    <a:lnTo>
                      <a:pt x="2273" y="3546"/>
                    </a:lnTo>
                    <a:lnTo>
                      <a:pt x="2270" y="3537"/>
                    </a:lnTo>
                    <a:lnTo>
                      <a:pt x="2269" y="3533"/>
                    </a:lnTo>
                    <a:lnTo>
                      <a:pt x="2265" y="3531"/>
                    </a:lnTo>
                    <a:lnTo>
                      <a:pt x="2260" y="3529"/>
                    </a:lnTo>
                    <a:lnTo>
                      <a:pt x="2253" y="3528"/>
                    </a:lnTo>
                    <a:lnTo>
                      <a:pt x="2244" y="3529"/>
                    </a:lnTo>
                    <a:lnTo>
                      <a:pt x="2234" y="3531"/>
                    </a:lnTo>
                    <a:lnTo>
                      <a:pt x="2223" y="3533"/>
                    </a:lnTo>
                    <a:lnTo>
                      <a:pt x="2213" y="3537"/>
                    </a:lnTo>
                    <a:lnTo>
                      <a:pt x="2191" y="3545"/>
                    </a:lnTo>
                    <a:lnTo>
                      <a:pt x="2169" y="3556"/>
                    </a:lnTo>
                    <a:lnTo>
                      <a:pt x="2126" y="3581"/>
                    </a:lnTo>
                    <a:lnTo>
                      <a:pt x="2089" y="3602"/>
                    </a:lnTo>
                    <a:lnTo>
                      <a:pt x="2077" y="3607"/>
                    </a:lnTo>
                    <a:lnTo>
                      <a:pt x="2064" y="3612"/>
                    </a:lnTo>
                    <a:lnTo>
                      <a:pt x="2051" y="3616"/>
                    </a:lnTo>
                    <a:lnTo>
                      <a:pt x="2037" y="3620"/>
                    </a:lnTo>
                    <a:lnTo>
                      <a:pt x="2024" y="3622"/>
                    </a:lnTo>
                    <a:lnTo>
                      <a:pt x="2011" y="3626"/>
                    </a:lnTo>
                    <a:lnTo>
                      <a:pt x="1998" y="3632"/>
                    </a:lnTo>
                    <a:lnTo>
                      <a:pt x="1985" y="3638"/>
                    </a:lnTo>
                    <a:lnTo>
                      <a:pt x="1968" y="3647"/>
                    </a:lnTo>
                    <a:lnTo>
                      <a:pt x="1957" y="3657"/>
                    </a:lnTo>
                    <a:lnTo>
                      <a:pt x="1946" y="3668"/>
                    </a:lnTo>
                    <a:lnTo>
                      <a:pt x="1938" y="3678"/>
                    </a:lnTo>
                    <a:lnTo>
                      <a:pt x="1931" y="3690"/>
                    </a:lnTo>
                    <a:lnTo>
                      <a:pt x="1923" y="3701"/>
                    </a:lnTo>
                    <a:lnTo>
                      <a:pt x="1914" y="3713"/>
                    </a:lnTo>
                    <a:lnTo>
                      <a:pt x="1902" y="3725"/>
                    </a:lnTo>
                    <a:lnTo>
                      <a:pt x="1898" y="3726"/>
                    </a:lnTo>
                    <a:lnTo>
                      <a:pt x="1889" y="3725"/>
                    </a:lnTo>
                    <a:lnTo>
                      <a:pt x="1880" y="3722"/>
                    </a:lnTo>
                    <a:lnTo>
                      <a:pt x="1870" y="3721"/>
                    </a:lnTo>
                    <a:lnTo>
                      <a:pt x="1866" y="3721"/>
                    </a:lnTo>
                    <a:lnTo>
                      <a:pt x="1861" y="3721"/>
                    </a:lnTo>
                    <a:lnTo>
                      <a:pt x="1857" y="3724"/>
                    </a:lnTo>
                    <a:lnTo>
                      <a:pt x="1854" y="3726"/>
                    </a:lnTo>
                    <a:lnTo>
                      <a:pt x="1853" y="3730"/>
                    </a:lnTo>
                    <a:lnTo>
                      <a:pt x="1852" y="3735"/>
                    </a:lnTo>
                    <a:lnTo>
                      <a:pt x="1852" y="3743"/>
                    </a:lnTo>
                    <a:lnTo>
                      <a:pt x="1854" y="3752"/>
                    </a:lnTo>
                    <a:lnTo>
                      <a:pt x="1858" y="3765"/>
                    </a:lnTo>
                    <a:lnTo>
                      <a:pt x="1863" y="3775"/>
                    </a:lnTo>
                    <a:lnTo>
                      <a:pt x="1867" y="3783"/>
                    </a:lnTo>
                    <a:lnTo>
                      <a:pt x="1872" y="3791"/>
                    </a:lnTo>
                    <a:lnTo>
                      <a:pt x="1875" y="3799"/>
                    </a:lnTo>
                    <a:lnTo>
                      <a:pt x="1876" y="3808"/>
                    </a:lnTo>
                    <a:lnTo>
                      <a:pt x="1876" y="3821"/>
                    </a:lnTo>
                    <a:lnTo>
                      <a:pt x="1874" y="3839"/>
                    </a:lnTo>
                    <a:lnTo>
                      <a:pt x="1871" y="3856"/>
                    </a:lnTo>
                    <a:lnTo>
                      <a:pt x="1870" y="3872"/>
                    </a:lnTo>
                    <a:lnTo>
                      <a:pt x="1868" y="3889"/>
                    </a:lnTo>
                    <a:lnTo>
                      <a:pt x="1868" y="3906"/>
                    </a:lnTo>
                    <a:lnTo>
                      <a:pt x="1870" y="3941"/>
                    </a:lnTo>
                    <a:lnTo>
                      <a:pt x="1872" y="3975"/>
                    </a:lnTo>
                    <a:lnTo>
                      <a:pt x="1872" y="3975"/>
                    </a:lnTo>
                    <a:lnTo>
                      <a:pt x="1845" y="3964"/>
                    </a:lnTo>
                    <a:lnTo>
                      <a:pt x="1815" y="3952"/>
                    </a:lnTo>
                    <a:lnTo>
                      <a:pt x="1800" y="3946"/>
                    </a:lnTo>
                    <a:lnTo>
                      <a:pt x="1785" y="3941"/>
                    </a:lnTo>
                    <a:lnTo>
                      <a:pt x="1770" y="3937"/>
                    </a:lnTo>
                    <a:lnTo>
                      <a:pt x="1756" y="3935"/>
                    </a:lnTo>
                    <a:lnTo>
                      <a:pt x="1743" y="3933"/>
                    </a:lnTo>
                    <a:lnTo>
                      <a:pt x="1730" y="3935"/>
                    </a:lnTo>
                    <a:lnTo>
                      <a:pt x="1716" y="3936"/>
                    </a:lnTo>
                    <a:lnTo>
                      <a:pt x="1703" y="3939"/>
                    </a:lnTo>
                    <a:lnTo>
                      <a:pt x="1690" y="3941"/>
                    </a:lnTo>
                    <a:lnTo>
                      <a:pt x="1675" y="3942"/>
                    </a:lnTo>
                    <a:lnTo>
                      <a:pt x="1664" y="3944"/>
                    </a:lnTo>
                    <a:lnTo>
                      <a:pt x="1651" y="3942"/>
                    </a:lnTo>
                    <a:lnTo>
                      <a:pt x="1642" y="3940"/>
                    </a:lnTo>
                    <a:lnTo>
                      <a:pt x="1635" y="3937"/>
                    </a:lnTo>
                    <a:lnTo>
                      <a:pt x="1629" y="3933"/>
                    </a:lnTo>
                    <a:lnTo>
                      <a:pt x="1624" y="3928"/>
                    </a:lnTo>
                    <a:lnTo>
                      <a:pt x="1613" y="3918"/>
                    </a:lnTo>
                    <a:lnTo>
                      <a:pt x="1600" y="3909"/>
                    </a:lnTo>
                    <a:lnTo>
                      <a:pt x="1589" y="3902"/>
                    </a:lnTo>
                    <a:lnTo>
                      <a:pt x="1576" y="3898"/>
                    </a:lnTo>
                    <a:lnTo>
                      <a:pt x="1565" y="3897"/>
                    </a:lnTo>
                    <a:lnTo>
                      <a:pt x="1554" y="3896"/>
                    </a:lnTo>
                    <a:lnTo>
                      <a:pt x="1529" y="3897"/>
                    </a:lnTo>
                    <a:lnTo>
                      <a:pt x="1503" y="3900"/>
                    </a:lnTo>
                    <a:lnTo>
                      <a:pt x="1494" y="3901"/>
                    </a:lnTo>
                    <a:lnTo>
                      <a:pt x="1485" y="3900"/>
                    </a:lnTo>
                    <a:lnTo>
                      <a:pt x="1476" y="3897"/>
                    </a:lnTo>
                    <a:lnTo>
                      <a:pt x="1469" y="3895"/>
                    </a:lnTo>
                    <a:lnTo>
                      <a:pt x="1462" y="3891"/>
                    </a:lnTo>
                    <a:lnTo>
                      <a:pt x="1456" y="3887"/>
                    </a:lnTo>
                    <a:lnTo>
                      <a:pt x="1450" y="3880"/>
                    </a:lnTo>
                    <a:lnTo>
                      <a:pt x="1445" y="3875"/>
                    </a:lnTo>
                    <a:lnTo>
                      <a:pt x="1427" y="3848"/>
                    </a:lnTo>
                    <a:lnTo>
                      <a:pt x="1407" y="3819"/>
                    </a:lnTo>
                    <a:lnTo>
                      <a:pt x="1407" y="3819"/>
                    </a:lnTo>
                    <a:lnTo>
                      <a:pt x="1411" y="3800"/>
                    </a:lnTo>
                    <a:lnTo>
                      <a:pt x="1405" y="3781"/>
                    </a:lnTo>
                    <a:lnTo>
                      <a:pt x="1397" y="3762"/>
                    </a:lnTo>
                    <a:lnTo>
                      <a:pt x="1393" y="3753"/>
                    </a:lnTo>
                    <a:lnTo>
                      <a:pt x="1386" y="3746"/>
                    </a:lnTo>
                    <a:lnTo>
                      <a:pt x="1380" y="3739"/>
                    </a:lnTo>
                    <a:lnTo>
                      <a:pt x="1372" y="3733"/>
                    </a:lnTo>
                    <a:lnTo>
                      <a:pt x="1362" y="3727"/>
                    </a:lnTo>
                    <a:lnTo>
                      <a:pt x="1352" y="3724"/>
                    </a:lnTo>
                    <a:lnTo>
                      <a:pt x="1341" y="3721"/>
                    </a:lnTo>
                    <a:lnTo>
                      <a:pt x="1331" y="3720"/>
                    </a:lnTo>
                    <a:lnTo>
                      <a:pt x="1311" y="3718"/>
                    </a:lnTo>
                    <a:lnTo>
                      <a:pt x="1289" y="3718"/>
                    </a:lnTo>
                    <a:lnTo>
                      <a:pt x="1289" y="3720"/>
                    </a:lnTo>
                    <a:lnTo>
                      <a:pt x="1289" y="3721"/>
                    </a:lnTo>
                    <a:lnTo>
                      <a:pt x="1289" y="3721"/>
                    </a:lnTo>
                    <a:lnTo>
                      <a:pt x="1283" y="3699"/>
                    </a:lnTo>
                    <a:lnTo>
                      <a:pt x="1276" y="3678"/>
                    </a:lnTo>
                    <a:lnTo>
                      <a:pt x="1272" y="3669"/>
                    </a:lnTo>
                    <a:lnTo>
                      <a:pt x="1266" y="3661"/>
                    </a:lnTo>
                    <a:lnTo>
                      <a:pt x="1262" y="3657"/>
                    </a:lnTo>
                    <a:lnTo>
                      <a:pt x="1258" y="3655"/>
                    </a:lnTo>
                    <a:lnTo>
                      <a:pt x="1253" y="3652"/>
                    </a:lnTo>
                    <a:lnTo>
                      <a:pt x="1247" y="3651"/>
                    </a:lnTo>
                    <a:lnTo>
                      <a:pt x="1234" y="3647"/>
                    </a:lnTo>
                    <a:lnTo>
                      <a:pt x="1222" y="3642"/>
                    </a:lnTo>
                    <a:lnTo>
                      <a:pt x="1212" y="3637"/>
                    </a:lnTo>
                    <a:lnTo>
                      <a:pt x="1201" y="3629"/>
                    </a:lnTo>
                    <a:lnTo>
                      <a:pt x="1180" y="3615"/>
                    </a:lnTo>
                    <a:lnTo>
                      <a:pt x="1158" y="3600"/>
                    </a:lnTo>
                    <a:lnTo>
                      <a:pt x="1138" y="3591"/>
                    </a:lnTo>
                    <a:lnTo>
                      <a:pt x="1116" y="3581"/>
                    </a:lnTo>
                    <a:lnTo>
                      <a:pt x="1105" y="3576"/>
                    </a:lnTo>
                    <a:lnTo>
                      <a:pt x="1095" y="3571"/>
                    </a:lnTo>
                    <a:lnTo>
                      <a:pt x="1086" y="3564"/>
                    </a:lnTo>
                    <a:lnTo>
                      <a:pt x="1077" y="3558"/>
                    </a:lnTo>
                    <a:lnTo>
                      <a:pt x="1070" y="3553"/>
                    </a:lnTo>
                    <a:lnTo>
                      <a:pt x="1065" y="3550"/>
                    </a:lnTo>
                    <a:lnTo>
                      <a:pt x="1060" y="3549"/>
                    </a:lnTo>
                    <a:lnTo>
                      <a:pt x="1056" y="3549"/>
                    </a:lnTo>
                    <a:lnTo>
                      <a:pt x="1054" y="3551"/>
                    </a:lnTo>
                    <a:lnTo>
                      <a:pt x="1051" y="3554"/>
                    </a:lnTo>
                    <a:lnTo>
                      <a:pt x="1050" y="3558"/>
                    </a:lnTo>
                    <a:lnTo>
                      <a:pt x="1048" y="3563"/>
                    </a:lnTo>
                    <a:lnTo>
                      <a:pt x="1048" y="3575"/>
                    </a:lnTo>
                    <a:lnTo>
                      <a:pt x="1048" y="3588"/>
                    </a:lnTo>
                    <a:lnTo>
                      <a:pt x="1050" y="3599"/>
                    </a:lnTo>
                    <a:lnTo>
                      <a:pt x="1051" y="3608"/>
                    </a:lnTo>
                    <a:lnTo>
                      <a:pt x="1051" y="3615"/>
                    </a:lnTo>
                    <a:lnTo>
                      <a:pt x="1048" y="3620"/>
                    </a:lnTo>
                    <a:lnTo>
                      <a:pt x="1044" y="3622"/>
                    </a:lnTo>
                    <a:lnTo>
                      <a:pt x="1039" y="3624"/>
                    </a:lnTo>
                    <a:lnTo>
                      <a:pt x="1032" y="3624"/>
                    </a:lnTo>
                    <a:lnTo>
                      <a:pt x="1024" y="3622"/>
                    </a:lnTo>
                    <a:lnTo>
                      <a:pt x="1015" y="3620"/>
                    </a:lnTo>
                    <a:lnTo>
                      <a:pt x="1006" y="3617"/>
                    </a:lnTo>
                    <a:lnTo>
                      <a:pt x="968" y="3600"/>
                    </a:lnTo>
                    <a:lnTo>
                      <a:pt x="942" y="3589"/>
                    </a:lnTo>
                    <a:lnTo>
                      <a:pt x="929" y="3586"/>
                    </a:lnTo>
                    <a:lnTo>
                      <a:pt x="916" y="3584"/>
                    </a:lnTo>
                    <a:lnTo>
                      <a:pt x="902" y="3584"/>
                    </a:lnTo>
                    <a:lnTo>
                      <a:pt x="889" y="3584"/>
                    </a:lnTo>
                    <a:lnTo>
                      <a:pt x="864" y="3585"/>
                    </a:lnTo>
                    <a:lnTo>
                      <a:pt x="840" y="3586"/>
                    </a:lnTo>
                    <a:lnTo>
                      <a:pt x="829" y="3586"/>
                    </a:lnTo>
                    <a:lnTo>
                      <a:pt x="818" y="3585"/>
                    </a:lnTo>
                    <a:lnTo>
                      <a:pt x="807" y="3581"/>
                    </a:lnTo>
                    <a:lnTo>
                      <a:pt x="797" y="3576"/>
                    </a:lnTo>
                    <a:lnTo>
                      <a:pt x="788" y="3569"/>
                    </a:lnTo>
                    <a:lnTo>
                      <a:pt x="779" y="3559"/>
                    </a:lnTo>
                    <a:lnTo>
                      <a:pt x="770" y="3546"/>
                    </a:lnTo>
                    <a:lnTo>
                      <a:pt x="762" y="3531"/>
                    </a:lnTo>
                    <a:lnTo>
                      <a:pt x="756" y="3515"/>
                    </a:lnTo>
                    <a:lnTo>
                      <a:pt x="750" y="3503"/>
                    </a:lnTo>
                    <a:lnTo>
                      <a:pt x="745" y="3496"/>
                    </a:lnTo>
                    <a:lnTo>
                      <a:pt x="740" y="3490"/>
                    </a:lnTo>
                    <a:lnTo>
                      <a:pt x="734" y="3485"/>
                    </a:lnTo>
                    <a:lnTo>
                      <a:pt x="724" y="3483"/>
                    </a:lnTo>
                    <a:lnTo>
                      <a:pt x="713" y="3479"/>
                    </a:lnTo>
                    <a:lnTo>
                      <a:pt x="697" y="3475"/>
                    </a:lnTo>
                    <a:lnTo>
                      <a:pt x="675" y="3471"/>
                    </a:lnTo>
                    <a:lnTo>
                      <a:pt x="653" y="3468"/>
                    </a:lnTo>
                    <a:lnTo>
                      <a:pt x="648" y="3467"/>
                    </a:lnTo>
                    <a:lnTo>
                      <a:pt x="643" y="3464"/>
                    </a:lnTo>
                    <a:lnTo>
                      <a:pt x="639" y="3462"/>
                    </a:lnTo>
                    <a:lnTo>
                      <a:pt x="635" y="3459"/>
                    </a:lnTo>
                    <a:lnTo>
                      <a:pt x="633" y="3454"/>
                    </a:lnTo>
                    <a:lnTo>
                      <a:pt x="629" y="3450"/>
                    </a:lnTo>
                    <a:lnTo>
                      <a:pt x="627" y="3444"/>
                    </a:lnTo>
                    <a:lnTo>
                      <a:pt x="625" y="3437"/>
                    </a:lnTo>
                    <a:lnTo>
                      <a:pt x="622" y="3420"/>
                    </a:lnTo>
                    <a:lnTo>
                      <a:pt x="618" y="3404"/>
                    </a:lnTo>
                    <a:lnTo>
                      <a:pt x="614" y="3396"/>
                    </a:lnTo>
                    <a:lnTo>
                      <a:pt x="610" y="3389"/>
                    </a:lnTo>
                    <a:lnTo>
                      <a:pt x="608" y="3387"/>
                    </a:lnTo>
                    <a:lnTo>
                      <a:pt x="604" y="3384"/>
                    </a:lnTo>
                    <a:lnTo>
                      <a:pt x="600" y="3383"/>
                    </a:lnTo>
                    <a:lnTo>
                      <a:pt x="596" y="3382"/>
                    </a:lnTo>
                    <a:lnTo>
                      <a:pt x="585" y="3379"/>
                    </a:lnTo>
                    <a:lnTo>
                      <a:pt x="576" y="3375"/>
                    </a:lnTo>
                    <a:lnTo>
                      <a:pt x="566" y="3370"/>
                    </a:lnTo>
                    <a:lnTo>
                      <a:pt x="557" y="3363"/>
                    </a:lnTo>
                    <a:lnTo>
                      <a:pt x="550" y="3357"/>
                    </a:lnTo>
                    <a:lnTo>
                      <a:pt x="542" y="3349"/>
                    </a:lnTo>
                    <a:lnTo>
                      <a:pt x="535" y="3341"/>
                    </a:lnTo>
                    <a:lnTo>
                      <a:pt x="530" y="3332"/>
                    </a:lnTo>
                    <a:lnTo>
                      <a:pt x="520" y="3312"/>
                    </a:lnTo>
                    <a:lnTo>
                      <a:pt x="511" y="3292"/>
                    </a:lnTo>
                    <a:lnTo>
                      <a:pt x="504" y="3270"/>
                    </a:lnTo>
                    <a:lnTo>
                      <a:pt x="498" y="3251"/>
                    </a:lnTo>
                    <a:lnTo>
                      <a:pt x="496" y="3246"/>
                    </a:lnTo>
                    <a:lnTo>
                      <a:pt x="493" y="3243"/>
                    </a:lnTo>
                    <a:lnTo>
                      <a:pt x="487" y="3242"/>
                    </a:lnTo>
                    <a:lnTo>
                      <a:pt x="482" y="3240"/>
                    </a:lnTo>
                    <a:lnTo>
                      <a:pt x="468" y="3242"/>
                    </a:lnTo>
                    <a:lnTo>
                      <a:pt x="454" y="3243"/>
                    </a:lnTo>
                    <a:lnTo>
                      <a:pt x="439" y="3246"/>
                    </a:lnTo>
                    <a:lnTo>
                      <a:pt x="429" y="3246"/>
                    </a:lnTo>
                    <a:lnTo>
                      <a:pt x="425" y="3244"/>
                    </a:lnTo>
                    <a:lnTo>
                      <a:pt x="423" y="3242"/>
                    </a:lnTo>
                    <a:lnTo>
                      <a:pt x="423" y="3238"/>
                    </a:lnTo>
                    <a:lnTo>
                      <a:pt x="424" y="3233"/>
                    </a:lnTo>
                    <a:lnTo>
                      <a:pt x="430" y="3221"/>
                    </a:lnTo>
                    <a:lnTo>
                      <a:pt x="437" y="3208"/>
                    </a:lnTo>
                    <a:lnTo>
                      <a:pt x="439" y="3200"/>
                    </a:lnTo>
                    <a:lnTo>
                      <a:pt x="441" y="3194"/>
                    </a:lnTo>
                    <a:lnTo>
                      <a:pt x="441" y="3186"/>
                    </a:lnTo>
                    <a:lnTo>
                      <a:pt x="438" y="3179"/>
                    </a:lnTo>
                    <a:lnTo>
                      <a:pt x="434" y="3176"/>
                    </a:lnTo>
                    <a:lnTo>
                      <a:pt x="427" y="3170"/>
                    </a:lnTo>
                    <a:lnTo>
                      <a:pt x="417" y="3166"/>
                    </a:lnTo>
                    <a:lnTo>
                      <a:pt x="407" y="3161"/>
                    </a:lnTo>
                    <a:lnTo>
                      <a:pt x="386" y="3154"/>
                    </a:lnTo>
                    <a:lnTo>
                      <a:pt x="371" y="3148"/>
                    </a:lnTo>
                    <a:lnTo>
                      <a:pt x="324" y="3097"/>
                    </a:lnTo>
                    <a:lnTo>
                      <a:pt x="324" y="309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 dirty="0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7" name="Freeform 234">
                <a:extLst>
                  <a:ext uri="{FF2B5EF4-FFF2-40B4-BE49-F238E27FC236}">
                    <a16:creationId xmlns:a16="http://schemas.microsoft.com/office/drawing/2014/main" id="{548166F2-CB22-7C4B-89BF-B33AEF902DD1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4001589" y="4606208"/>
                <a:ext cx="2027542" cy="1717796"/>
              </a:xfrm>
              <a:custGeom>
                <a:avLst/>
                <a:gdLst/>
                <a:ahLst/>
                <a:cxnLst>
                  <a:cxn ang="0">
                    <a:pos x="3360" y="3329"/>
                  </a:cxn>
                  <a:cxn ang="0">
                    <a:pos x="3291" y="3088"/>
                  </a:cxn>
                  <a:cxn ang="0">
                    <a:pos x="3349" y="3150"/>
                  </a:cxn>
                  <a:cxn ang="0">
                    <a:pos x="3787" y="2982"/>
                  </a:cxn>
                  <a:cxn ang="0">
                    <a:pos x="3724" y="2898"/>
                  </a:cxn>
                  <a:cxn ang="0">
                    <a:pos x="4027" y="2905"/>
                  </a:cxn>
                  <a:cxn ang="0">
                    <a:pos x="4044" y="3009"/>
                  </a:cxn>
                  <a:cxn ang="0">
                    <a:pos x="3845" y="3066"/>
                  </a:cxn>
                  <a:cxn ang="0">
                    <a:pos x="4273" y="2826"/>
                  </a:cxn>
                  <a:cxn ang="0">
                    <a:pos x="4439" y="2993"/>
                  </a:cxn>
                  <a:cxn ang="0">
                    <a:pos x="2786" y="969"/>
                  </a:cxn>
                  <a:cxn ang="0">
                    <a:pos x="2971" y="1118"/>
                  </a:cxn>
                  <a:cxn ang="0">
                    <a:pos x="3151" y="1300"/>
                  </a:cxn>
                  <a:cxn ang="0">
                    <a:pos x="3413" y="1289"/>
                  </a:cxn>
                  <a:cxn ang="0">
                    <a:pos x="3646" y="1430"/>
                  </a:cxn>
                  <a:cxn ang="0">
                    <a:pos x="3733" y="1556"/>
                  </a:cxn>
                  <a:cxn ang="0">
                    <a:pos x="4027" y="1675"/>
                  </a:cxn>
                  <a:cxn ang="0">
                    <a:pos x="4215" y="1782"/>
                  </a:cxn>
                  <a:cxn ang="0">
                    <a:pos x="4161" y="1965"/>
                  </a:cxn>
                  <a:cxn ang="0">
                    <a:pos x="3765" y="2137"/>
                  </a:cxn>
                  <a:cxn ang="0">
                    <a:pos x="3217" y="2259"/>
                  </a:cxn>
                  <a:cxn ang="0">
                    <a:pos x="3143" y="2337"/>
                  </a:cxn>
                  <a:cxn ang="0">
                    <a:pos x="2779" y="3001"/>
                  </a:cxn>
                  <a:cxn ang="0">
                    <a:pos x="2758" y="3189"/>
                  </a:cxn>
                  <a:cxn ang="0">
                    <a:pos x="2440" y="3381"/>
                  </a:cxn>
                  <a:cxn ang="0">
                    <a:pos x="2438" y="3519"/>
                  </a:cxn>
                  <a:cxn ang="0">
                    <a:pos x="1932" y="3654"/>
                  </a:cxn>
                  <a:cxn ang="0">
                    <a:pos x="1749" y="3737"/>
                  </a:cxn>
                  <a:cxn ang="0">
                    <a:pos x="1573" y="3763"/>
                  </a:cxn>
                  <a:cxn ang="0">
                    <a:pos x="1423" y="3671"/>
                  </a:cxn>
                  <a:cxn ang="0">
                    <a:pos x="1166" y="3597"/>
                  </a:cxn>
                  <a:cxn ang="0">
                    <a:pos x="859" y="3591"/>
                  </a:cxn>
                  <a:cxn ang="0">
                    <a:pos x="603" y="3668"/>
                  </a:cxn>
                  <a:cxn ang="0">
                    <a:pos x="368" y="3575"/>
                  </a:cxn>
                  <a:cxn ang="0">
                    <a:pos x="350" y="3369"/>
                  </a:cxn>
                  <a:cxn ang="0">
                    <a:pos x="377" y="3228"/>
                  </a:cxn>
                  <a:cxn ang="0">
                    <a:pos x="35" y="2924"/>
                  </a:cxn>
                  <a:cxn ang="0">
                    <a:pos x="132" y="2628"/>
                  </a:cxn>
                  <a:cxn ang="0">
                    <a:pos x="258" y="2528"/>
                  </a:cxn>
                  <a:cxn ang="0">
                    <a:pos x="373" y="2142"/>
                  </a:cxn>
                  <a:cxn ang="0">
                    <a:pos x="338" y="1854"/>
                  </a:cxn>
                  <a:cxn ang="0">
                    <a:pos x="612" y="1587"/>
                  </a:cxn>
                  <a:cxn ang="0">
                    <a:pos x="745" y="1303"/>
                  </a:cxn>
                  <a:cxn ang="0">
                    <a:pos x="907" y="1113"/>
                  </a:cxn>
                  <a:cxn ang="0">
                    <a:pos x="766" y="896"/>
                  </a:cxn>
                  <a:cxn ang="0">
                    <a:pos x="460" y="833"/>
                  </a:cxn>
                  <a:cxn ang="0">
                    <a:pos x="390" y="689"/>
                  </a:cxn>
                  <a:cxn ang="0">
                    <a:pos x="283" y="606"/>
                  </a:cxn>
                  <a:cxn ang="0">
                    <a:pos x="293" y="522"/>
                  </a:cxn>
                  <a:cxn ang="0">
                    <a:pos x="285" y="438"/>
                  </a:cxn>
                  <a:cxn ang="0">
                    <a:pos x="248" y="421"/>
                  </a:cxn>
                  <a:cxn ang="0">
                    <a:pos x="302" y="283"/>
                  </a:cxn>
                  <a:cxn ang="0">
                    <a:pos x="245" y="186"/>
                  </a:cxn>
                  <a:cxn ang="0">
                    <a:pos x="305" y="98"/>
                  </a:cxn>
                  <a:cxn ang="0">
                    <a:pos x="511" y="122"/>
                  </a:cxn>
                  <a:cxn ang="0">
                    <a:pos x="631" y="105"/>
                  </a:cxn>
                  <a:cxn ang="0">
                    <a:pos x="776" y="0"/>
                  </a:cxn>
                  <a:cxn ang="0">
                    <a:pos x="908" y="102"/>
                  </a:cxn>
                  <a:cxn ang="0">
                    <a:pos x="1305" y="296"/>
                  </a:cxn>
                  <a:cxn ang="0">
                    <a:pos x="1427" y="342"/>
                  </a:cxn>
                  <a:cxn ang="0">
                    <a:pos x="2048" y="597"/>
                  </a:cxn>
                  <a:cxn ang="0">
                    <a:pos x="2209" y="689"/>
                  </a:cxn>
                  <a:cxn ang="0">
                    <a:pos x="2429" y="752"/>
                  </a:cxn>
                </a:cxnLst>
                <a:rect l="0" t="0" r="r" b="b"/>
                <a:pathLst>
                  <a:path w="4453" h="3803">
                    <a:moveTo>
                      <a:pt x="3350" y="3291"/>
                    </a:moveTo>
                    <a:lnTo>
                      <a:pt x="3344" y="3285"/>
                    </a:lnTo>
                    <a:lnTo>
                      <a:pt x="3338" y="3278"/>
                    </a:lnTo>
                    <a:lnTo>
                      <a:pt x="3335" y="3277"/>
                    </a:lnTo>
                    <a:lnTo>
                      <a:pt x="3331" y="3275"/>
                    </a:lnTo>
                    <a:lnTo>
                      <a:pt x="3327" y="3273"/>
                    </a:lnTo>
                    <a:lnTo>
                      <a:pt x="3322" y="3272"/>
                    </a:lnTo>
                    <a:lnTo>
                      <a:pt x="3315" y="3272"/>
                    </a:lnTo>
                    <a:lnTo>
                      <a:pt x="3308" y="3275"/>
                    </a:lnTo>
                    <a:lnTo>
                      <a:pt x="3304" y="3276"/>
                    </a:lnTo>
                    <a:lnTo>
                      <a:pt x="3301" y="3277"/>
                    </a:lnTo>
                    <a:lnTo>
                      <a:pt x="3300" y="3280"/>
                    </a:lnTo>
                    <a:lnTo>
                      <a:pt x="3299" y="3284"/>
                    </a:lnTo>
                    <a:lnTo>
                      <a:pt x="3301" y="3288"/>
                    </a:lnTo>
                    <a:lnTo>
                      <a:pt x="3308" y="3291"/>
                    </a:lnTo>
                    <a:lnTo>
                      <a:pt x="3314" y="3294"/>
                    </a:lnTo>
                    <a:lnTo>
                      <a:pt x="3318" y="3295"/>
                    </a:lnTo>
                    <a:lnTo>
                      <a:pt x="3327" y="3299"/>
                    </a:lnTo>
                    <a:lnTo>
                      <a:pt x="3335" y="3303"/>
                    </a:lnTo>
                    <a:lnTo>
                      <a:pt x="3340" y="3310"/>
                    </a:lnTo>
                    <a:lnTo>
                      <a:pt x="3345" y="3317"/>
                    </a:lnTo>
                    <a:lnTo>
                      <a:pt x="3347" y="3321"/>
                    </a:lnTo>
                    <a:lnTo>
                      <a:pt x="3349" y="3324"/>
                    </a:lnTo>
                    <a:lnTo>
                      <a:pt x="3352" y="3326"/>
                    </a:lnTo>
                    <a:lnTo>
                      <a:pt x="3356" y="3329"/>
                    </a:lnTo>
                    <a:lnTo>
                      <a:pt x="3360" y="3329"/>
                    </a:lnTo>
                    <a:lnTo>
                      <a:pt x="3362" y="3329"/>
                    </a:lnTo>
                    <a:lnTo>
                      <a:pt x="3365" y="3326"/>
                    </a:lnTo>
                    <a:lnTo>
                      <a:pt x="3367" y="3323"/>
                    </a:lnTo>
                    <a:lnTo>
                      <a:pt x="3350" y="3291"/>
                    </a:lnTo>
                    <a:close/>
                    <a:moveTo>
                      <a:pt x="3283" y="3199"/>
                    </a:moveTo>
                    <a:lnTo>
                      <a:pt x="3279" y="3198"/>
                    </a:lnTo>
                    <a:lnTo>
                      <a:pt x="3274" y="3194"/>
                    </a:lnTo>
                    <a:lnTo>
                      <a:pt x="3269" y="3190"/>
                    </a:lnTo>
                    <a:lnTo>
                      <a:pt x="3262" y="3184"/>
                    </a:lnTo>
                    <a:lnTo>
                      <a:pt x="3253" y="3172"/>
                    </a:lnTo>
                    <a:lnTo>
                      <a:pt x="3247" y="3163"/>
                    </a:lnTo>
                    <a:lnTo>
                      <a:pt x="3240" y="3152"/>
                    </a:lnTo>
                    <a:lnTo>
                      <a:pt x="3233" y="3135"/>
                    </a:lnTo>
                    <a:lnTo>
                      <a:pt x="3230" y="3127"/>
                    </a:lnTo>
                    <a:lnTo>
                      <a:pt x="3230" y="3119"/>
                    </a:lnTo>
                    <a:lnTo>
                      <a:pt x="3230" y="3117"/>
                    </a:lnTo>
                    <a:lnTo>
                      <a:pt x="3231" y="3115"/>
                    </a:lnTo>
                    <a:lnTo>
                      <a:pt x="3234" y="3114"/>
                    </a:lnTo>
                    <a:lnTo>
                      <a:pt x="3236" y="3113"/>
                    </a:lnTo>
                    <a:lnTo>
                      <a:pt x="3252" y="3115"/>
                    </a:lnTo>
                    <a:lnTo>
                      <a:pt x="3265" y="3118"/>
                    </a:lnTo>
                    <a:lnTo>
                      <a:pt x="3271" y="3117"/>
                    </a:lnTo>
                    <a:lnTo>
                      <a:pt x="3278" y="3114"/>
                    </a:lnTo>
                    <a:lnTo>
                      <a:pt x="3283" y="3110"/>
                    </a:lnTo>
                    <a:lnTo>
                      <a:pt x="3287" y="3101"/>
                    </a:lnTo>
                    <a:lnTo>
                      <a:pt x="3291" y="3088"/>
                    </a:lnTo>
                    <a:lnTo>
                      <a:pt x="3295" y="3076"/>
                    </a:lnTo>
                    <a:lnTo>
                      <a:pt x="3297" y="3071"/>
                    </a:lnTo>
                    <a:lnTo>
                      <a:pt x="3300" y="3067"/>
                    </a:lnTo>
                    <a:lnTo>
                      <a:pt x="3305" y="3062"/>
                    </a:lnTo>
                    <a:lnTo>
                      <a:pt x="3312" y="3058"/>
                    </a:lnTo>
                    <a:lnTo>
                      <a:pt x="3323" y="3054"/>
                    </a:lnTo>
                    <a:lnTo>
                      <a:pt x="3332" y="3052"/>
                    </a:lnTo>
                    <a:lnTo>
                      <a:pt x="3341" y="3052"/>
                    </a:lnTo>
                    <a:lnTo>
                      <a:pt x="3350" y="3053"/>
                    </a:lnTo>
                    <a:lnTo>
                      <a:pt x="3369" y="3056"/>
                    </a:lnTo>
                    <a:lnTo>
                      <a:pt x="3391" y="3056"/>
                    </a:lnTo>
                    <a:lnTo>
                      <a:pt x="3400" y="3057"/>
                    </a:lnTo>
                    <a:lnTo>
                      <a:pt x="3405" y="3058"/>
                    </a:lnTo>
                    <a:lnTo>
                      <a:pt x="3410" y="3062"/>
                    </a:lnTo>
                    <a:lnTo>
                      <a:pt x="3411" y="3067"/>
                    </a:lnTo>
                    <a:lnTo>
                      <a:pt x="3413" y="3074"/>
                    </a:lnTo>
                    <a:lnTo>
                      <a:pt x="3411" y="3080"/>
                    </a:lnTo>
                    <a:lnTo>
                      <a:pt x="3410" y="3087"/>
                    </a:lnTo>
                    <a:lnTo>
                      <a:pt x="3407" y="3095"/>
                    </a:lnTo>
                    <a:lnTo>
                      <a:pt x="3401" y="3106"/>
                    </a:lnTo>
                    <a:lnTo>
                      <a:pt x="3395" y="3117"/>
                    </a:lnTo>
                    <a:lnTo>
                      <a:pt x="3387" y="3124"/>
                    </a:lnTo>
                    <a:lnTo>
                      <a:pt x="3378" y="3131"/>
                    </a:lnTo>
                    <a:lnTo>
                      <a:pt x="3369" y="3137"/>
                    </a:lnTo>
                    <a:lnTo>
                      <a:pt x="3360" y="3144"/>
                    </a:lnTo>
                    <a:lnTo>
                      <a:pt x="3349" y="3150"/>
                    </a:lnTo>
                    <a:lnTo>
                      <a:pt x="3340" y="3159"/>
                    </a:lnTo>
                    <a:lnTo>
                      <a:pt x="3335" y="3167"/>
                    </a:lnTo>
                    <a:lnTo>
                      <a:pt x="3332" y="3175"/>
                    </a:lnTo>
                    <a:lnTo>
                      <a:pt x="3328" y="3183"/>
                    </a:lnTo>
                    <a:lnTo>
                      <a:pt x="3326" y="3190"/>
                    </a:lnTo>
                    <a:lnTo>
                      <a:pt x="3322" y="3198"/>
                    </a:lnTo>
                    <a:lnTo>
                      <a:pt x="3317" y="3202"/>
                    </a:lnTo>
                    <a:lnTo>
                      <a:pt x="3314" y="3203"/>
                    </a:lnTo>
                    <a:lnTo>
                      <a:pt x="3309" y="3205"/>
                    </a:lnTo>
                    <a:lnTo>
                      <a:pt x="3305" y="3205"/>
                    </a:lnTo>
                    <a:lnTo>
                      <a:pt x="3299" y="3203"/>
                    </a:lnTo>
                    <a:lnTo>
                      <a:pt x="3283" y="3199"/>
                    </a:lnTo>
                    <a:close/>
                    <a:moveTo>
                      <a:pt x="3845" y="3066"/>
                    </a:moveTo>
                    <a:lnTo>
                      <a:pt x="3843" y="3035"/>
                    </a:lnTo>
                    <a:lnTo>
                      <a:pt x="3841" y="3001"/>
                    </a:lnTo>
                    <a:lnTo>
                      <a:pt x="3840" y="2995"/>
                    </a:lnTo>
                    <a:lnTo>
                      <a:pt x="3838" y="2988"/>
                    </a:lnTo>
                    <a:lnTo>
                      <a:pt x="3835" y="2982"/>
                    </a:lnTo>
                    <a:lnTo>
                      <a:pt x="3831" y="2978"/>
                    </a:lnTo>
                    <a:lnTo>
                      <a:pt x="3826" y="2974"/>
                    </a:lnTo>
                    <a:lnTo>
                      <a:pt x="3819" y="2973"/>
                    </a:lnTo>
                    <a:lnTo>
                      <a:pt x="3812" y="2971"/>
                    </a:lnTo>
                    <a:lnTo>
                      <a:pt x="3803" y="2973"/>
                    </a:lnTo>
                    <a:lnTo>
                      <a:pt x="3797" y="2975"/>
                    </a:lnTo>
                    <a:lnTo>
                      <a:pt x="3792" y="2978"/>
                    </a:lnTo>
                    <a:lnTo>
                      <a:pt x="3787" y="2982"/>
                    </a:lnTo>
                    <a:lnTo>
                      <a:pt x="3783" y="2986"/>
                    </a:lnTo>
                    <a:lnTo>
                      <a:pt x="3774" y="2995"/>
                    </a:lnTo>
                    <a:lnTo>
                      <a:pt x="3764" y="3003"/>
                    </a:lnTo>
                    <a:lnTo>
                      <a:pt x="3760" y="3004"/>
                    </a:lnTo>
                    <a:lnTo>
                      <a:pt x="3757" y="3005"/>
                    </a:lnTo>
                    <a:lnTo>
                      <a:pt x="3755" y="3005"/>
                    </a:lnTo>
                    <a:lnTo>
                      <a:pt x="3752" y="3004"/>
                    </a:lnTo>
                    <a:lnTo>
                      <a:pt x="3748" y="3001"/>
                    </a:lnTo>
                    <a:lnTo>
                      <a:pt x="3746" y="2996"/>
                    </a:lnTo>
                    <a:lnTo>
                      <a:pt x="3744" y="2983"/>
                    </a:lnTo>
                    <a:lnTo>
                      <a:pt x="3744" y="2971"/>
                    </a:lnTo>
                    <a:lnTo>
                      <a:pt x="3737" y="2966"/>
                    </a:lnTo>
                    <a:lnTo>
                      <a:pt x="3727" y="2958"/>
                    </a:lnTo>
                    <a:lnTo>
                      <a:pt x="3718" y="2949"/>
                    </a:lnTo>
                    <a:lnTo>
                      <a:pt x="3709" y="2939"/>
                    </a:lnTo>
                    <a:lnTo>
                      <a:pt x="3705" y="2934"/>
                    </a:lnTo>
                    <a:lnTo>
                      <a:pt x="3702" y="2929"/>
                    </a:lnTo>
                    <a:lnTo>
                      <a:pt x="3699" y="2924"/>
                    </a:lnTo>
                    <a:lnTo>
                      <a:pt x="3698" y="2918"/>
                    </a:lnTo>
                    <a:lnTo>
                      <a:pt x="3698" y="2913"/>
                    </a:lnTo>
                    <a:lnTo>
                      <a:pt x="3699" y="2908"/>
                    </a:lnTo>
                    <a:lnTo>
                      <a:pt x="3703" y="2904"/>
                    </a:lnTo>
                    <a:lnTo>
                      <a:pt x="3707" y="2900"/>
                    </a:lnTo>
                    <a:lnTo>
                      <a:pt x="3711" y="2899"/>
                    </a:lnTo>
                    <a:lnTo>
                      <a:pt x="3717" y="2898"/>
                    </a:lnTo>
                    <a:lnTo>
                      <a:pt x="3724" y="2898"/>
                    </a:lnTo>
                    <a:lnTo>
                      <a:pt x="3731" y="2899"/>
                    </a:lnTo>
                    <a:lnTo>
                      <a:pt x="3747" y="2899"/>
                    </a:lnTo>
                    <a:lnTo>
                      <a:pt x="3757" y="2900"/>
                    </a:lnTo>
                    <a:lnTo>
                      <a:pt x="3773" y="2898"/>
                    </a:lnTo>
                    <a:lnTo>
                      <a:pt x="3787" y="2894"/>
                    </a:lnTo>
                    <a:lnTo>
                      <a:pt x="3800" y="2889"/>
                    </a:lnTo>
                    <a:lnTo>
                      <a:pt x="3814" y="2883"/>
                    </a:lnTo>
                    <a:lnTo>
                      <a:pt x="3841" y="2870"/>
                    </a:lnTo>
                    <a:lnTo>
                      <a:pt x="3869" y="2860"/>
                    </a:lnTo>
                    <a:lnTo>
                      <a:pt x="3883" y="2856"/>
                    </a:lnTo>
                    <a:lnTo>
                      <a:pt x="3904" y="2852"/>
                    </a:lnTo>
                    <a:lnTo>
                      <a:pt x="3930" y="2851"/>
                    </a:lnTo>
                    <a:lnTo>
                      <a:pt x="3955" y="2850"/>
                    </a:lnTo>
                    <a:lnTo>
                      <a:pt x="3970" y="2850"/>
                    </a:lnTo>
                    <a:lnTo>
                      <a:pt x="3981" y="2850"/>
                    </a:lnTo>
                    <a:lnTo>
                      <a:pt x="3993" y="2851"/>
                    </a:lnTo>
                    <a:lnTo>
                      <a:pt x="4003" y="2854"/>
                    </a:lnTo>
                    <a:lnTo>
                      <a:pt x="4012" y="2856"/>
                    </a:lnTo>
                    <a:lnTo>
                      <a:pt x="4019" y="2860"/>
                    </a:lnTo>
                    <a:lnTo>
                      <a:pt x="4020" y="2863"/>
                    </a:lnTo>
                    <a:lnTo>
                      <a:pt x="4023" y="2865"/>
                    </a:lnTo>
                    <a:lnTo>
                      <a:pt x="4024" y="2868"/>
                    </a:lnTo>
                    <a:lnTo>
                      <a:pt x="4024" y="2870"/>
                    </a:lnTo>
                    <a:lnTo>
                      <a:pt x="4024" y="2881"/>
                    </a:lnTo>
                    <a:lnTo>
                      <a:pt x="4025" y="2892"/>
                    </a:lnTo>
                    <a:lnTo>
                      <a:pt x="4027" y="2905"/>
                    </a:lnTo>
                    <a:lnTo>
                      <a:pt x="4031" y="2918"/>
                    </a:lnTo>
                    <a:lnTo>
                      <a:pt x="4032" y="2924"/>
                    </a:lnTo>
                    <a:lnTo>
                      <a:pt x="4034" y="2930"/>
                    </a:lnTo>
                    <a:lnTo>
                      <a:pt x="4037" y="2934"/>
                    </a:lnTo>
                    <a:lnTo>
                      <a:pt x="4041" y="2939"/>
                    </a:lnTo>
                    <a:lnTo>
                      <a:pt x="4045" y="2942"/>
                    </a:lnTo>
                    <a:lnTo>
                      <a:pt x="4049" y="2944"/>
                    </a:lnTo>
                    <a:lnTo>
                      <a:pt x="4054" y="2944"/>
                    </a:lnTo>
                    <a:lnTo>
                      <a:pt x="4060" y="2944"/>
                    </a:lnTo>
                    <a:lnTo>
                      <a:pt x="4073" y="2942"/>
                    </a:lnTo>
                    <a:lnTo>
                      <a:pt x="4082" y="2940"/>
                    </a:lnTo>
                    <a:lnTo>
                      <a:pt x="4089" y="2939"/>
                    </a:lnTo>
                    <a:lnTo>
                      <a:pt x="4093" y="2940"/>
                    </a:lnTo>
                    <a:lnTo>
                      <a:pt x="4094" y="2943"/>
                    </a:lnTo>
                    <a:lnTo>
                      <a:pt x="4094" y="2949"/>
                    </a:lnTo>
                    <a:lnTo>
                      <a:pt x="4094" y="2957"/>
                    </a:lnTo>
                    <a:lnTo>
                      <a:pt x="4094" y="2969"/>
                    </a:lnTo>
                    <a:lnTo>
                      <a:pt x="4094" y="2974"/>
                    </a:lnTo>
                    <a:lnTo>
                      <a:pt x="4093" y="2978"/>
                    </a:lnTo>
                    <a:lnTo>
                      <a:pt x="4091" y="2982"/>
                    </a:lnTo>
                    <a:lnTo>
                      <a:pt x="4090" y="2984"/>
                    </a:lnTo>
                    <a:lnTo>
                      <a:pt x="4085" y="2990"/>
                    </a:lnTo>
                    <a:lnTo>
                      <a:pt x="4079" y="2992"/>
                    </a:lnTo>
                    <a:lnTo>
                      <a:pt x="4064" y="2997"/>
                    </a:lnTo>
                    <a:lnTo>
                      <a:pt x="4050" y="3004"/>
                    </a:lnTo>
                    <a:lnTo>
                      <a:pt x="4044" y="3009"/>
                    </a:lnTo>
                    <a:lnTo>
                      <a:pt x="4038" y="3015"/>
                    </a:lnTo>
                    <a:lnTo>
                      <a:pt x="4032" y="3023"/>
                    </a:lnTo>
                    <a:lnTo>
                      <a:pt x="4027" y="3031"/>
                    </a:lnTo>
                    <a:lnTo>
                      <a:pt x="4014" y="3050"/>
                    </a:lnTo>
                    <a:lnTo>
                      <a:pt x="4002" y="3071"/>
                    </a:lnTo>
                    <a:lnTo>
                      <a:pt x="3989" y="3089"/>
                    </a:lnTo>
                    <a:lnTo>
                      <a:pt x="3976" y="3106"/>
                    </a:lnTo>
                    <a:lnTo>
                      <a:pt x="3968" y="3113"/>
                    </a:lnTo>
                    <a:lnTo>
                      <a:pt x="3962" y="3119"/>
                    </a:lnTo>
                    <a:lnTo>
                      <a:pt x="3954" y="3122"/>
                    </a:lnTo>
                    <a:lnTo>
                      <a:pt x="3946" y="3124"/>
                    </a:lnTo>
                    <a:lnTo>
                      <a:pt x="3941" y="3119"/>
                    </a:lnTo>
                    <a:lnTo>
                      <a:pt x="3937" y="3114"/>
                    </a:lnTo>
                    <a:lnTo>
                      <a:pt x="3935" y="3109"/>
                    </a:lnTo>
                    <a:lnTo>
                      <a:pt x="3932" y="3104"/>
                    </a:lnTo>
                    <a:lnTo>
                      <a:pt x="3928" y="3100"/>
                    </a:lnTo>
                    <a:lnTo>
                      <a:pt x="3924" y="3097"/>
                    </a:lnTo>
                    <a:lnTo>
                      <a:pt x="3918" y="3095"/>
                    </a:lnTo>
                    <a:lnTo>
                      <a:pt x="3908" y="3096"/>
                    </a:lnTo>
                    <a:lnTo>
                      <a:pt x="3897" y="3097"/>
                    </a:lnTo>
                    <a:lnTo>
                      <a:pt x="3884" y="3100"/>
                    </a:lnTo>
                    <a:lnTo>
                      <a:pt x="3878" y="3101"/>
                    </a:lnTo>
                    <a:lnTo>
                      <a:pt x="3873" y="3101"/>
                    </a:lnTo>
                    <a:lnTo>
                      <a:pt x="3866" y="3101"/>
                    </a:lnTo>
                    <a:lnTo>
                      <a:pt x="3862" y="3100"/>
                    </a:lnTo>
                    <a:lnTo>
                      <a:pt x="3845" y="3066"/>
                    </a:lnTo>
                    <a:close/>
                    <a:moveTo>
                      <a:pt x="4375" y="2944"/>
                    </a:moveTo>
                    <a:lnTo>
                      <a:pt x="4366" y="2943"/>
                    </a:lnTo>
                    <a:lnTo>
                      <a:pt x="4358" y="2939"/>
                    </a:lnTo>
                    <a:lnTo>
                      <a:pt x="4351" y="2934"/>
                    </a:lnTo>
                    <a:lnTo>
                      <a:pt x="4342" y="2930"/>
                    </a:lnTo>
                    <a:lnTo>
                      <a:pt x="4334" y="2925"/>
                    </a:lnTo>
                    <a:lnTo>
                      <a:pt x="4325" y="2920"/>
                    </a:lnTo>
                    <a:lnTo>
                      <a:pt x="4317" y="2916"/>
                    </a:lnTo>
                    <a:lnTo>
                      <a:pt x="4308" y="2913"/>
                    </a:lnTo>
                    <a:lnTo>
                      <a:pt x="4294" y="2911"/>
                    </a:lnTo>
                    <a:lnTo>
                      <a:pt x="4281" y="2909"/>
                    </a:lnTo>
                    <a:lnTo>
                      <a:pt x="4266" y="2909"/>
                    </a:lnTo>
                    <a:lnTo>
                      <a:pt x="4252" y="2908"/>
                    </a:lnTo>
                    <a:lnTo>
                      <a:pt x="4244" y="2905"/>
                    </a:lnTo>
                    <a:lnTo>
                      <a:pt x="4240" y="2903"/>
                    </a:lnTo>
                    <a:lnTo>
                      <a:pt x="4239" y="2899"/>
                    </a:lnTo>
                    <a:lnTo>
                      <a:pt x="4240" y="2895"/>
                    </a:lnTo>
                    <a:lnTo>
                      <a:pt x="4247" y="2885"/>
                    </a:lnTo>
                    <a:lnTo>
                      <a:pt x="4253" y="2874"/>
                    </a:lnTo>
                    <a:lnTo>
                      <a:pt x="4259" y="2861"/>
                    </a:lnTo>
                    <a:lnTo>
                      <a:pt x="4260" y="2846"/>
                    </a:lnTo>
                    <a:lnTo>
                      <a:pt x="4263" y="2839"/>
                    </a:lnTo>
                    <a:lnTo>
                      <a:pt x="4265" y="2833"/>
                    </a:lnTo>
                    <a:lnTo>
                      <a:pt x="4268" y="2830"/>
                    </a:lnTo>
                    <a:lnTo>
                      <a:pt x="4270" y="2829"/>
                    </a:lnTo>
                    <a:lnTo>
                      <a:pt x="4273" y="2826"/>
                    </a:lnTo>
                    <a:lnTo>
                      <a:pt x="4277" y="2826"/>
                    </a:lnTo>
                    <a:lnTo>
                      <a:pt x="4288" y="2825"/>
                    </a:lnTo>
                    <a:lnTo>
                      <a:pt x="4303" y="2825"/>
                    </a:lnTo>
                    <a:lnTo>
                      <a:pt x="4317" y="2826"/>
                    </a:lnTo>
                    <a:lnTo>
                      <a:pt x="4332" y="2829"/>
                    </a:lnTo>
                    <a:lnTo>
                      <a:pt x="4362" y="2835"/>
                    </a:lnTo>
                    <a:lnTo>
                      <a:pt x="4388" y="2841"/>
                    </a:lnTo>
                    <a:lnTo>
                      <a:pt x="4408" y="2842"/>
                    </a:lnTo>
                    <a:lnTo>
                      <a:pt x="4427" y="2845"/>
                    </a:lnTo>
                    <a:lnTo>
                      <a:pt x="4435" y="2847"/>
                    </a:lnTo>
                    <a:lnTo>
                      <a:pt x="4441" y="2852"/>
                    </a:lnTo>
                    <a:lnTo>
                      <a:pt x="4443" y="2855"/>
                    </a:lnTo>
                    <a:lnTo>
                      <a:pt x="4445" y="2859"/>
                    </a:lnTo>
                    <a:lnTo>
                      <a:pt x="4446" y="2864"/>
                    </a:lnTo>
                    <a:lnTo>
                      <a:pt x="4448" y="2869"/>
                    </a:lnTo>
                    <a:lnTo>
                      <a:pt x="4449" y="2894"/>
                    </a:lnTo>
                    <a:lnTo>
                      <a:pt x="4452" y="2917"/>
                    </a:lnTo>
                    <a:lnTo>
                      <a:pt x="4453" y="2940"/>
                    </a:lnTo>
                    <a:lnTo>
                      <a:pt x="4452" y="2965"/>
                    </a:lnTo>
                    <a:lnTo>
                      <a:pt x="4452" y="2971"/>
                    </a:lnTo>
                    <a:lnTo>
                      <a:pt x="4450" y="2981"/>
                    </a:lnTo>
                    <a:lnTo>
                      <a:pt x="4450" y="2984"/>
                    </a:lnTo>
                    <a:lnTo>
                      <a:pt x="4449" y="2988"/>
                    </a:lnTo>
                    <a:lnTo>
                      <a:pt x="4446" y="2991"/>
                    </a:lnTo>
                    <a:lnTo>
                      <a:pt x="4444" y="2993"/>
                    </a:lnTo>
                    <a:lnTo>
                      <a:pt x="4439" y="2993"/>
                    </a:lnTo>
                    <a:lnTo>
                      <a:pt x="4432" y="2992"/>
                    </a:lnTo>
                    <a:lnTo>
                      <a:pt x="4424" y="2990"/>
                    </a:lnTo>
                    <a:lnTo>
                      <a:pt x="4417" y="2984"/>
                    </a:lnTo>
                    <a:lnTo>
                      <a:pt x="4402" y="2975"/>
                    </a:lnTo>
                    <a:lnTo>
                      <a:pt x="4392" y="2966"/>
                    </a:lnTo>
                    <a:lnTo>
                      <a:pt x="4388" y="2960"/>
                    </a:lnTo>
                    <a:lnTo>
                      <a:pt x="4383" y="2952"/>
                    </a:lnTo>
                    <a:lnTo>
                      <a:pt x="4380" y="2948"/>
                    </a:lnTo>
                    <a:lnTo>
                      <a:pt x="4379" y="2946"/>
                    </a:lnTo>
                    <a:lnTo>
                      <a:pt x="4377" y="2944"/>
                    </a:lnTo>
                    <a:lnTo>
                      <a:pt x="4375" y="2944"/>
                    </a:lnTo>
                    <a:close/>
                    <a:moveTo>
                      <a:pt x="2687" y="828"/>
                    </a:moveTo>
                    <a:lnTo>
                      <a:pt x="2734" y="879"/>
                    </a:lnTo>
                    <a:lnTo>
                      <a:pt x="2749" y="885"/>
                    </a:lnTo>
                    <a:lnTo>
                      <a:pt x="2770" y="892"/>
                    </a:lnTo>
                    <a:lnTo>
                      <a:pt x="2780" y="897"/>
                    </a:lnTo>
                    <a:lnTo>
                      <a:pt x="2790" y="901"/>
                    </a:lnTo>
                    <a:lnTo>
                      <a:pt x="2797" y="907"/>
                    </a:lnTo>
                    <a:lnTo>
                      <a:pt x="2801" y="910"/>
                    </a:lnTo>
                    <a:lnTo>
                      <a:pt x="2804" y="917"/>
                    </a:lnTo>
                    <a:lnTo>
                      <a:pt x="2804" y="925"/>
                    </a:lnTo>
                    <a:lnTo>
                      <a:pt x="2802" y="931"/>
                    </a:lnTo>
                    <a:lnTo>
                      <a:pt x="2800" y="939"/>
                    </a:lnTo>
                    <a:lnTo>
                      <a:pt x="2793" y="952"/>
                    </a:lnTo>
                    <a:lnTo>
                      <a:pt x="2787" y="964"/>
                    </a:lnTo>
                    <a:lnTo>
                      <a:pt x="2786" y="969"/>
                    </a:lnTo>
                    <a:lnTo>
                      <a:pt x="2786" y="973"/>
                    </a:lnTo>
                    <a:lnTo>
                      <a:pt x="2788" y="975"/>
                    </a:lnTo>
                    <a:lnTo>
                      <a:pt x="2792" y="977"/>
                    </a:lnTo>
                    <a:lnTo>
                      <a:pt x="2802" y="977"/>
                    </a:lnTo>
                    <a:lnTo>
                      <a:pt x="2817" y="974"/>
                    </a:lnTo>
                    <a:lnTo>
                      <a:pt x="2831" y="973"/>
                    </a:lnTo>
                    <a:lnTo>
                      <a:pt x="2845" y="971"/>
                    </a:lnTo>
                    <a:lnTo>
                      <a:pt x="2850" y="973"/>
                    </a:lnTo>
                    <a:lnTo>
                      <a:pt x="2856" y="974"/>
                    </a:lnTo>
                    <a:lnTo>
                      <a:pt x="2859" y="977"/>
                    </a:lnTo>
                    <a:lnTo>
                      <a:pt x="2861" y="982"/>
                    </a:lnTo>
                    <a:lnTo>
                      <a:pt x="2867" y="1001"/>
                    </a:lnTo>
                    <a:lnTo>
                      <a:pt x="2874" y="1023"/>
                    </a:lnTo>
                    <a:lnTo>
                      <a:pt x="2883" y="1043"/>
                    </a:lnTo>
                    <a:lnTo>
                      <a:pt x="2893" y="1063"/>
                    </a:lnTo>
                    <a:lnTo>
                      <a:pt x="2898" y="1072"/>
                    </a:lnTo>
                    <a:lnTo>
                      <a:pt x="2905" y="1080"/>
                    </a:lnTo>
                    <a:lnTo>
                      <a:pt x="2913" y="1088"/>
                    </a:lnTo>
                    <a:lnTo>
                      <a:pt x="2920" y="1094"/>
                    </a:lnTo>
                    <a:lnTo>
                      <a:pt x="2929" y="1101"/>
                    </a:lnTo>
                    <a:lnTo>
                      <a:pt x="2939" y="1106"/>
                    </a:lnTo>
                    <a:lnTo>
                      <a:pt x="2948" y="1110"/>
                    </a:lnTo>
                    <a:lnTo>
                      <a:pt x="2959" y="1113"/>
                    </a:lnTo>
                    <a:lnTo>
                      <a:pt x="2963" y="1114"/>
                    </a:lnTo>
                    <a:lnTo>
                      <a:pt x="2967" y="1115"/>
                    </a:lnTo>
                    <a:lnTo>
                      <a:pt x="2971" y="1118"/>
                    </a:lnTo>
                    <a:lnTo>
                      <a:pt x="2973" y="1120"/>
                    </a:lnTo>
                    <a:lnTo>
                      <a:pt x="2977" y="1127"/>
                    </a:lnTo>
                    <a:lnTo>
                      <a:pt x="2981" y="1135"/>
                    </a:lnTo>
                    <a:lnTo>
                      <a:pt x="2985" y="1151"/>
                    </a:lnTo>
                    <a:lnTo>
                      <a:pt x="2988" y="1168"/>
                    </a:lnTo>
                    <a:lnTo>
                      <a:pt x="2990" y="1175"/>
                    </a:lnTo>
                    <a:lnTo>
                      <a:pt x="2992" y="1181"/>
                    </a:lnTo>
                    <a:lnTo>
                      <a:pt x="2996" y="1185"/>
                    </a:lnTo>
                    <a:lnTo>
                      <a:pt x="2998" y="1190"/>
                    </a:lnTo>
                    <a:lnTo>
                      <a:pt x="3002" y="1193"/>
                    </a:lnTo>
                    <a:lnTo>
                      <a:pt x="3006" y="1195"/>
                    </a:lnTo>
                    <a:lnTo>
                      <a:pt x="3011" y="1198"/>
                    </a:lnTo>
                    <a:lnTo>
                      <a:pt x="3016" y="1199"/>
                    </a:lnTo>
                    <a:lnTo>
                      <a:pt x="3038" y="1202"/>
                    </a:lnTo>
                    <a:lnTo>
                      <a:pt x="3060" y="1206"/>
                    </a:lnTo>
                    <a:lnTo>
                      <a:pt x="3076" y="1210"/>
                    </a:lnTo>
                    <a:lnTo>
                      <a:pt x="3087" y="1214"/>
                    </a:lnTo>
                    <a:lnTo>
                      <a:pt x="3097" y="1216"/>
                    </a:lnTo>
                    <a:lnTo>
                      <a:pt x="3103" y="1221"/>
                    </a:lnTo>
                    <a:lnTo>
                      <a:pt x="3108" y="1227"/>
                    </a:lnTo>
                    <a:lnTo>
                      <a:pt x="3113" y="1234"/>
                    </a:lnTo>
                    <a:lnTo>
                      <a:pt x="3119" y="1246"/>
                    </a:lnTo>
                    <a:lnTo>
                      <a:pt x="3125" y="1262"/>
                    </a:lnTo>
                    <a:lnTo>
                      <a:pt x="3133" y="1277"/>
                    </a:lnTo>
                    <a:lnTo>
                      <a:pt x="3142" y="1290"/>
                    </a:lnTo>
                    <a:lnTo>
                      <a:pt x="3151" y="1300"/>
                    </a:lnTo>
                    <a:lnTo>
                      <a:pt x="3160" y="1307"/>
                    </a:lnTo>
                    <a:lnTo>
                      <a:pt x="3170" y="1312"/>
                    </a:lnTo>
                    <a:lnTo>
                      <a:pt x="3181" y="1316"/>
                    </a:lnTo>
                    <a:lnTo>
                      <a:pt x="3192" y="1317"/>
                    </a:lnTo>
                    <a:lnTo>
                      <a:pt x="3203" y="1317"/>
                    </a:lnTo>
                    <a:lnTo>
                      <a:pt x="3227" y="1316"/>
                    </a:lnTo>
                    <a:lnTo>
                      <a:pt x="3252" y="1315"/>
                    </a:lnTo>
                    <a:lnTo>
                      <a:pt x="3265" y="1315"/>
                    </a:lnTo>
                    <a:lnTo>
                      <a:pt x="3279" y="1315"/>
                    </a:lnTo>
                    <a:lnTo>
                      <a:pt x="3292" y="1317"/>
                    </a:lnTo>
                    <a:lnTo>
                      <a:pt x="3305" y="1320"/>
                    </a:lnTo>
                    <a:lnTo>
                      <a:pt x="3331" y="1331"/>
                    </a:lnTo>
                    <a:lnTo>
                      <a:pt x="3369" y="1348"/>
                    </a:lnTo>
                    <a:lnTo>
                      <a:pt x="3378" y="1351"/>
                    </a:lnTo>
                    <a:lnTo>
                      <a:pt x="3387" y="1353"/>
                    </a:lnTo>
                    <a:lnTo>
                      <a:pt x="3395" y="1355"/>
                    </a:lnTo>
                    <a:lnTo>
                      <a:pt x="3402" y="1355"/>
                    </a:lnTo>
                    <a:lnTo>
                      <a:pt x="3407" y="1353"/>
                    </a:lnTo>
                    <a:lnTo>
                      <a:pt x="3411" y="1351"/>
                    </a:lnTo>
                    <a:lnTo>
                      <a:pt x="3414" y="1346"/>
                    </a:lnTo>
                    <a:lnTo>
                      <a:pt x="3414" y="1339"/>
                    </a:lnTo>
                    <a:lnTo>
                      <a:pt x="3413" y="1330"/>
                    </a:lnTo>
                    <a:lnTo>
                      <a:pt x="3411" y="1319"/>
                    </a:lnTo>
                    <a:lnTo>
                      <a:pt x="3411" y="1306"/>
                    </a:lnTo>
                    <a:lnTo>
                      <a:pt x="3411" y="1294"/>
                    </a:lnTo>
                    <a:lnTo>
                      <a:pt x="3413" y="1289"/>
                    </a:lnTo>
                    <a:lnTo>
                      <a:pt x="3414" y="1285"/>
                    </a:lnTo>
                    <a:lnTo>
                      <a:pt x="3417" y="1282"/>
                    </a:lnTo>
                    <a:lnTo>
                      <a:pt x="3419" y="1280"/>
                    </a:lnTo>
                    <a:lnTo>
                      <a:pt x="3423" y="1280"/>
                    </a:lnTo>
                    <a:lnTo>
                      <a:pt x="3428" y="1281"/>
                    </a:lnTo>
                    <a:lnTo>
                      <a:pt x="3433" y="1284"/>
                    </a:lnTo>
                    <a:lnTo>
                      <a:pt x="3440" y="1289"/>
                    </a:lnTo>
                    <a:lnTo>
                      <a:pt x="3449" y="1295"/>
                    </a:lnTo>
                    <a:lnTo>
                      <a:pt x="3458" y="1302"/>
                    </a:lnTo>
                    <a:lnTo>
                      <a:pt x="3468" y="1307"/>
                    </a:lnTo>
                    <a:lnTo>
                      <a:pt x="3479" y="1312"/>
                    </a:lnTo>
                    <a:lnTo>
                      <a:pt x="3501" y="1322"/>
                    </a:lnTo>
                    <a:lnTo>
                      <a:pt x="3521" y="1331"/>
                    </a:lnTo>
                    <a:lnTo>
                      <a:pt x="3543" y="1346"/>
                    </a:lnTo>
                    <a:lnTo>
                      <a:pt x="3564" y="1360"/>
                    </a:lnTo>
                    <a:lnTo>
                      <a:pt x="3575" y="1368"/>
                    </a:lnTo>
                    <a:lnTo>
                      <a:pt x="3585" y="1373"/>
                    </a:lnTo>
                    <a:lnTo>
                      <a:pt x="3597" y="1378"/>
                    </a:lnTo>
                    <a:lnTo>
                      <a:pt x="3610" y="1382"/>
                    </a:lnTo>
                    <a:lnTo>
                      <a:pt x="3616" y="1383"/>
                    </a:lnTo>
                    <a:lnTo>
                      <a:pt x="3621" y="1386"/>
                    </a:lnTo>
                    <a:lnTo>
                      <a:pt x="3625" y="1388"/>
                    </a:lnTo>
                    <a:lnTo>
                      <a:pt x="3629" y="1392"/>
                    </a:lnTo>
                    <a:lnTo>
                      <a:pt x="3635" y="1400"/>
                    </a:lnTo>
                    <a:lnTo>
                      <a:pt x="3639" y="1409"/>
                    </a:lnTo>
                    <a:lnTo>
                      <a:pt x="3646" y="1430"/>
                    </a:lnTo>
                    <a:lnTo>
                      <a:pt x="3652" y="1452"/>
                    </a:lnTo>
                    <a:lnTo>
                      <a:pt x="3645" y="1461"/>
                    </a:lnTo>
                    <a:lnTo>
                      <a:pt x="3637" y="1470"/>
                    </a:lnTo>
                    <a:lnTo>
                      <a:pt x="3633" y="1475"/>
                    </a:lnTo>
                    <a:lnTo>
                      <a:pt x="3630" y="1480"/>
                    </a:lnTo>
                    <a:lnTo>
                      <a:pt x="3629" y="1486"/>
                    </a:lnTo>
                    <a:lnTo>
                      <a:pt x="3628" y="1492"/>
                    </a:lnTo>
                    <a:lnTo>
                      <a:pt x="3628" y="1504"/>
                    </a:lnTo>
                    <a:lnTo>
                      <a:pt x="3628" y="1517"/>
                    </a:lnTo>
                    <a:lnTo>
                      <a:pt x="3629" y="1530"/>
                    </a:lnTo>
                    <a:lnTo>
                      <a:pt x="3632" y="1541"/>
                    </a:lnTo>
                    <a:lnTo>
                      <a:pt x="3633" y="1546"/>
                    </a:lnTo>
                    <a:lnTo>
                      <a:pt x="3635" y="1553"/>
                    </a:lnTo>
                    <a:lnTo>
                      <a:pt x="3638" y="1557"/>
                    </a:lnTo>
                    <a:lnTo>
                      <a:pt x="3642" y="1562"/>
                    </a:lnTo>
                    <a:lnTo>
                      <a:pt x="3646" y="1566"/>
                    </a:lnTo>
                    <a:lnTo>
                      <a:pt x="3651" y="1570"/>
                    </a:lnTo>
                    <a:lnTo>
                      <a:pt x="3658" y="1572"/>
                    </a:lnTo>
                    <a:lnTo>
                      <a:pt x="3664" y="1575"/>
                    </a:lnTo>
                    <a:lnTo>
                      <a:pt x="3670" y="1576"/>
                    </a:lnTo>
                    <a:lnTo>
                      <a:pt x="3677" y="1576"/>
                    </a:lnTo>
                    <a:lnTo>
                      <a:pt x="3685" y="1575"/>
                    </a:lnTo>
                    <a:lnTo>
                      <a:pt x="3692" y="1572"/>
                    </a:lnTo>
                    <a:lnTo>
                      <a:pt x="3708" y="1566"/>
                    </a:lnTo>
                    <a:lnTo>
                      <a:pt x="3721" y="1561"/>
                    </a:lnTo>
                    <a:lnTo>
                      <a:pt x="3733" y="1556"/>
                    </a:lnTo>
                    <a:lnTo>
                      <a:pt x="3744" y="1552"/>
                    </a:lnTo>
                    <a:lnTo>
                      <a:pt x="3757" y="1550"/>
                    </a:lnTo>
                    <a:lnTo>
                      <a:pt x="3770" y="1550"/>
                    </a:lnTo>
                    <a:lnTo>
                      <a:pt x="3790" y="1579"/>
                    </a:lnTo>
                    <a:lnTo>
                      <a:pt x="3808" y="1606"/>
                    </a:lnTo>
                    <a:lnTo>
                      <a:pt x="3813" y="1611"/>
                    </a:lnTo>
                    <a:lnTo>
                      <a:pt x="3819" y="1618"/>
                    </a:lnTo>
                    <a:lnTo>
                      <a:pt x="3825" y="1622"/>
                    </a:lnTo>
                    <a:lnTo>
                      <a:pt x="3832" y="1626"/>
                    </a:lnTo>
                    <a:lnTo>
                      <a:pt x="3839" y="1628"/>
                    </a:lnTo>
                    <a:lnTo>
                      <a:pt x="3848" y="1631"/>
                    </a:lnTo>
                    <a:lnTo>
                      <a:pt x="3857" y="1632"/>
                    </a:lnTo>
                    <a:lnTo>
                      <a:pt x="3866" y="1631"/>
                    </a:lnTo>
                    <a:lnTo>
                      <a:pt x="3892" y="1628"/>
                    </a:lnTo>
                    <a:lnTo>
                      <a:pt x="3917" y="1627"/>
                    </a:lnTo>
                    <a:lnTo>
                      <a:pt x="3928" y="1628"/>
                    </a:lnTo>
                    <a:lnTo>
                      <a:pt x="3939" y="1629"/>
                    </a:lnTo>
                    <a:lnTo>
                      <a:pt x="3952" y="1633"/>
                    </a:lnTo>
                    <a:lnTo>
                      <a:pt x="3963" y="1640"/>
                    </a:lnTo>
                    <a:lnTo>
                      <a:pt x="3976" y="1649"/>
                    </a:lnTo>
                    <a:lnTo>
                      <a:pt x="3987" y="1659"/>
                    </a:lnTo>
                    <a:lnTo>
                      <a:pt x="3992" y="1664"/>
                    </a:lnTo>
                    <a:lnTo>
                      <a:pt x="3998" y="1668"/>
                    </a:lnTo>
                    <a:lnTo>
                      <a:pt x="4005" y="1671"/>
                    </a:lnTo>
                    <a:lnTo>
                      <a:pt x="4014" y="1673"/>
                    </a:lnTo>
                    <a:lnTo>
                      <a:pt x="4027" y="1675"/>
                    </a:lnTo>
                    <a:lnTo>
                      <a:pt x="4038" y="1673"/>
                    </a:lnTo>
                    <a:lnTo>
                      <a:pt x="4053" y="1672"/>
                    </a:lnTo>
                    <a:lnTo>
                      <a:pt x="4066" y="1670"/>
                    </a:lnTo>
                    <a:lnTo>
                      <a:pt x="4079" y="1667"/>
                    </a:lnTo>
                    <a:lnTo>
                      <a:pt x="4093" y="1666"/>
                    </a:lnTo>
                    <a:lnTo>
                      <a:pt x="4106" y="1664"/>
                    </a:lnTo>
                    <a:lnTo>
                      <a:pt x="4119" y="1666"/>
                    </a:lnTo>
                    <a:lnTo>
                      <a:pt x="4133" y="1668"/>
                    </a:lnTo>
                    <a:lnTo>
                      <a:pt x="4148" y="1672"/>
                    </a:lnTo>
                    <a:lnTo>
                      <a:pt x="4163" y="1677"/>
                    </a:lnTo>
                    <a:lnTo>
                      <a:pt x="4178" y="1683"/>
                    </a:lnTo>
                    <a:lnTo>
                      <a:pt x="4208" y="1695"/>
                    </a:lnTo>
                    <a:lnTo>
                      <a:pt x="4235" y="1706"/>
                    </a:lnTo>
                    <a:lnTo>
                      <a:pt x="4237" y="1717"/>
                    </a:lnTo>
                    <a:lnTo>
                      <a:pt x="4238" y="1728"/>
                    </a:lnTo>
                    <a:lnTo>
                      <a:pt x="4243" y="1742"/>
                    </a:lnTo>
                    <a:lnTo>
                      <a:pt x="4252" y="1758"/>
                    </a:lnTo>
                    <a:lnTo>
                      <a:pt x="4256" y="1765"/>
                    </a:lnTo>
                    <a:lnTo>
                      <a:pt x="4259" y="1774"/>
                    </a:lnTo>
                    <a:lnTo>
                      <a:pt x="4261" y="1782"/>
                    </a:lnTo>
                    <a:lnTo>
                      <a:pt x="4263" y="1790"/>
                    </a:lnTo>
                    <a:lnTo>
                      <a:pt x="4261" y="1790"/>
                    </a:lnTo>
                    <a:lnTo>
                      <a:pt x="4250" y="1787"/>
                    </a:lnTo>
                    <a:lnTo>
                      <a:pt x="4231" y="1782"/>
                    </a:lnTo>
                    <a:lnTo>
                      <a:pt x="4222" y="1781"/>
                    </a:lnTo>
                    <a:lnTo>
                      <a:pt x="4215" y="1782"/>
                    </a:lnTo>
                    <a:lnTo>
                      <a:pt x="4212" y="1784"/>
                    </a:lnTo>
                    <a:lnTo>
                      <a:pt x="4209" y="1785"/>
                    </a:lnTo>
                    <a:lnTo>
                      <a:pt x="4208" y="1787"/>
                    </a:lnTo>
                    <a:lnTo>
                      <a:pt x="4208" y="1791"/>
                    </a:lnTo>
                    <a:lnTo>
                      <a:pt x="4208" y="1808"/>
                    </a:lnTo>
                    <a:lnTo>
                      <a:pt x="4209" y="1825"/>
                    </a:lnTo>
                    <a:lnTo>
                      <a:pt x="4213" y="1842"/>
                    </a:lnTo>
                    <a:lnTo>
                      <a:pt x="4218" y="1856"/>
                    </a:lnTo>
                    <a:lnTo>
                      <a:pt x="4222" y="1865"/>
                    </a:lnTo>
                    <a:lnTo>
                      <a:pt x="4225" y="1874"/>
                    </a:lnTo>
                    <a:lnTo>
                      <a:pt x="4228" y="1883"/>
                    </a:lnTo>
                    <a:lnTo>
                      <a:pt x="4229" y="1891"/>
                    </a:lnTo>
                    <a:lnTo>
                      <a:pt x="4230" y="1900"/>
                    </a:lnTo>
                    <a:lnTo>
                      <a:pt x="4230" y="1908"/>
                    </a:lnTo>
                    <a:lnTo>
                      <a:pt x="4229" y="1916"/>
                    </a:lnTo>
                    <a:lnTo>
                      <a:pt x="4228" y="1923"/>
                    </a:lnTo>
                    <a:lnTo>
                      <a:pt x="4225" y="1931"/>
                    </a:lnTo>
                    <a:lnTo>
                      <a:pt x="4221" y="1938"/>
                    </a:lnTo>
                    <a:lnTo>
                      <a:pt x="4216" y="1943"/>
                    </a:lnTo>
                    <a:lnTo>
                      <a:pt x="4211" y="1948"/>
                    </a:lnTo>
                    <a:lnTo>
                      <a:pt x="4204" y="1953"/>
                    </a:lnTo>
                    <a:lnTo>
                      <a:pt x="4196" y="1957"/>
                    </a:lnTo>
                    <a:lnTo>
                      <a:pt x="4187" y="1960"/>
                    </a:lnTo>
                    <a:lnTo>
                      <a:pt x="4177" y="1961"/>
                    </a:lnTo>
                    <a:lnTo>
                      <a:pt x="4169" y="1962"/>
                    </a:lnTo>
                    <a:lnTo>
                      <a:pt x="4161" y="1965"/>
                    </a:lnTo>
                    <a:lnTo>
                      <a:pt x="4154" y="1968"/>
                    </a:lnTo>
                    <a:lnTo>
                      <a:pt x="4146" y="1971"/>
                    </a:lnTo>
                    <a:lnTo>
                      <a:pt x="4130" y="1980"/>
                    </a:lnTo>
                    <a:lnTo>
                      <a:pt x="4115" y="1991"/>
                    </a:lnTo>
                    <a:lnTo>
                      <a:pt x="4098" y="2002"/>
                    </a:lnTo>
                    <a:lnTo>
                      <a:pt x="4082" y="2012"/>
                    </a:lnTo>
                    <a:lnTo>
                      <a:pt x="4064" y="2021"/>
                    </a:lnTo>
                    <a:lnTo>
                      <a:pt x="4047" y="2027"/>
                    </a:lnTo>
                    <a:lnTo>
                      <a:pt x="4023" y="2031"/>
                    </a:lnTo>
                    <a:lnTo>
                      <a:pt x="3994" y="2035"/>
                    </a:lnTo>
                    <a:lnTo>
                      <a:pt x="3962" y="2039"/>
                    </a:lnTo>
                    <a:lnTo>
                      <a:pt x="3930" y="2043"/>
                    </a:lnTo>
                    <a:lnTo>
                      <a:pt x="3913" y="2045"/>
                    </a:lnTo>
                    <a:lnTo>
                      <a:pt x="3897" y="2048"/>
                    </a:lnTo>
                    <a:lnTo>
                      <a:pt x="3883" y="2052"/>
                    </a:lnTo>
                    <a:lnTo>
                      <a:pt x="3869" y="2057"/>
                    </a:lnTo>
                    <a:lnTo>
                      <a:pt x="3856" y="2061"/>
                    </a:lnTo>
                    <a:lnTo>
                      <a:pt x="3844" y="2067"/>
                    </a:lnTo>
                    <a:lnTo>
                      <a:pt x="3835" y="2074"/>
                    </a:lnTo>
                    <a:lnTo>
                      <a:pt x="3827" y="2082"/>
                    </a:lnTo>
                    <a:lnTo>
                      <a:pt x="3819" y="2091"/>
                    </a:lnTo>
                    <a:lnTo>
                      <a:pt x="3810" y="2101"/>
                    </a:lnTo>
                    <a:lnTo>
                      <a:pt x="3800" y="2111"/>
                    </a:lnTo>
                    <a:lnTo>
                      <a:pt x="3788" y="2120"/>
                    </a:lnTo>
                    <a:lnTo>
                      <a:pt x="3778" y="2129"/>
                    </a:lnTo>
                    <a:lnTo>
                      <a:pt x="3765" y="2137"/>
                    </a:lnTo>
                    <a:lnTo>
                      <a:pt x="3753" y="2142"/>
                    </a:lnTo>
                    <a:lnTo>
                      <a:pt x="3742" y="2145"/>
                    </a:lnTo>
                    <a:lnTo>
                      <a:pt x="3707" y="2149"/>
                    </a:lnTo>
                    <a:lnTo>
                      <a:pt x="3670" y="2153"/>
                    </a:lnTo>
                    <a:lnTo>
                      <a:pt x="3634" y="2154"/>
                    </a:lnTo>
                    <a:lnTo>
                      <a:pt x="3598" y="2153"/>
                    </a:lnTo>
                    <a:lnTo>
                      <a:pt x="3573" y="2153"/>
                    </a:lnTo>
                    <a:lnTo>
                      <a:pt x="3538" y="2151"/>
                    </a:lnTo>
                    <a:lnTo>
                      <a:pt x="3498" y="2150"/>
                    </a:lnTo>
                    <a:lnTo>
                      <a:pt x="3454" y="2150"/>
                    </a:lnTo>
                    <a:lnTo>
                      <a:pt x="3411" y="2150"/>
                    </a:lnTo>
                    <a:lnTo>
                      <a:pt x="3374" y="2154"/>
                    </a:lnTo>
                    <a:lnTo>
                      <a:pt x="3357" y="2157"/>
                    </a:lnTo>
                    <a:lnTo>
                      <a:pt x="3343" y="2159"/>
                    </a:lnTo>
                    <a:lnTo>
                      <a:pt x="3331" y="2164"/>
                    </a:lnTo>
                    <a:lnTo>
                      <a:pt x="3323" y="2170"/>
                    </a:lnTo>
                    <a:lnTo>
                      <a:pt x="3312" y="2177"/>
                    </a:lnTo>
                    <a:lnTo>
                      <a:pt x="3292" y="2190"/>
                    </a:lnTo>
                    <a:lnTo>
                      <a:pt x="3270" y="2205"/>
                    </a:lnTo>
                    <a:lnTo>
                      <a:pt x="3248" y="2220"/>
                    </a:lnTo>
                    <a:lnTo>
                      <a:pt x="3239" y="2228"/>
                    </a:lnTo>
                    <a:lnTo>
                      <a:pt x="3230" y="2236"/>
                    </a:lnTo>
                    <a:lnTo>
                      <a:pt x="3224" y="2245"/>
                    </a:lnTo>
                    <a:lnTo>
                      <a:pt x="3220" y="2252"/>
                    </a:lnTo>
                    <a:lnTo>
                      <a:pt x="3218" y="2256"/>
                    </a:lnTo>
                    <a:lnTo>
                      <a:pt x="3217" y="2259"/>
                    </a:lnTo>
                    <a:lnTo>
                      <a:pt x="3218" y="2263"/>
                    </a:lnTo>
                    <a:lnTo>
                      <a:pt x="3218" y="2267"/>
                    </a:lnTo>
                    <a:lnTo>
                      <a:pt x="3221" y="2269"/>
                    </a:lnTo>
                    <a:lnTo>
                      <a:pt x="3224" y="2273"/>
                    </a:lnTo>
                    <a:lnTo>
                      <a:pt x="3227" y="2276"/>
                    </a:lnTo>
                    <a:lnTo>
                      <a:pt x="3233" y="2278"/>
                    </a:lnTo>
                    <a:lnTo>
                      <a:pt x="3258" y="2290"/>
                    </a:lnTo>
                    <a:lnTo>
                      <a:pt x="3266" y="2295"/>
                    </a:lnTo>
                    <a:lnTo>
                      <a:pt x="3258" y="2303"/>
                    </a:lnTo>
                    <a:lnTo>
                      <a:pt x="3234" y="2324"/>
                    </a:lnTo>
                    <a:lnTo>
                      <a:pt x="3225" y="2333"/>
                    </a:lnTo>
                    <a:lnTo>
                      <a:pt x="3213" y="2343"/>
                    </a:lnTo>
                    <a:lnTo>
                      <a:pt x="3208" y="2348"/>
                    </a:lnTo>
                    <a:lnTo>
                      <a:pt x="3201" y="2351"/>
                    </a:lnTo>
                    <a:lnTo>
                      <a:pt x="3195" y="2352"/>
                    </a:lnTo>
                    <a:lnTo>
                      <a:pt x="3187" y="2351"/>
                    </a:lnTo>
                    <a:lnTo>
                      <a:pt x="3187" y="2335"/>
                    </a:lnTo>
                    <a:lnTo>
                      <a:pt x="3186" y="2324"/>
                    </a:lnTo>
                    <a:lnTo>
                      <a:pt x="3185" y="2315"/>
                    </a:lnTo>
                    <a:lnTo>
                      <a:pt x="3182" y="2308"/>
                    </a:lnTo>
                    <a:lnTo>
                      <a:pt x="3179" y="2306"/>
                    </a:lnTo>
                    <a:lnTo>
                      <a:pt x="3176" y="2304"/>
                    </a:lnTo>
                    <a:lnTo>
                      <a:pt x="3172" y="2306"/>
                    </a:lnTo>
                    <a:lnTo>
                      <a:pt x="3167" y="2309"/>
                    </a:lnTo>
                    <a:lnTo>
                      <a:pt x="3156" y="2321"/>
                    </a:lnTo>
                    <a:lnTo>
                      <a:pt x="3143" y="2337"/>
                    </a:lnTo>
                    <a:lnTo>
                      <a:pt x="3128" y="2355"/>
                    </a:lnTo>
                    <a:lnTo>
                      <a:pt x="3111" y="2373"/>
                    </a:lnTo>
                    <a:lnTo>
                      <a:pt x="2896" y="2574"/>
                    </a:lnTo>
                    <a:lnTo>
                      <a:pt x="2881" y="2588"/>
                    </a:lnTo>
                    <a:lnTo>
                      <a:pt x="2866" y="2606"/>
                    </a:lnTo>
                    <a:lnTo>
                      <a:pt x="2850" y="2626"/>
                    </a:lnTo>
                    <a:lnTo>
                      <a:pt x="2834" y="2646"/>
                    </a:lnTo>
                    <a:lnTo>
                      <a:pt x="2818" y="2666"/>
                    </a:lnTo>
                    <a:lnTo>
                      <a:pt x="2801" y="2684"/>
                    </a:lnTo>
                    <a:lnTo>
                      <a:pt x="2786" y="2699"/>
                    </a:lnTo>
                    <a:lnTo>
                      <a:pt x="2771" y="2710"/>
                    </a:lnTo>
                    <a:lnTo>
                      <a:pt x="2761" y="2720"/>
                    </a:lnTo>
                    <a:lnTo>
                      <a:pt x="2753" y="2732"/>
                    </a:lnTo>
                    <a:lnTo>
                      <a:pt x="2747" y="2743"/>
                    </a:lnTo>
                    <a:lnTo>
                      <a:pt x="2742" y="2756"/>
                    </a:lnTo>
                    <a:lnTo>
                      <a:pt x="2739" y="2771"/>
                    </a:lnTo>
                    <a:lnTo>
                      <a:pt x="2738" y="2785"/>
                    </a:lnTo>
                    <a:lnTo>
                      <a:pt x="2736" y="2799"/>
                    </a:lnTo>
                    <a:lnTo>
                      <a:pt x="2738" y="2815"/>
                    </a:lnTo>
                    <a:lnTo>
                      <a:pt x="2742" y="2846"/>
                    </a:lnTo>
                    <a:lnTo>
                      <a:pt x="2748" y="2876"/>
                    </a:lnTo>
                    <a:lnTo>
                      <a:pt x="2756" y="2904"/>
                    </a:lnTo>
                    <a:lnTo>
                      <a:pt x="2761" y="2930"/>
                    </a:lnTo>
                    <a:lnTo>
                      <a:pt x="2766" y="2952"/>
                    </a:lnTo>
                    <a:lnTo>
                      <a:pt x="2771" y="2977"/>
                    </a:lnTo>
                    <a:lnTo>
                      <a:pt x="2779" y="3001"/>
                    </a:lnTo>
                    <a:lnTo>
                      <a:pt x="2788" y="3025"/>
                    </a:lnTo>
                    <a:lnTo>
                      <a:pt x="2793" y="3036"/>
                    </a:lnTo>
                    <a:lnTo>
                      <a:pt x="2800" y="3047"/>
                    </a:lnTo>
                    <a:lnTo>
                      <a:pt x="2808" y="3057"/>
                    </a:lnTo>
                    <a:lnTo>
                      <a:pt x="2815" y="3066"/>
                    </a:lnTo>
                    <a:lnTo>
                      <a:pt x="2824" y="3074"/>
                    </a:lnTo>
                    <a:lnTo>
                      <a:pt x="2834" y="3080"/>
                    </a:lnTo>
                    <a:lnTo>
                      <a:pt x="2844" y="3087"/>
                    </a:lnTo>
                    <a:lnTo>
                      <a:pt x="2857" y="3089"/>
                    </a:lnTo>
                    <a:lnTo>
                      <a:pt x="2857" y="3107"/>
                    </a:lnTo>
                    <a:lnTo>
                      <a:pt x="2856" y="3123"/>
                    </a:lnTo>
                    <a:lnTo>
                      <a:pt x="2854" y="3136"/>
                    </a:lnTo>
                    <a:lnTo>
                      <a:pt x="2852" y="3146"/>
                    </a:lnTo>
                    <a:lnTo>
                      <a:pt x="2849" y="3152"/>
                    </a:lnTo>
                    <a:lnTo>
                      <a:pt x="2847" y="3155"/>
                    </a:lnTo>
                    <a:lnTo>
                      <a:pt x="2841" y="3159"/>
                    </a:lnTo>
                    <a:lnTo>
                      <a:pt x="2837" y="3162"/>
                    </a:lnTo>
                    <a:lnTo>
                      <a:pt x="2831" y="3164"/>
                    </a:lnTo>
                    <a:lnTo>
                      <a:pt x="2823" y="3166"/>
                    </a:lnTo>
                    <a:lnTo>
                      <a:pt x="2815" y="3167"/>
                    </a:lnTo>
                    <a:lnTo>
                      <a:pt x="2806" y="3167"/>
                    </a:lnTo>
                    <a:lnTo>
                      <a:pt x="2796" y="3168"/>
                    </a:lnTo>
                    <a:lnTo>
                      <a:pt x="2787" y="3170"/>
                    </a:lnTo>
                    <a:lnTo>
                      <a:pt x="2779" y="3174"/>
                    </a:lnTo>
                    <a:lnTo>
                      <a:pt x="2771" y="3179"/>
                    </a:lnTo>
                    <a:lnTo>
                      <a:pt x="2758" y="3189"/>
                    </a:lnTo>
                    <a:lnTo>
                      <a:pt x="2745" y="3202"/>
                    </a:lnTo>
                    <a:lnTo>
                      <a:pt x="2733" y="3215"/>
                    </a:lnTo>
                    <a:lnTo>
                      <a:pt x="2718" y="3227"/>
                    </a:lnTo>
                    <a:lnTo>
                      <a:pt x="2710" y="3231"/>
                    </a:lnTo>
                    <a:lnTo>
                      <a:pt x="2701" y="3233"/>
                    </a:lnTo>
                    <a:lnTo>
                      <a:pt x="2691" y="3234"/>
                    </a:lnTo>
                    <a:lnTo>
                      <a:pt x="2679" y="3234"/>
                    </a:lnTo>
                    <a:lnTo>
                      <a:pt x="2668" y="3236"/>
                    </a:lnTo>
                    <a:lnTo>
                      <a:pt x="2655" y="3236"/>
                    </a:lnTo>
                    <a:lnTo>
                      <a:pt x="2644" y="3238"/>
                    </a:lnTo>
                    <a:lnTo>
                      <a:pt x="2633" y="3241"/>
                    </a:lnTo>
                    <a:lnTo>
                      <a:pt x="2611" y="3246"/>
                    </a:lnTo>
                    <a:lnTo>
                      <a:pt x="2590" y="3255"/>
                    </a:lnTo>
                    <a:lnTo>
                      <a:pt x="2571" y="3266"/>
                    </a:lnTo>
                    <a:lnTo>
                      <a:pt x="2551" y="3277"/>
                    </a:lnTo>
                    <a:lnTo>
                      <a:pt x="2533" y="3291"/>
                    </a:lnTo>
                    <a:lnTo>
                      <a:pt x="2515" y="3306"/>
                    </a:lnTo>
                    <a:lnTo>
                      <a:pt x="2505" y="3317"/>
                    </a:lnTo>
                    <a:lnTo>
                      <a:pt x="2495" y="3329"/>
                    </a:lnTo>
                    <a:lnTo>
                      <a:pt x="2486" y="3342"/>
                    </a:lnTo>
                    <a:lnTo>
                      <a:pt x="2477" y="3355"/>
                    </a:lnTo>
                    <a:lnTo>
                      <a:pt x="2468" y="3367"/>
                    </a:lnTo>
                    <a:lnTo>
                      <a:pt x="2458" y="3374"/>
                    </a:lnTo>
                    <a:lnTo>
                      <a:pt x="2451" y="3378"/>
                    </a:lnTo>
                    <a:lnTo>
                      <a:pt x="2446" y="3380"/>
                    </a:lnTo>
                    <a:lnTo>
                      <a:pt x="2440" y="3381"/>
                    </a:lnTo>
                    <a:lnTo>
                      <a:pt x="2432" y="3380"/>
                    </a:lnTo>
                    <a:lnTo>
                      <a:pt x="2428" y="3380"/>
                    </a:lnTo>
                    <a:lnTo>
                      <a:pt x="2423" y="3381"/>
                    </a:lnTo>
                    <a:lnTo>
                      <a:pt x="2419" y="3382"/>
                    </a:lnTo>
                    <a:lnTo>
                      <a:pt x="2414" y="3385"/>
                    </a:lnTo>
                    <a:lnTo>
                      <a:pt x="2406" y="3392"/>
                    </a:lnTo>
                    <a:lnTo>
                      <a:pt x="2400" y="3403"/>
                    </a:lnTo>
                    <a:lnTo>
                      <a:pt x="2393" y="3413"/>
                    </a:lnTo>
                    <a:lnTo>
                      <a:pt x="2388" y="3424"/>
                    </a:lnTo>
                    <a:lnTo>
                      <a:pt x="2385" y="3434"/>
                    </a:lnTo>
                    <a:lnTo>
                      <a:pt x="2383" y="3443"/>
                    </a:lnTo>
                    <a:lnTo>
                      <a:pt x="2383" y="3451"/>
                    </a:lnTo>
                    <a:lnTo>
                      <a:pt x="2383" y="3457"/>
                    </a:lnTo>
                    <a:lnTo>
                      <a:pt x="2384" y="3464"/>
                    </a:lnTo>
                    <a:lnTo>
                      <a:pt x="2385" y="3469"/>
                    </a:lnTo>
                    <a:lnTo>
                      <a:pt x="2388" y="3475"/>
                    </a:lnTo>
                    <a:lnTo>
                      <a:pt x="2392" y="3481"/>
                    </a:lnTo>
                    <a:lnTo>
                      <a:pt x="2396" y="3484"/>
                    </a:lnTo>
                    <a:lnTo>
                      <a:pt x="2400" y="3490"/>
                    </a:lnTo>
                    <a:lnTo>
                      <a:pt x="2410" y="3497"/>
                    </a:lnTo>
                    <a:lnTo>
                      <a:pt x="2422" y="3504"/>
                    </a:lnTo>
                    <a:lnTo>
                      <a:pt x="2433" y="3509"/>
                    </a:lnTo>
                    <a:lnTo>
                      <a:pt x="2445" y="3513"/>
                    </a:lnTo>
                    <a:lnTo>
                      <a:pt x="2444" y="3516"/>
                    </a:lnTo>
                    <a:lnTo>
                      <a:pt x="2442" y="3517"/>
                    </a:lnTo>
                    <a:lnTo>
                      <a:pt x="2438" y="3519"/>
                    </a:lnTo>
                    <a:lnTo>
                      <a:pt x="2435" y="3521"/>
                    </a:lnTo>
                    <a:lnTo>
                      <a:pt x="2423" y="3523"/>
                    </a:lnTo>
                    <a:lnTo>
                      <a:pt x="2410" y="3525"/>
                    </a:lnTo>
                    <a:lnTo>
                      <a:pt x="2383" y="3525"/>
                    </a:lnTo>
                    <a:lnTo>
                      <a:pt x="2366" y="3525"/>
                    </a:lnTo>
                    <a:lnTo>
                      <a:pt x="2253" y="3512"/>
                    </a:lnTo>
                    <a:lnTo>
                      <a:pt x="2238" y="3509"/>
                    </a:lnTo>
                    <a:lnTo>
                      <a:pt x="2222" y="3509"/>
                    </a:lnTo>
                    <a:lnTo>
                      <a:pt x="2209" y="3510"/>
                    </a:lnTo>
                    <a:lnTo>
                      <a:pt x="2197" y="3512"/>
                    </a:lnTo>
                    <a:lnTo>
                      <a:pt x="2175" y="3517"/>
                    </a:lnTo>
                    <a:lnTo>
                      <a:pt x="2155" y="3523"/>
                    </a:lnTo>
                    <a:lnTo>
                      <a:pt x="2135" y="3531"/>
                    </a:lnTo>
                    <a:lnTo>
                      <a:pt x="2116" y="3540"/>
                    </a:lnTo>
                    <a:lnTo>
                      <a:pt x="2093" y="3549"/>
                    </a:lnTo>
                    <a:lnTo>
                      <a:pt x="2065" y="3556"/>
                    </a:lnTo>
                    <a:lnTo>
                      <a:pt x="2055" y="3560"/>
                    </a:lnTo>
                    <a:lnTo>
                      <a:pt x="2042" y="3566"/>
                    </a:lnTo>
                    <a:lnTo>
                      <a:pt x="2028" y="3574"/>
                    </a:lnTo>
                    <a:lnTo>
                      <a:pt x="2012" y="3584"/>
                    </a:lnTo>
                    <a:lnTo>
                      <a:pt x="1984" y="3604"/>
                    </a:lnTo>
                    <a:lnTo>
                      <a:pt x="1962" y="3619"/>
                    </a:lnTo>
                    <a:lnTo>
                      <a:pt x="1951" y="3627"/>
                    </a:lnTo>
                    <a:lnTo>
                      <a:pt x="1944" y="3636"/>
                    </a:lnTo>
                    <a:lnTo>
                      <a:pt x="1937" y="3645"/>
                    </a:lnTo>
                    <a:lnTo>
                      <a:pt x="1932" y="3654"/>
                    </a:lnTo>
                    <a:lnTo>
                      <a:pt x="1925" y="3672"/>
                    </a:lnTo>
                    <a:lnTo>
                      <a:pt x="1919" y="3690"/>
                    </a:lnTo>
                    <a:lnTo>
                      <a:pt x="1916" y="3698"/>
                    </a:lnTo>
                    <a:lnTo>
                      <a:pt x="1912" y="3707"/>
                    </a:lnTo>
                    <a:lnTo>
                      <a:pt x="1909" y="3714"/>
                    </a:lnTo>
                    <a:lnTo>
                      <a:pt x="1903" y="3721"/>
                    </a:lnTo>
                    <a:lnTo>
                      <a:pt x="1897" y="3728"/>
                    </a:lnTo>
                    <a:lnTo>
                      <a:pt x="1889" y="3733"/>
                    </a:lnTo>
                    <a:lnTo>
                      <a:pt x="1880" y="3738"/>
                    </a:lnTo>
                    <a:lnTo>
                      <a:pt x="1868" y="3741"/>
                    </a:lnTo>
                    <a:lnTo>
                      <a:pt x="1858" y="3747"/>
                    </a:lnTo>
                    <a:lnTo>
                      <a:pt x="1849" y="3754"/>
                    </a:lnTo>
                    <a:lnTo>
                      <a:pt x="1840" y="3760"/>
                    </a:lnTo>
                    <a:lnTo>
                      <a:pt x="1832" y="3768"/>
                    </a:lnTo>
                    <a:lnTo>
                      <a:pt x="1817" y="3784"/>
                    </a:lnTo>
                    <a:lnTo>
                      <a:pt x="1804" y="3797"/>
                    </a:lnTo>
                    <a:lnTo>
                      <a:pt x="1798" y="3801"/>
                    </a:lnTo>
                    <a:lnTo>
                      <a:pt x="1792" y="3803"/>
                    </a:lnTo>
                    <a:lnTo>
                      <a:pt x="1787" y="3803"/>
                    </a:lnTo>
                    <a:lnTo>
                      <a:pt x="1782" y="3802"/>
                    </a:lnTo>
                    <a:lnTo>
                      <a:pt x="1775" y="3797"/>
                    </a:lnTo>
                    <a:lnTo>
                      <a:pt x="1770" y="3789"/>
                    </a:lnTo>
                    <a:lnTo>
                      <a:pt x="1765" y="3776"/>
                    </a:lnTo>
                    <a:lnTo>
                      <a:pt x="1760" y="3760"/>
                    </a:lnTo>
                    <a:lnTo>
                      <a:pt x="1754" y="3746"/>
                    </a:lnTo>
                    <a:lnTo>
                      <a:pt x="1749" y="3737"/>
                    </a:lnTo>
                    <a:lnTo>
                      <a:pt x="1744" y="3729"/>
                    </a:lnTo>
                    <a:lnTo>
                      <a:pt x="1739" y="3725"/>
                    </a:lnTo>
                    <a:lnTo>
                      <a:pt x="1734" y="3723"/>
                    </a:lnTo>
                    <a:lnTo>
                      <a:pt x="1727" y="3723"/>
                    </a:lnTo>
                    <a:lnTo>
                      <a:pt x="1722" y="3724"/>
                    </a:lnTo>
                    <a:lnTo>
                      <a:pt x="1716" y="3725"/>
                    </a:lnTo>
                    <a:lnTo>
                      <a:pt x="1705" y="3731"/>
                    </a:lnTo>
                    <a:lnTo>
                      <a:pt x="1694" y="3734"/>
                    </a:lnTo>
                    <a:lnTo>
                      <a:pt x="1688" y="3734"/>
                    </a:lnTo>
                    <a:lnTo>
                      <a:pt x="1683" y="3733"/>
                    </a:lnTo>
                    <a:lnTo>
                      <a:pt x="1678" y="3729"/>
                    </a:lnTo>
                    <a:lnTo>
                      <a:pt x="1673" y="3723"/>
                    </a:lnTo>
                    <a:lnTo>
                      <a:pt x="1669" y="3719"/>
                    </a:lnTo>
                    <a:lnTo>
                      <a:pt x="1665" y="3715"/>
                    </a:lnTo>
                    <a:lnTo>
                      <a:pt x="1661" y="3714"/>
                    </a:lnTo>
                    <a:lnTo>
                      <a:pt x="1656" y="3714"/>
                    </a:lnTo>
                    <a:lnTo>
                      <a:pt x="1652" y="3715"/>
                    </a:lnTo>
                    <a:lnTo>
                      <a:pt x="1647" y="3718"/>
                    </a:lnTo>
                    <a:lnTo>
                      <a:pt x="1642" y="3720"/>
                    </a:lnTo>
                    <a:lnTo>
                      <a:pt x="1638" y="3724"/>
                    </a:lnTo>
                    <a:lnTo>
                      <a:pt x="1620" y="3741"/>
                    </a:lnTo>
                    <a:lnTo>
                      <a:pt x="1605" y="3754"/>
                    </a:lnTo>
                    <a:lnTo>
                      <a:pt x="1596" y="3759"/>
                    </a:lnTo>
                    <a:lnTo>
                      <a:pt x="1587" y="3763"/>
                    </a:lnTo>
                    <a:lnTo>
                      <a:pt x="1580" y="3764"/>
                    </a:lnTo>
                    <a:lnTo>
                      <a:pt x="1573" y="3763"/>
                    </a:lnTo>
                    <a:lnTo>
                      <a:pt x="1568" y="3760"/>
                    </a:lnTo>
                    <a:lnTo>
                      <a:pt x="1563" y="3756"/>
                    </a:lnTo>
                    <a:lnTo>
                      <a:pt x="1557" y="3751"/>
                    </a:lnTo>
                    <a:lnTo>
                      <a:pt x="1554" y="3745"/>
                    </a:lnTo>
                    <a:lnTo>
                      <a:pt x="1547" y="3732"/>
                    </a:lnTo>
                    <a:lnTo>
                      <a:pt x="1541" y="3718"/>
                    </a:lnTo>
                    <a:lnTo>
                      <a:pt x="1537" y="3711"/>
                    </a:lnTo>
                    <a:lnTo>
                      <a:pt x="1534" y="3706"/>
                    </a:lnTo>
                    <a:lnTo>
                      <a:pt x="1530" y="3702"/>
                    </a:lnTo>
                    <a:lnTo>
                      <a:pt x="1528" y="3699"/>
                    </a:lnTo>
                    <a:lnTo>
                      <a:pt x="1520" y="3696"/>
                    </a:lnTo>
                    <a:lnTo>
                      <a:pt x="1512" y="3693"/>
                    </a:lnTo>
                    <a:lnTo>
                      <a:pt x="1503" y="3692"/>
                    </a:lnTo>
                    <a:lnTo>
                      <a:pt x="1495" y="3690"/>
                    </a:lnTo>
                    <a:lnTo>
                      <a:pt x="1486" y="3689"/>
                    </a:lnTo>
                    <a:lnTo>
                      <a:pt x="1478" y="3688"/>
                    </a:lnTo>
                    <a:lnTo>
                      <a:pt x="1471" y="3684"/>
                    </a:lnTo>
                    <a:lnTo>
                      <a:pt x="1463" y="3680"/>
                    </a:lnTo>
                    <a:lnTo>
                      <a:pt x="1455" y="3675"/>
                    </a:lnTo>
                    <a:lnTo>
                      <a:pt x="1449" y="3672"/>
                    </a:lnTo>
                    <a:lnTo>
                      <a:pt x="1442" y="3670"/>
                    </a:lnTo>
                    <a:lnTo>
                      <a:pt x="1438" y="3668"/>
                    </a:lnTo>
                    <a:lnTo>
                      <a:pt x="1433" y="3668"/>
                    </a:lnTo>
                    <a:lnTo>
                      <a:pt x="1429" y="3668"/>
                    </a:lnTo>
                    <a:lnTo>
                      <a:pt x="1427" y="3670"/>
                    </a:lnTo>
                    <a:lnTo>
                      <a:pt x="1423" y="3671"/>
                    </a:lnTo>
                    <a:lnTo>
                      <a:pt x="1416" y="3675"/>
                    </a:lnTo>
                    <a:lnTo>
                      <a:pt x="1410" y="3679"/>
                    </a:lnTo>
                    <a:lnTo>
                      <a:pt x="1402" y="3683"/>
                    </a:lnTo>
                    <a:lnTo>
                      <a:pt x="1390" y="3684"/>
                    </a:lnTo>
                    <a:lnTo>
                      <a:pt x="1377" y="3683"/>
                    </a:lnTo>
                    <a:lnTo>
                      <a:pt x="1364" y="3683"/>
                    </a:lnTo>
                    <a:lnTo>
                      <a:pt x="1353" y="3680"/>
                    </a:lnTo>
                    <a:lnTo>
                      <a:pt x="1340" y="3677"/>
                    </a:lnTo>
                    <a:lnTo>
                      <a:pt x="1328" y="3674"/>
                    </a:lnTo>
                    <a:lnTo>
                      <a:pt x="1318" y="3667"/>
                    </a:lnTo>
                    <a:lnTo>
                      <a:pt x="1307" y="3659"/>
                    </a:lnTo>
                    <a:lnTo>
                      <a:pt x="1298" y="3650"/>
                    </a:lnTo>
                    <a:lnTo>
                      <a:pt x="1292" y="3644"/>
                    </a:lnTo>
                    <a:lnTo>
                      <a:pt x="1285" y="3639"/>
                    </a:lnTo>
                    <a:lnTo>
                      <a:pt x="1278" y="3635"/>
                    </a:lnTo>
                    <a:lnTo>
                      <a:pt x="1270" y="3632"/>
                    </a:lnTo>
                    <a:lnTo>
                      <a:pt x="1254" y="3628"/>
                    </a:lnTo>
                    <a:lnTo>
                      <a:pt x="1236" y="3626"/>
                    </a:lnTo>
                    <a:lnTo>
                      <a:pt x="1219" y="3624"/>
                    </a:lnTo>
                    <a:lnTo>
                      <a:pt x="1204" y="3620"/>
                    </a:lnTo>
                    <a:lnTo>
                      <a:pt x="1196" y="3618"/>
                    </a:lnTo>
                    <a:lnTo>
                      <a:pt x="1188" y="3614"/>
                    </a:lnTo>
                    <a:lnTo>
                      <a:pt x="1181" y="3609"/>
                    </a:lnTo>
                    <a:lnTo>
                      <a:pt x="1174" y="3604"/>
                    </a:lnTo>
                    <a:lnTo>
                      <a:pt x="1170" y="3600"/>
                    </a:lnTo>
                    <a:lnTo>
                      <a:pt x="1166" y="3597"/>
                    </a:lnTo>
                    <a:lnTo>
                      <a:pt x="1162" y="3595"/>
                    </a:lnTo>
                    <a:lnTo>
                      <a:pt x="1157" y="3592"/>
                    </a:lnTo>
                    <a:lnTo>
                      <a:pt x="1147" y="3589"/>
                    </a:lnTo>
                    <a:lnTo>
                      <a:pt x="1135" y="3588"/>
                    </a:lnTo>
                    <a:lnTo>
                      <a:pt x="1125" y="3587"/>
                    </a:lnTo>
                    <a:lnTo>
                      <a:pt x="1113" y="3584"/>
                    </a:lnTo>
                    <a:lnTo>
                      <a:pt x="1103" y="3582"/>
                    </a:lnTo>
                    <a:lnTo>
                      <a:pt x="1094" y="3576"/>
                    </a:lnTo>
                    <a:lnTo>
                      <a:pt x="1076" y="3567"/>
                    </a:lnTo>
                    <a:lnTo>
                      <a:pt x="1054" y="3558"/>
                    </a:lnTo>
                    <a:lnTo>
                      <a:pt x="1030" y="3551"/>
                    </a:lnTo>
                    <a:lnTo>
                      <a:pt x="1006" y="3545"/>
                    </a:lnTo>
                    <a:lnTo>
                      <a:pt x="994" y="3544"/>
                    </a:lnTo>
                    <a:lnTo>
                      <a:pt x="981" y="3543"/>
                    </a:lnTo>
                    <a:lnTo>
                      <a:pt x="969" y="3544"/>
                    </a:lnTo>
                    <a:lnTo>
                      <a:pt x="958" y="3545"/>
                    </a:lnTo>
                    <a:lnTo>
                      <a:pt x="947" y="3547"/>
                    </a:lnTo>
                    <a:lnTo>
                      <a:pt x="936" y="3551"/>
                    </a:lnTo>
                    <a:lnTo>
                      <a:pt x="925" y="3556"/>
                    </a:lnTo>
                    <a:lnTo>
                      <a:pt x="916" y="3562"/>
                    </a:lnTo>
                    <a:lnTo>
                      <a:pt x="903" y="3571"/>
                    </a:lnTo>
                    <a:lnTo>
                      <a:pt x="892" y="3578"/>
                    </a:lnTo>
                    <a:lnTo>
                      <a:pt x="883" y="3584"/>
                    </a:lnTo>
                    <a:lnTo>
                      <a:pt x="873" y="3587"/>
                    </a:lnTo>
                    <a:lnTo>
                      <a:pt x="866" y="3589"/>
                    </a:lnTo>
                    <a:lnTo>
                      <a:pt x="859" y="3591"/>
                    </a:lnTo>
                    <a:lnTo>
                      <a:pt x="853" y="3589"/>
                    </a:lnTo>
                    <a:lnTo>
                      <a:pt x="846" y="3589"/>
                    </a:lnTo>
                    <a:lnTo>
                      <a:pt x="835" y="3585"/>
                    </a:lnTo>
                    <a:lnTo>
                      <a:pt x="822" y="3580"/>
                    </a:lnTo>
                    <a:lnTo>
                      <a:pt x="814" y="3579"/>
                    </a:lnTo>
                    <a:lnTo>
                      <a:pt x="805" y="3576"/>
                    </a:lnTo>
                    <a:lnTo>
                      <a:pt x="794" y="3576"/>
                    </a:lnTo>
                    <a:lnTo>
                      <a:pt x="783" y="3575"/>
                    </a:lnTo>
                    <a:lnTo>
                      <a:pt x="775" y="3576"/>
                    </a:lnTo>
                    <a:lnTo>
                      <a:pt x="769" y="3578"/>
                    </a:lnTo>
                    <a:lnTo>
                      <a:pt x="761" y="3579"/>
                    </a:lnTo>
                    <a:lnTo>
                      <a:pt x="753" y="3582"/>
                    </a:lnTo>
                    <a:lnTo>
                      <a:pt x="739" y="3589"/>
                    </a:lnTo>
                    <a:lnTo>
                      <a:pt x="726" y="3597"/>
                    </a:lnTo>
                    <a:lnTo>
                      <a:pt x="713" y="3608"/>
                    </a:lnTo>
                    <a:lnTo>
                      <a:pt x="700" y="3618"/>
                    </a:lnTo>
                    <a:lnTo>
                      <a:pt x="690" y="3628"/>
                    </a:lnTo>
                    <a:lnTo>
                      <a:pt x="679" y="3640"/>
                    </a:lnTo>
                    <a:lnTo>
                      <a:pt x="671" y="3648"/>
                    </a:lnTo>
                    <a:lnTo>
                      <a:pt x="664" y="3653"/>
                    </a:lnTo>
                    <a:lnTo>
                      <a:pt x="657" y="3658"/>
                    </a:lnTo>
                    <a:lnTo>
                      <a:pt x="651" y="3662"/>
                    </a:lnTo>
                    <a:lnTo>
                      <a:pt x="638" y="3666"/>
                    </a:lnTo>
                    <a:lnTo>
                      <a:pt x="626" y="3667"/>
                    </a:lnTo>
                    <a:lnTo>
                      <a:pt x="614" y="3667"/>
                    </a:lnTo>
                    <a:lnTo>
                      <a:pt x="603" y="3668"/>
                    </a:lnTo>
                    <a:lnTo>
                      <a:pt x="596" y="3670"/>
                    </a:lnTo>
                    <a:lnTo>
                      <a:pt x="590" y="3672"/>
                    </a:lnTo>
                    <a:lnTo>
                      <a:pt x="583" y="3675"/>
                    </a:lnTo>
                    <a:lnTo>
                      <a:pt x="577" y="3679"/>
                    </a:lnTo>
                    <a:lnTo>
                      <a:pt x="565" y="3685"/>
                    </a:lnTo>
                    <a:lnTo>
                      <a:pt x="555" y="3690"/>
                    </a:lnTo>
                    <a:lnTo>
                      <a:pt x="544" y="3693"/>
                    </a:lnTo>
                    <a:lnTo>
                      <a:pt x="534" y="3693"/>
                    </a:lnTo>
                    <a:lnTo>
                      <a:pt x="525" y="3692"/>
                    </a:lnTo>
                    <a:lnTo>
                      <a:pt x="516" y="3689"/>
                    </a:lnTo>
                    <a:lnTo>
                      <a:pt x="508" y="3685"/>
                    </a:lnTo>
                    <a:lnTo>
                      <a:pt x="500" y="3681"/>
                    </a:lnTo>
                    <a:lnTo>
                      <a:pt x="493" y="3675"/>
                    </a:lnTo>
                    <a:lnTo>
                      <a:pt x="485" y="3668"/>
                    </a:lnTo>
                    <a:lnTo>
                      <a:pt x="478" y="3661"/>
                    </a:lnTo>
                    <a:lnTo>
                      <a:pt x="472" y="3653"/>
                    </a:lnTo>
                    <a:lnTo>
                      <a:pt x="462" y="3636"/>
                    </a:lnTo>
                    <a:lnTo>
                      <a:pt x="451" y="3619"/>
                    </a:lnTo>
                    <a:lnTo>
                      <a:pt x="443" y="3606"/>
                    </a:lnTo>
                    <a:lnTo>
                      <a:pt x="436" y="3597"/>
                    </a:lnTo>
                    <a:lnTo>
                      <a:pt x="428" y="3592"/>
                    </a:lnTo>
                    <a:lnTo>
                      <a:pt x="420" y="3588"/>
                    </a:lnTo>
                    <a:lnTo>
                      <a:pt x="402" y="3585"/>
                    </a:lnTo>
                    <a:lnTo>
                      <a:pt x="377" y="3580"/>
                    </a:lnTo>
                    <a:lnTo>
                      <a:pt x="372" y="3579"/>
                    </a:lnTo>
                    <a:lnTo>
                      <a:pt x="368" y="3575"/>
                    </a:lnTo>
                    <a:lnTo>
                      <a:pt x="364" y="3571"/>
                    </a:lnTo>
                    <a:lnTo>
                      <a:pt x="360" y="3566"/>
                    </a:lnTo>
                    <a:lnTo>
                      <a:pt x="357" y="3553"/>
                    </a:lnTo>
                    <a:lnTo>
                      <a:pt x="353" y="3538"/>
                    </a:lnTo>
                    <a:lnTo>
                      <a:pt x="348" y="3506"/>
                    </a:lnTo>
                    <a:lnTo>
                      <a:pt x="342" y="3482"/>
                    </a:lnTo>
                    <a:lnTo>
                      <a:pt x="331" y="3459"/>
                    </a:lnTo>
                    <a:lnTo>
                      <a:pt x="313" y="3426"/>
                    </a:lnTo>
                    <a:lnTo>
                      <a:pt x="303" y="3409"/>
                    </a:lnTo>
                    <a:lnTo>
                      <a:pt x="296" y="3395"/>
                    </a:lnTo>
                    <a:lnTo>
                      <a:pt x="290" y="3383"/>
                    </a:lnTo>
                    <a:lnTo>
                      <a:pt x="289" y="3376"/>
                    </a:lnTo>
                    <a:lnTo>
                      <a:pt x="289" y="3373"/>
                    </a:lnTo>
                    <a:lnTo>
                      <a:pt x="290" y="3372"/>
                    </a:lnTo>
                    <a:lnTo>
                      <a:pt x="293" y="3372"/>
                    </a:lnTo>
                    <a:lnTo>
                      <a:pt x="294" y="3372"/>
                    </a:lnTo>
                    <a:lnTo>
                      <a:pt x="300" y="3373"/>
                    </a:lnTo>
                    <a:lnTo>
                      <a:pt x="306" y="3376"/>
                    </a:lnTo>
                    <a:lnTo>
                      <a:pt x="318" y="3382"/>
                    </a:lnTo>
                    <a:lnTo>
                      <a:pt x="324" y="3389"/>
                    </a:lnTo>
                    <a:lnTo>
                      <a:pt x="362" y="3424"/>
                    </a:lnTo>
                    <a:lnTo>
                      <a:pt x="363" y="3422"/>
                    </a:lnTo>
                    <a:lnTo>
                      <a:pt x="362" y="3408"/>
                    </a:lnTo>
                    <a:lnTo>
                      <a:pt x="359" y="3394"/>
                    </a:lnTo>
                    <a:lnTo>
                      <a:pt x="355" y="3381"/>
                    </a:lnTo>
                    <a:lnTo>
                      <a:pt x="350" y="3369"/>
                    </a:lnTo>
                    <a:lnTo>
                      <a:pt x="342" y="3359"/>
                    </a:lnTo>
                    <a:lnTo>
                      <a:pt x="332" y="3348"/>
                    </a:lnTo>
                    <a:lnTo>
                      <a:pt x="322" y="3341"/>
                    </a:lnTo>
                    <a:lnTo>
                      <a:pt x="309" y="3334"/>
                    </a:lnTo>
                    <a:lnTo>
                      <a:pt x="301" y="3329"/>
                    </a:lnTo>
                    <a:lnTo>
                      <a:pt x="294" y="3325"/>
                    </a:lnTo>
                    <a:lnTo>
                      <a:pt x="290" y="3321"/>
                    </a:lnTo>
                    <a:lnTo>
                      <a:pt x="288" y="3316"/>
                    </a:lnTo>
                    <a:lnTo>
                      <a:pt x="288" y="3311"/>
                    </a:lnTo>
                    <a:lnTo>
                      <a:pt x="288" y="3307"/>
                    </a:lnTo>
                    <a:lnTo>
                      <a:pt x="289" y="3302"/>
                    </a:lnTo>
                    <a:lnTo>
                      <a:pt x="292" y="3297"/>
                    </a:lnTo>
                    <a:lnTo>
                      <a:pt x="300" y="3288"/>
                    </a:lnTo>
                    <a:lnTo>
                      <a:pt x="310" y="3280"/>
                    </a:lnTo>
                    <a:lnTo>
                      <a:pt x="323" y="3273"/>
                    </a:lnTo>
                    <a:lnTo>
                      <a:pt x="335" y="3269"/>
                    </a:lnTo>
                    <a:lnTo>
                      <a:pt x="341" y="3268"/>
                    </a:lnTo>
                    <a:lnTo>
                      <a:pt x="349" y="3264"/>
                    </a:lnTo>
                    <a:lnTo>
                      <a:pt x="357" y="3259"/>
                    </a:lnTo>
                    <a:lnTo>
                      <a:pt x="363" y="3254"/>
                    </a:lnTo>
                    <a:lnTo>
                      <a:pt x="371" y="3247"/>
                    </a:lnTo>
                    <a:lnTo>
                      <a:pt x="375" y="3241"/>
                    </a:lnTo>
                    <a:lnTo>
                      <a:pt x="377" y="3238"/>
                    </a:lnTo>
                    <a:lnTo>
                      <a:pt x="377" y="3234"/>
                    </a:lnTo>
                    <a:lnTo>
                      <a:pt x="379" y="3232"/>
                    </a:lnTo>
                    <a:lnTo>
                      <a:pt x="377" y="3228"/>
                    </a:lnTo>
                    <a:lnTo>
                      <a:pt x="366" y="3232"/>
                    </a:lnTo>
                    <a:lnTo>
                      <a:pt x="351" y="3240"/>
                    </a:lnTo>
                    <a:lnTo>
                      <a:pt x="344" y="3242"/>
                    </a:lnTo>
                    <a:lnTo>
                      <a:pt x="337" y="3243"/>
                    </a:lnTo>
                    <a:lnTo>
                      <a:pt x="333" y="3243"/>
                    </a:lnTo>
                    <a:lnTo>
                      <a:pt x="331" y="3243"/>
                    </a:lnTo>
                    <a:lnTo>
                      <a:pt x="328" y="3242"/>
                    </a:lnTo>
                    <a:lnTo>
                      <a:pt x="325" y="3240"/>
                    </a:lnTo>
                    <a:lnTo>
                      <a:pt x="319" y="3232"/>
                    </a:lnTo>
                    <a:lnTo>
                      <a:pt x="313" y="3221"/>
                    </a:lnTo>
                    <a:lnTo>
                      <a:pt x="307" y="3210"/>
                    </a:lnTo>
                    <a:lnTo>
                      <a:pt x="302" y="3198"/>
                    </a:lnTo>
                    <a:lnTo>
                      <a:pt x="294" y="3174"/>
                    </a:lnTo>
                    <a:lnTo>
                      <a:pt x="288" y="3152"/>
                    </a:lnTo>
                    <a:lnTo>
                      <a:pt x="272" y="3126"/>
                    </a:lnTo>
                    <a:lnTo>
                      <a:pt x="256" y="3104"/>
                    </a:lnTo>
                    <a:lnTo>
                      <a:pt x="240" y="3083"/>
                    </a:lnTo>
                    <a:lnTo>
                      <a:pt x="223" y="3063"/>
                    </a:lnTo>
                    <a:lnTo>
                      <a:pt x="189" y="3026"/>
                    </a:lnTo>
                    <a:lnTo>
                      <a:pt x="152" y="2984"/>
                    </a:lnTo>
                    <a:lnTo>
                      <a:pt x="140" y="2973"/>
                    </a:lnTo>
                    <a:lnTo>
                      <a:pt x="123" y="2961"/>
                    </a:lnTo>
                    <a:lnTo>
                      <a:pt x="103" y="2949"/>
                    </a:lnTo>
                    <a:lnTo>
                      <a:pt x="81" y="2939"/>
                    </a:lnTo>
                    <a:lnTo>
                      <a:pt x="57" y="2930"/>
                    </a:lnTo>
                    <a:lnTo>
                      <a:pt x="35" y="2924"/>
                    </a:lnTo>
                    <a:lnTo>
                      <a:pt x="25" y="2921"/>
                    </a:lnTo>
                    <a:lnTo>
                      <a:pt x="16" y="2921"/>
                    </a:lnTo>
                    <a:lnTo>
                      <a:pt x="8" y="2921"/>
                    </a:lnTo>
                    <a:lnTo>
                      <a:pt x="0" y="2922"/>
                    </a:lnTo>
                    <a:lnTo>
                      <a:pt x="0" y="2903"/>
                    </a:lnTo>
                    <a:lnTo>
                      <a:pt x="3" y="2882"/>
                    </a:lnTo>
                    <a:lnTo>
                      <a:pt x="4" y="2860"/>
                    </a:lnTo>
                    <a:lnTo>
                      <a:pt x="8" y="2837"/>
                    </a:lnTo>
                    <a:lnTo>
                      <a:pt x="12" y="2815"/>
                    </a:lnTo>
                    <a:lnTo>
                      <a:pt x="17" y="2793"/>
                    </a:lnTo>
                    <a:lnTo>
                      <a:pt x="24" y="2773"/>
                    </a:lnTo>
                    <a:lnTo>
                      <a:pt x="30" y="2755"/>
                    </a:lnTo>
                    <a:lnTo>
                      <a:pt x="34" y="2747"/>
                    </a:lnTo>
                    <a:lnTo>
                      <a:pt x="38" y="2740"/>
                    </a:lnTo>
                    <a:lnTo>
                      <a:pt x="43" y="2733"/>
                    </a:lnTo>
                    <a:lnTo>
                      <a:pt x="50" y="2727"/>
                    </a:lnTo>
                    <a:lnTo>
                      <a:pt x="61" y="2715"/>
                    </a:lnTo>
                    <a:lnTo>
                      <a:pt x="74" y="2703"/>
                    </a:lnTo>
                    <a:lnTo>
                      <a:pt x="87" y="2692"/>
                    </a:lnTo>
                    <a:lnTo>
                      <a:pt x="99" y="2680"/>
                    </a:lnTo>
                    <a:lnTo>
                      <a:pt x="104" y="2674"/>
                    </a:lnTo>
                    <a:lnTo>
                      <a:pt x="109" y="2666"/>
                    </a:lnTo>
                    <a:lnTo>
                      <a:pt x="113" y="2659"/>
                    </a:lnTo>
                    <a:lnTo>
                      <a:pt x="117" y="2650"/>
                    </a:lnTo>
                    <a:lnTo>
                      <a:pt x="125" y="2639"/>
                    </a:lnTo>
                    <a:lnTo>
                      <a:pt x="132" y="2628"/>
                    </a:lnTo>
                    <a:lnTo>
                      <a:pt x="140" y="2619"/>
                    </a:lnTo>
                    <a:lnTo>
                      <a:pt x="149" y="2610"/>
                    </a:lnTo>
                    <a:lnTo>
                      <a:pt x="153" y="2607"/>
                    </a:lnTo>
                    <a:lnTo>
                      <a:pt x="158" y="2604"/>
                    </a:lnTo>
                    <a:lnTo>
                      <a:pt x="164" y="2601"/>
                    </a:lnTo>
                    <a:lnTo>
                      <a:pt x="170" y="2600"/>
                    </a:lnTo>
                    <a:lnTo>
                      <a:pt x="176" y="2598"/>
                    </a:lnTo>
                    <a:lnTo>
                      <a:pt x="183" y="2597"/>
                    </a:lnTo>
                    <a:lnTo>
                      <a:pt x="191" y="2597"/>
                    </a:lnTo>
                    <a:lnTo>
                      <a:pt x="199" y="2598"/>
                    </a:lnTo>
                    <a:lnTo>
                      <a:pt x="213" y="2600"/>
                    </a:lnTo>
                    <a:lnTo>
                      <a:pt x="226" y="2601"/>
                    </a:lnTo>
                    <a:lnTo>
                      <a:pt x="237" y="2601"/>
                    </a:lnTo>
                    <a:lnTo>
                      <a:pt x="246" y="2598"/>
                    </a:lnTo>
                    <a:lnTo>
                      <a:pt x="256" y="2594"/>
                    </a:lnTo>
                    <a:lnTo>
                      <a:pt x="265" y="2588"/>
                    </a:lnTo>
                    <a:lnTo>
                      <a:pt x="272" y="2579"/>
                    </a:lnTo>
                    <a:lnTo>
                      <a:pt x="281" y="2567"/>
                    </a:lnTo>
                    <a:lnTo>
                      <a:pt x="287" y="2560"/>
                    </a:lnTo>
                    <a:lnTo>
                      <a:pt x="288" y="2553"/>
                    </a:lnTo>
                    <a:lnTo>
                      <a:pt x="287" y="2548"/>
                    </a:lnTo>
                    <a:lnTo>
                      <a:pt x="284" y="2544"/>
                    </a:lnTo>
                    <a:lnTo>
                      <a:pt x="279" y="2539"/>
                    </a:lnTo>
                    <a:lnTo>
                      <a:pt x="274" y="2536"/>
                    </a:lnTo>
                    <a:lnTo>
                      <a:pt x="266" y="2532"/>
                    </a:lnTo>
                    <a:lnTo>
                      <a:pt x="258" y="2528"/>
                    </a:lnTo>
                    <a:lnTo>
                      <a:pt x="250" y="2525"/>
                    </a:lnTo>
                    <a:lnTo>
                      <a:pt x="243" y="2521"/>
                    </a:lnTo>
                    <a:lnTo>
                      <a:pt x="233" y="2515"/>
                    </a:lnTo>
                    <a:lnTo>
                      <a:pt x="227" y="2509"/>
                    </a:lnTo>
                    <a:lnTo>
                      <a:pt x="221" y="2501"/>
                    </a:lnTo>
                    <a:lnTo>
                      <a:pt x="215" y="2493"/>
                    </a:lnTo>
                    <a:lnTo>
                      <a:pt x="213" y="2483"/>
                    </a:lnTo>
                    <a:lnTo>
                      <a:pt x="211" y="2471"/>
                    </a:lnTo>
                    <a:lnTo>
                      <a:pt x="213" y="2442"/>
                    </a:lnTo>
                    <a:lnTo>
                      <a:pt x="217" y="2411"/>
                    </a:lnTo>
                    <a:lnTo>
                      <a:pt x="222" y="2381"/>
                    </a:lnTo>
                    <a:lnTo>
                      <a:pt x="228" y="2351"/>
                    </a:lnTo>
                    <a:lnTo>
                      <a:pt x="233" y="2333"/>
                    </a:lnTo>
                    <a:lnTo>
                      <a:pt x="239" y="2316"/>
                    </a:lnTo>
                    <a:lnTo>
                      <a:pt x="246" y="2299"/>
                    </a:lnTo>
                    <a:lnTo>
                      <a:pt x="254" y="2285"/>
                    </a:lnTo>
                    <a:lnTo>
                      <a:pt x="263" y="2271"/>
                    </a:lnTo>
                    <a:lnTo>
                      <a:pt x="275" y="2258"/>
                    </a:lnTo>
                    <a:lnTo>
                      <a:pt x="287" y="2245"/>
                    </a:lnTo>
                    <a:lnTo>
                      <a:pt x="301" y="2232"/>
                    </a:lnTo>
                    <a:lnTo>
                      <a:pt x="372" y="2171"/>
                    </a:lnTo>
                    <a:lnTo>
                      <a:pt x="376" y="2167"/>
                    </a:lnTo>
                    <a:lnTo>
                      <a:pt x="379" y="2162"/>
                    </a:lnTo>
                    <a:lnTo>
                      <a:pt x="379" y="2158"/>
                    </a:lnTo>
                    <a:lnTo>
                      <a:pt x="377" y="2153"/>
                    </a:lnTo>
                    <a:lnTo>
                      <a:pt x="373" y="2142"/>
                    </a:lnTo>
                    <a:lnTo>
                      <a:pt x="366" y="2129"/>
                    </a:lnTo>
                    <a:lnTo>
                      <a:pt x="357" y="2118"/>
                    </a:lnTo>
                    <a:lnTo>
                      <a:pt x="348" y="2105"/>
                    </a:lnTo>
                    <a:lnTo>
                      <a:pt x="344" y="2098"/>
                    </a:lnTo>
                    <a:lnTo>
                      <a:pt x="341" y="2091"/>
                    </a:lnTo>
                    <a:lnTo>
                      <a:pt x="338" y="2084"/>
                    </a:lnTo>
                    <a:lnTo>
                      <a:pt x="338" y="2078"/>
                    </a:lnTo>
                    <a:lnTo>
                      <a:pt x="340" y="2049"/>
                    </a:lnTo>
                    <a:lnTo>
                      <a:pt x="340" y="2023"/>
                    </a:lnTo>
                    <a:lnTo>
                      <a:pt x="340" y="2010"/>
                    </a:lnTo>
                    <a:lnTo>
                      <a:pt x="338" y="1997"/>
                    </a:lnTo>
                    <a:lnTo>
                      <a:pt x="336" y="1983"/>
                    </a:lnTo>
                    <a:lnTo>
                      <a:pt x="331" y="1969"/>
                    </a:lnTo>
                    <a:lnTo>
                      <a:pt x="328" y="1958"/>
                    </a:lnTo>
                    <a:lnTo>
                      <a:pt x="328" y="1948"/>
                    </a:lnTo>
                    <a:lnTo>
                      <a:pt x="328" y="1938"/>
                    </a:lnTo>
                    <a:lnTo>
                      <a:pt x="329" y="1927"/>
                    </a:lnTo>
                    <a:lnTo>
                      <a:pt x="331" y="1917"/>
                    </a:lnTo>
                    <a:lnTo>
                      <a:pt x="332" y="1907"/>
                    </a:lnTo>
                    <a:lnTo>
                      <a:pt x="332" y="1896"/>
                    </a:lnTo>
                    <a:lnTo>
                      <a:pt x="331" y="1886"/>
                    </a:lnTo>
                    <a:lnTo>
                      <a:pt x="331" y="1879"/>
                    </a:lnTo>
                    <a:lnTo>
                      <a:pt x="331" y="1873"/>
                    </a:lnTo>
                    <a:lnTo>
                      <a:pt x="332" y="1868"/>
                    </a:lnTo>
                    <a:lnTo>
                      <a:pt x="335" y="1863"/>
                    </a:lnTo>
                    <a:lnTo>
                      <a:pt x="338" y="1854"/>
                    </a:lnTo>
                    <a:lnTo>
                      <a:pt x="342" y="1843"/>
                    </a:lnTo>
                    <a:lnTo>
                      <a:pt x="445" y="1868"/>
                    </a:lnTo>
                    <a:lnTo>
                      <a:pt x="471" y="1837"/>
                    </a:lnTo>
                    <a:lnTo>
                      <a:pt x="490" y="1813"/>
                    </a:lnTo>
                    <a:lnTo>
                      <a:pt x="513" y="1784"/>
                    </a:lnTo>
                    <a:lnTo>
                      <a:pt x="524" y="1768"/>
                    </a:lnTo>
                    <a:lnTo>
                      <a:pt x="533" y="1754"/>
                    </a:lnTo>
                    <a:lnTo>
                      <a:pt x="539" y="1738"/>
                    </a:lnTo>
                    <a:lnTo>
                      <a:pt x="543" y="1725"/>
                    </a:lnTo>
                    <a:lnTo>
                      <a:pt x="544" y="1712"/>
                    </a:lnTo>
                    <a:lnTo>
                      <a:pt x="543" y="1695"/>
                    </a:lnTo>
                    <a:lnTo>
                      <a:pt x="542" y="1677"/>
                    </a:lnTo>
                    <a:lnTo>
                      <a:pt x="539" y="1659"/>
                    </a:lnTo>
                    <a:lnTo>
                      <a:pt x="538" y="1641"/>
                    </a:lnTo>
                    <a:lnTo>
                      <a:pt x="538" y="1624"/>
                    </a:lnTo>
                    <a:lnTo>
                      <a:pt x="539" y="1618"/>
                    </a:lnTo>
                    <a:lnTo>
                      <a:pt x="542" y="1611"/>
                    </a:lnTo>
                    <a:lnTo>
                      <a:pt x="544" y="1606"/>
                    </a:lnTo>
                    <a:lnTo>
                      <a:pt x="548" y="1601"/>
                    </a:lnTo>
                    <a:lnTo>
                      <a:pt x="556" y="1597"/>
                    </a:lnTo>
                    <a:lnTo>
                      <a:pt x="564" y="1594"/>
                    </a:lnTo>
                    <a:lnTo>
                      <a:pt x="573" y="1594"/>
                    </a:lnTo>
                    <a:lnTo>
                      <a:pt x="582" y="1593"/>
                    </a:lnTo>
                    <a:lnTo>
                      <a:pt x="592" y="1592"/>
                    </a:lnTo>
                    <a:lnTo>
                      <a:pt x="603" y="1591"/>
                    </a:lnTo>
                    <a:lnTo>
                      <a:pt x="612" y="1587"/>
                    </a:lnTo>
                    <a:lnTo>
                      <a:pt x="622" y="1581"/>
                    </a:lnTo>
                    <a:lnTo>
                      <a:pt x="631" y="1572"/>
                    </a:lnTo>
                    <a:lnTo>
                      <a:pt x="639" y="1562"/>
                    </a:lnTo>
                    <a:lnTo>
                      <a:pt x="647" y="1549"/>
                    </a:lnTo>
                    <a:lnTo>
                      <a:pt x="655" y="1535"/>
                    </a:lnTo>
                    <a:lnTo>
                      <a:pt x="660" y="1521"/>
                    </a:lnTo>
                    <a:lnTo>
                      <a:pt x="665" y="1506"/>
                    </a:lnTo>
                    <a:lnTo>
                      <a:pt x="669" y="1493"/>
                    </a:lnTo>
                    <a:lnTo>
                      <a:pt x="673" y="1480"/>
                    </a:lnTo>
                    <a:lnTo>
                      <a:pt x="677" y="1461"/>
                    </a:lnTo>
                    <a:lnTo>
                      <a:pt x="680" y="1443"/>
                    </a:lnTo>
                    <a:lnTo>
                      <a:pt x="684" y="1423"/>
                    </a:lnTo>
                    <a:lnTo>
                      <a:pt x="687" y="1404"/>
                    </a:lnTo>
                    <a:lnTo>
                      <a:pt x="687" y="1390"/>
                    </a:lnTo>
                    <a:lnTo>
                      <a:pt x="686" y="1375"/>
                    </a:lnTo>
                    <a:lnTo>
                      <a:pt x="684" y="1369"/>
                    </a:lnTo>
                    <a:lnTo>
                      <a:pt x="684" y="1361"/>
                    </a:lnTo>
                    <a:lnTo>
                      <a:pt x="686" y="1355"/>
                    </a:lnTo>
                    <a:lnTo>
                      <a:pt x="687" y="1348"/>
                    </a:lnTo>
                    <a:lnTo>
                      <a:pt x="690" y="1342"/>
                    </a:lnTo>
                    <a:lnTo>
                      <a:pt x="693" y="1335"/>
                    </a:lnTo>
                    <a:lnTo>
                      <a:pt x="699" y="1330"/>
                    </a:lnTo>
                    <a:lnTo>
                      <a:pt x="704" y="1325"/>
                    </a:lnTo>
                    <a:lnTo>
                      <a:pt x="717" y="1316"/>
                    </a:lnTo>
                    <a:lnTo>
                      <a:pt x="730" y="1309"/>
                    </a:lnTo>
                    <a:lnTo>
                      <a:pt x="745" y="1303"/>
                    </a:lnTo>
                    <a:lnTo>
                      <a:pt x="761" y="1299"/>
                    </a:lnTo>
                    <a:lnTo>
                      <a:pt x="776" y="1295"/>
                    </a:lnTo>
                    <a:lnTo>
                      <a:pt x="789" y="1293"/>
                    </a:lnTo>
                    <a:lnTo>
                      <a:pt x="816" y="1287"/>
                    </a:lnTo>
                    <a:lnTo>
                      <a:pt x="840" y="1281"/>
                    </a:lnTo>
                    <a:lnTo>
                      <a:pt x="863" y="1272"/>
                    </a:lnTo>
                    <a:lnTo>
                      <a:pt x="888" y="1263"/>
                    </a:lnTo>
                    <a:lnTo>
                      <a:pt x="895" y="1259"/>
                    </a:lnTo>
                    <a:lnTo>
                      <a:pt x="902" y="1256"/>
                    </a:lnTo>
                    <a:lnTo>
                      <a:pt x="907" y="1251"/>
                    </a:lnTo>
                    <a:lnTo>
                      <a:pt x="914" y="1247"/>
                    </a:lnTo>
                    <a:lnTo>
                      <a:pt x="924" y="1236"/>
                    </a:lnTo>
                    <a:lnTo>
                      <a:pt x="934" y="1224"/>
                    </a:lnTo>
                    <a:lnTo>
                      <a:pt x="942" y="1211"/>
                    </a:lnTo>
                    <a:lnTo>
                      <a:pt x="950" y="1197"/>
                    </a:lnTo>
                    <a:lnTo>
                      <a:pt x="955" y="1184"/>
                    </a:lnTo>
                    <a:lnTo>
                      <a:pt x="962" y="1171"/>
                    </a:lnTo>
                    <a:lnTo>
                      <a:pt x="960" y="1164"/>
                    </a:lnTo>
                    <a:lnTo>
                      <a:pt x="959" y="1159"/>
                    </a:lnTo>
                    <a:lnTo>
                      <a:pt x="956" y="1154"/>
                    </a:lnTo>
                    <a:lnTo>
                      <a:pt x="954" y="1149"/>
                    </a:lnTo>
                    <a:lnTo>
                      <a:pt x="946" y="1141"/>
                    </a:lnTo>
                    <a:lnTo>
                      <a:pt x="937" y="1133"/>
                    </a:lnTo>
                    <a:lnTo>
                      <a:pt x="927" y="1127"/>
                    </a:lnTo>
                    <a:lnTo>
                      <a:pt x="916" y="1120"/>
                    </a:lnTo>
                    <a:lnTo>
                      <a:pt x="907" y="1113"/>
                    </a:lnTo>
                    <a:lnTo>
                      <a:pt x="899" y="1103"/>
                    </a:lnTo>
                    <a:lnTo>
                      <a:pt x="894" y="1096"/>
                    </a:lnTo>
                    <a:lnTo>
                      <a:pt x="890" y="1085"/>
                    </a:lnTo>
                    <a:lnTo>
                      <a:pt x="889" y="1072"/>
                    </a:lnTo>
                    <a:lnTo>
                      <a:pt x="888" y="1059"/>
                    </a:lnTo>
                    <a:lnTo>
                      <a:pt x="888" y="1046"/>
                    </a:lnTo>
                    <a:lnTo>
                      <a:pt x="889" y="1034"/>
                    </a:lnTo>
                    <a:lnTo>
                      <a:pt x="890" y="1022"/>
                    </a:lnTo>
                    <a:lnTo>
                      <a:pt x="892" y="1011"/>
                    </a:lnTo>
                    <a:lnTo>
                      <a:pt x="895" y="997"/>
                    </a:lnTo>
                    <a:lnTo>
                      <a:pt x="899" y="986"/>
                    </a:lnTo>
                    <a:lnTo>
                      <a:pt x="901" y="979"/>
                    </a:lnTo>
                    <a:lnTo>
                      <a:pt x="902" y="974"/>
                    </a:lnTo>
                    <a:lnTo>
                      <a:pt x="902" y="966"/>
                    </a:lnTo>
                    <a:lnTo>
                      <a:pt x="899" y="960"/>
                    </a:lnTo>
                    <a:lnTo>
                      <a:pt x="885" y="954"/>
                    </a:lnTo>
                    <a:lnTo>
                      <a:pt x="871" y="949"/>
                    </a:lnTo>
                    <a:lnTo>
                      <a:pt x="857" y="943"/>
                    </a:lnTo>
                    <a:lnTo>
                      <a:pt x="844" y="935"/>
                    </a:lnTo>
                    <a:lnTo>
                      <a:pt x="831" y="929"/>
                    </a:lnTo>
                    <a:lnTo>
                      <a:pt x="818" y="921"/>
                    </a:lnTo>
                    <a:lnTo>
                      <a:pt x="805" y="916"/>
                    </a:lnTo>
                    <a:lnTo>
                      <a:pt x="789" y="912"/>
                    </a:lnTo>
                    <a:lnTo>
                      <a:pt x="783" y="904"/>
                    </a:lnTo>
                    <a:lnTo>
                      <a:pt x="775" y="900"/>
                    </a:lnTo>
                    <a:lnTo>
                      <a:pt x="766" y="896"/>
                    </a:lnTo>
                    <a:lnTo>
                      <a:pt x="757" y="896"/>
                    </a:lnTo>
                    <a:lnTo>
                      <a:pt x="748" y="896"/>
                    </a:lnTo>
                    <a:lnTo>
                      <a:pt x="737" y="897"/>
                    </a:lnTo>
                    <a:lnTo>
                      <a:pt x="727" y="900"/>
                    </a:lnTo>
                    <a:lnTo>
                      <a:pt x="718" y="903"/>
                    </a:lnTo>
                    <a:lnTo>
                      <a:pt x="697" y="908"/>
                    </a:lnTo>
                    <a:lnTo>
                      <a:pt x="677" y="910"/>
                    </a:lnTo>
                    <a:lnTo>
                      <a:pt x="667" y="910"/>
                    </a:lnTo>
                    <a:lnTo>
                      <a:pt x="658" y="908"/>
                    </a:lnTo>
                    <a:lnTo>
                      <a:pt x="649" y="904"/>
                    </a:lnTo>
                    <a:lnTo>
                      <a:pt x="642" y="899"/>
                    </a:lnTo>
                    <a:lnTo>
                      <a:pt x="620" y="879"/>
                    </a:lnTo>
                    <a:lnTo>
                      <a:pt x="591" y="853"/>
                    </a:lnTo>
                    <a:lnTo>
                      <a:pt x="576" y="842"/>
                    </a:lnTo>
                    <a:lnTo>
                      <a:pt x="560" y="831"/>
                    </a:lnTo>
                    <a:lnTo>
                      <a:pt x="553" y="828"/>
                    </a:lnTo>
                    <a:lnTo>
                      <a:pt x="546" y="825"/>
                    </a:lnTo>
                    <a:lnTo>
                      <a:pt x="541" y="822"/>
                    </a:lnTo>
                    <a:lnTo>
                      <a:pt x="535" y="821"/>
                    </a:lnTo>
                    <a:lnTo>
                      <a:pt x="521" y="822"/>
                    </a:lnTo>
                    <a:lnTo>
                      <a:pt x="509" y="825"/>
                    </a:lnTo>
                    <a:lnTo>
                      <a:pt x="498" y="829"/>
                    </a:lnTo>
                    <a:lnTo>
                      <a:pt x="487" y="831"/>
                    </a:lnTo>
                    <a:lnTo>
                      <a:pt x="477" y="834"/>
                    </a:lnTo>
                    <a:lnTo>
                      <a:pt x="467" y="834"/>
                    </a:lnTo>
                    <a:lnTo>
                      <a:pt x="460" y="833"/>
                    </a:lnTo>
                    <a:lnTo>
                      <a:pt x="455" y="830"/>
                    </a:lnTo>
                    <a:lnTo>
                      <a:pt x="449" y="828"/>
                    </a:lnTo>
                    <a:lnTo>
                      <a:pt x="441" y="822"/>
                    </a:lnTo>
                    <a:lnTo>
                      <a:pt x="437" y="818"/>
                    </a:lnTo>
                    <a:lnTo>
                      <a:pt x="432" y="813"/>
                    </a:lnTo>
                    <a:lnTo>
                      <a:pt x="428" y="808"/>
                    </a:lnTo>
                    <a:lnTo>
                      <a:pt x="424" y="802"/>
                    </a:lnTo>
                    <a:lnTo>
                      <a:pt x="417" y="789"/>
                    </a:lnTo>
                    <a:lnTo>
                      <a:pt x="414" y="774"/>
                    </a:lnTo>
                    <a:lnTo>
                      <a:pt x="411" y="759"/>
                    </a:lnTo>
                    <a:lnTo>
                      <a:pt x="411" y="745"/>
                    </a:lnTo>
                    <a:lnTo>
                      <a:pt x="412" y="737"/>
                    </a:lnTo>
                    <a:lnTo>
                      <a:pt x="415" y="730"/>
                    </a:lnTo>
                    <a:lnTo>
                      <a:pt x="417" y="724"/>
                    </a:lnTo>
                    <a:lnTo>
                      <a:pt x="420" y="719"/>
                    </a:lnTo>
                    <a:lnTo>
                      <a:pt x="428" y="710"/>
                    </a:lnTo>
                    <a:lnTo>
                      <a:pt x="438" y="698"/>
                    </a:lnTo>
                    <a:lnTo>
                      <a:pt x="442" y="692"/>
                    </a:lnTo>
                    <a:lnTo>
                      <a:pt x="446" y="686"/>
                    </a:lnTo>
                    <a:lnTo>
                      <a:pt x="449" y="681"/>
                    </a:lnTo>
                    <a:lnTo>
                      <a:pt x="449" y="677"/>
                    </a:lnTo>
                    <a:lnTo>
                      <a:pt x="436" y="679"/>
                    </a:lnTo>
                    <a:lnTo>
                      <a:pt x="424" y="680"/>
                    </a:lnTo>
                    <a:lnTo>
                      <a:pt x="412" y="684"/>
                    </a:lnTo>
                    <a:lnTo>
                      <a:pt x="401" y="686"/>
                    </a:lnTo>
                    <a:lnTo>
                      <a:pt x="390" y="689"/>
                    </a:lnTo>
                    <a:lnTo>
                      <a:pt x="379" y="690"/>
                    </a:lnTo>
                    <a:lnTo>
                      <a:pt x="366" y="690"/>
                    </a:lnTo>
                    <a:lnTo>
                      <a:pt x="351" y="688"/>
                    </a:lnTo>
                    <a:lnTo>
                      <a:pt x="333" y="682"/>
                    </a:lnTo>
                    <a:lnTo>
                      <a:pt x="320" y="680"/>
                    </a:lnTo>
                    <a:lnTo>
                      <a:pt x="310" y="681"/>
                    </a:lnTo>
                    <a:lnTo>
                      <a:pt x="302" y="682"/>
                    </a:lnTo>
                    <a:lnTo>
                      <a:pt x="288" y="693"/>
                    </a:lnTo>
                    <a:lnTo>
                      <a:pt x="262" y="704"/>
                    </a:lnTo>
                    <a:lnTo>
                      <a:pt x="211" y="724"/>
                    </a:lnTo>
                    <a:lnTo>
                      <a:pt x="205" y="719"/>
                    </a:lnTo>
                    <a:lnTo>
                      <a:pt x="197" y="712"/>
                    </a:lnTo>
                    <a:lnTo>
                      <a:pt x="193" y="710"/>
                    </a:lnTo>
                    <a:lnTo>
                      <a:pt x="189" y="706"/>
                    </a:lnTo>
                    <a:lnTo>
                      <a:pt x="187" y="701"/>
                    </a:lnTo>
                    <a:lnTo>
                      <a:pt x="187" y="697"/>
                    </a:lnTo>
                    <a:lnTo>
                      <a:pt x="189" y="675"/>
                    </a:lnTo>
                    <a:lnTo>
                      <a:pt x="193" y="654"/>
                    </a:lnTo>
                    <a:lnTo>
                      <a:pt x="199" y="645"/>
                    </a:lnTo>
                    <a:lnTo>
                      <a:pt x="204" y="637"/>
                    </a:lnTo>
                    <a:lnTo>
                      <a:pt x="208" y="633"/>
                    </a:lnTo>
                    <a:lnTo>
                      <a:pt x="213" y="631"/>
                    </a:lnTo>
                    <a:lnTo>
                      <a:pt x="218" y="627"/>
                    </a:lnTo>
                    <a:lnTo>
                      <a:pt x="223" y="625"/>
                    </a:lnTo>
                    <a:lnTo>
                      <a:pt x="250" y="618"/>
                    </a:lnTo>
                    <a:lnTo>
                      <a:pt x="283" y="606"/>
                    </a:lnTo>
                    <a:lnTo>
                      <a:pt x="300" y="601"/>
                    </a:lnTo>
                    <a:lnTo>
                      <a:pt x="314" y="593"/>
                    </a:lnTo>
                    <a:lnTo>
                      <a:pt x="325" y="585"/>
                    </a:lnTo>
                    <a:lnTo>
                      <a:pt x="335" y="578"/>
                    </a:lnTo>
                    <a:lnTo>
                      <a:pt x="341" y="568"/>
                    </a:lnTo>
                    <a:lnTo>
                      <a:pt x="345" y="562"/>
                    </a:lnTo>
                    <a:lnTo>
                      <a:pt x="345" y="559"/>
                    </a:lnTo>
                    <a:lnTo>
                      <a:pt x="345" y="558"/>
                    </a:lnTo>
                    <a:lnTo>
                      <a:pt x="344" y="557"/>
                    </a:lnTo>
                    <a:lnTo>
                      <a:pt x="341" y="557"/>
                    </a:lnTo>
                    <a:lnTo>
                      <a:pt x="328" y="559"/>
                    </a:lnTo>
                    <a:lnTo>
                      <a:pt x="309" y="566"/>
                    </a:lnTo>
                    <a:lnTo>
                      <a:pt x="288" y="574"/>
                    </a:lnTo>
                    <a:lnTo>
                      <a:pt x="268" y="578"/>
                    </a:lnTo>
                    <a:lnTo>
                      <a:pt x="259" y="579"/>
                    </a:lnTo>
                    <a:lnTo>
                      <a:pt x="253" y="578"/>
                    </a:lnTo>
                    <a:lnTo>
                      <a:pt x="250" y="576"/>
                    </a:lnTo>
                    <a:lnTo>
                      <a:pt x="249" y="574"/>
                    </a:lnTo>
                    <a:lnTo>
                      <a:pt x="248" y="571"/>
                    </a:lnTo>
                    <a:lnTo>
                      <a:pt x="248" y="567"/>
                    </a:lnTo>
                    <a:lnTo>
                      <a:pt x="249" y="558"/>
                    </a:lnTo>
                    <a:lnTo>
                      <a:pt x="253" y="550"/>
                    </a:lnTo>
                    <a:lnTo>
                      <a:pt x="258" y="544"/>
                    </a:lnTo>
                    <a:lnTo>
                      <a:pt x="265" y="539"/>
                    </a:lnTo>
                    <a:lnTo>
                      <a:pt x="279" y="530"/>
                    </a:lnTo>
                    <a:lnTo>
                      <a:pt x="293" y="522"/>
                    </a:lnTo>
                    <a:lnTo>
                      <a:pt x="313" y="515"/>
                    </a:lnTo>
                    <a:lnTo>
                      <a:pt x="332" y="510"/>
                    </a:lnTo>
                    <a:lnTo>
                      <a:pt x="341" y="508"/>
                    </a:lnTo>
                    <a:lnTo>
                      <a:pt x="349" y="502"/>
                    </a:lnTo>
                    <a:lnTo>
                      <a:pt x="351" y="500"/>
                    </a:lnTo>
                    <a:lnTo>
                      <a:pt x="354" y="496"/>
                    </a:lnTo>
                    <a:lnTo>
                      <a:pt x="357" y="491"/>
                    </a:lnTo>
                    <a:lnTo>
                      <a:pt x="359" y="486"/>
                    </a:lnTo>
                    <a:lnTo>
                      <a:pt x="360" y="480"/>
                    </a:lnTo>
                    <a:lnTo>
                      <a:pt x="359" y="476"/>
                    </a:lnTo>
                    <a:lnTo>
                      <a:pt x="357" y="474"/>
                    </a:lnTo>
                    <a:lnTo>
                      <a:pt x="351" y="473"/>
                    </a:lnTo>
                    <a:lnTo>
                      <a:pt x="338" y="471"/>
                    </a:lnTo>
                    <a:lnTo>
                      <a:pt x="323" y="473"/>
                    </a:lnTo>
                    <a:lnTo>
                      <a:pt x="305" y="475"/>
                    </a:lnTo>
                    <a:lnTo>
                      <a:pt x="288" y="476"/>
                    </a:lnTo>
                    <a:lnTo>
                      <a:pt x="280" y="476"/>
                    </a:lnTo>
                    <a:lnTo>
                      <a:pt x="272" y="475"/>
                    </a:lnTo>
                    <a:lnTo>
                      <a:pt x="266" y="473"/>
                    </a:lnTo>
                    <a:lnTo>
                      <a:pt x="262" y="470"/>
                    </a:lnTo>
                    <a:lnTo>
                      <a:pt x="259" y="467"/>
                    </a:lnTo>
                    <a:lnTo>
                      <a:pt x="259" y="464"/>
                    </a:lnTo>
                    <a:lnTo>
                      <a:pt x="262" y="461"/>
                    </a:lnTo>
                    <a:lnTo>
                      <a:pt x="265" y="457"/>
                    </a:lnTo>
                    <a:lnTo>
                      <a:pt x="274" y="448"/>
                    </a:lnTo>
                    <a:lnTo>
                      <a:pt x="285" y="438"/>
                    </a:lnTo>
                    <a:lnTo>
                      <a:pt x="298" y="427"/>
                    </a:lnTo>
                    <a:lnTo>
                      <a:pt x="311" y="417"/>
                    </a:lnTo>
                    <a:lnTo>
                      <a:pt x="322" y="407"/>
                    </a:lnTo>
                    <a:lnTo>
                      <a:pt x="329" y="397"/>
                    </a:lnTo>
                    <a:lnTo>
                      <a:pt x="340" y="385"/>
                    </a:lnTo>
                    <a:lnTo>
                      <a:pt x="351" y="373"/>
                    </a:lnTo>
                    <a:lnTo>
                      <a:pt x="354" y="370"/>
                    </a:lnTo>
                    <a:lnTo>
                      <a:pt x="355" y="368"/>
                    </a:lnTo>
                    <a:lnTo>
                      <a:pt x="355" y="365"/>
                    </a:lnTo>
                    <a:lnTo>
                      <a:pt x="354" y="364"/>
                    </a:lnTo>
                    <a:lnTo>
                      <a:pt x="353" y="362"/>
                    </a:lnTo>
                    <a:lnTo>
                      <a:pt x="350" y="361"/>
                    </a:lnTo>
                    <a:lnTo>
                      <a:pt x="345" y="361"/>
                    </a:lnTo>
                    <a:lnTo>
                      <a:pt x="338" y="361"/>
                    </a:lnTo>
                    <a:lnTo>
                      <a:pt x="328" y="361"/>
                    </a:lnTo>
                    <a:lnTo>
                      <a:pt x="318" y="364"/>
                    </a:lnTo>
                    <a:lnTo>
                      <a:pt x="309" y="366"/>
                    </a:lnTo>
                    <a:lnTo>
                      <a:pt x="300" y="370"/>
                    </a:lnTo>
                    <a:lnTo>
                      <a:pt x="290" y="377"/>
                    </a:lnTo>
                    <a:lnTo>
                      <a:pt x="281" y="383"/>
                    </a:lnTo>
                    <a:lnTo>
                      <a:pt x="275" y="391"/>
                    </a:lnTo>
                    <a:lnTo>
                      <a:pt x="267" y="400"/>
                    </a:lnTo>
                    <a:lnTo>
                      <a:pt x="262" y="407"/>
                    </a:lnTo>
                    <a:lnTo>
                      <a:pt x="257" y="413"/>
                    </a:lnTo>
                    <a:lnTo>
                      <a:pt x="252" y="417"/>
                    </a:lnTo>
                    <a:lnTo>
                      <a:pt x="248" y="421"/>
                    </a:lnTo>
                    <a:lnTo>
                      <a:pt x="244" y="422"/>
                    </a:lnTo>
                    <a:lnTo>
                      <a:pt x="240" y="423"/>
                    </a:lnTo>
                    <a:lnTo>
                      <a:pt x="236" y="422"/>
                    </a:lnTo>
                    <a:lnTo>
                      <a:pt x="233" y="421"/>
                    </a:lnTo>
                    <a:lnTo>
                      <a:pt x="232" y="418"/>
                    </a:lnTo>
                    <a:lnTo>
                      <a:pt x="230" y="416"/>
                    </a:lnTo>
                    <a:lnTo>
                      <a:pt x="228" y="410"/>
                    </a:lnTo>
                    <a:lnTo>
                      <a:pt x="228" y="405"/>
                    </a:lnTo>
                    <a:lnTo>
                      <a:pt x="228" y="392"/>
                    </a:lnTo>
                    <a:lnTo>
                      <a:pt x="230" y="377"/>
                    </a:lnTo>
                    <a:lnTo>
                      <a:pt x="245" y="361"/>
                    </a:lnTo>
                    <a:lnTo>
                      <a:pt x="261" y="346"/>
                    </a:lnTo>
                    <a:lnTo>
                      <a:pt x="276" y="330"/>
                    </a:lnTo>
                    <a:lnTo>
                      <a:pt x="290" y="315"/>
                    </a:lnTo>
                    <a:lnTo>
                      <a:pt x="296" y="311"/>
                    </a:lnTo>
                    <a:lnTo>
                      <a:pt x="302" y="307"/>
                    </a:lnTo>
                    <a:lnTo>
                      <a:pt x="309" y="304"/>
                    </a:lnTo>
                    <a:lnTo>
                      <a:pt x="315" y="302"/>
                    </a:lnTo>
                    <a:lnTo>
                      <a:pt x="320" y="299"/>
                    </a:lnTo>
                    <a:lnTo>
                      <a:pt x="323" y="294"/>
                    </a:lnTo>
                    <a:lnTo>
                      <a:pt x="324" y="291"/>
                    </a:lnTo>
                    <a:lnTo>
                      <a:pt x="324" y="287"/>
                    </a:lnTo>
                    <a:lnTo>
                      <a:pt x="324" y="283"/>
                    </a:lnTo>
                    <a:lnTo>
                      <a:pt x="323" y="278"/>
                    </a:lnTo>
                    <a:lnTo>
                      <a:pt x="322" y="277"/>
                    </a:lnTo>
                    <a:lnTo>
                      <a:pt x="302" y="283"/>
                    </a:lnTo>
                    <a:lnTo>
                      <a:pt x="274" y="296"/>
                    </a:lnTo>
                    <a:lnTo>
                      <a:pt x="267" y="299"/>
                    </a:lnTo>
                    <a:lnTo>
                      <a:pt x="261" y="300"/>
                    </a:lnTo>
                    <a:lnTo>
                      <a:pt x="256" y="300"/>
                    </a:lnTo>
                    <a:lnTo>
                      <a:pt x="252" y="300"/>
                    </a:lnTo>
                    <a:lnTo>
                      <a:pt x="249" y="298"/>
                    </a:lnTo>
                    <a:lnTo>
                      <a:pt x="246" y="295"/>
                    </a:lnTo>
                    <a:lnTo>
                      <a:pt x="248" y="290"/>
                    </a:lnTo>
                    <a:lnTo>
                      <a:pt x="249" y="282"/>
                    </a:lnTo>
                    <a:lnTo>
                      <a:pt x="252" y="273"/>
                    </a:lnTo>
                    <a:lnTo>
                      <a:pt x="253" y="264"/>
                    </a:lnTo>
                    <a:lnTo>
                      <a:pt x="253" y="258"/>
                    </a:lnTo>
                    <a:lnTo>
                      <a:pt x="250" y="252"/>
                    </a:lnTo>
                    <a:lnTo>
                      <a:pt x="248" y="248"/>
                    </a:lnTo>
                    <a:lnTo>
                      <a:pt x="244" y="245"/>
                    </a:lnTo>
                    <a:lnTo>
                      <a:pt x="240" y="241"/>
                    </a:lnTo>
                    <a:lnTo>
                      <a:pt x="235" y="238"/>
                    </a:lnTo>
                    <a:lnTo>
                      <a:pt x="226" y="234"/>
                    </a:lnTo>
                    <a:lnTo>
                      <a:pt x="218" y="230"/>
                    </a:lnTo>
                    <a:lnTo>
                      <a:pt x="215" y="228"/>
                    </a:lnTo>
                    <a:lnTo>
                      <a:pt x="215" y="225"/>
                    </a:lnTo>
                    <a:lnTo>
                      <a:pt x="215" y="221"/>
                    </a:lnTo>
                    <a:lnTo>
                      <a:pt x="218" y="216"/>
                    </a:lnTo>
                    <a:lnTo>
                      <a:pt x="228" y="204"/>
                    </a:lnTo>
                    <a:lnTo>
                      <a:pt x="241" y="193"/>
                    </a:lnTo>
                    <a:lnTo>
                      <a:pt x="245" y="186"/>
                    </a:lnTo>
                    <a:lnTo>
                      <a:pt x="248" y="180"/>
                    </a:lnTo>
                    <a:lnTo>
                      <a:pt x="249" y="176"/>
                    </a:lnTo>
                    <a:lnTo>
                      <a:pt x="248" y="172"/>
                    </a:lnTo>
                    <a:lnTo>
                      <a:pt x="248" y="168"/>
                    </a:lnTo>
                    <a:lnTo>
                      <a:pt x="245" y="164"/>
                    </a:lnTo>
                    <a:lnTo>
                      <a:pt x="243" y="158"/>
                    </a:lnTo>
                    <a:lnTo>
                      <a:pt x="241" y="154"/>
                    </a:lnTo>
                    <a:lnTo>
                      <a:pt x="243" y="150"/>
                    </a:lnTo>
                    <a:lnTo>
                      <a:pt x="245" y="147"/>
                    </a:lnTo>
                    <a:lnTo>
                      <a:pt x="249" y="145"/>
                    </a:lnTo>
                    <a:lnTo>
                      <a:pt x="253" y="145"/>
                    </a:lnTo>
                    <a:lnTo>
                      <a:pt x="259" y="144"/>
                    </a:lnTo>
                    <a:lnTo>
                      <a:pt x="265" y="144"/>
                    </a:lnTo>
                    <a:lnTo>
                      <a:pt x="279" y="144"/>
                    </a:lnTo>
                    <a:lnTo>
                      <a:pt x="292" y="145"/>
                    </a:lnTo>
                    <a:lnTo>
                      <a:pt x="302" y="145"/>
                    </a:lnTo>
                    <a:lnTo>
                      <a:pt x="309" y="142"/>
                    </a:lnTo>
                    <a:lnTo>
                      <a:pt x="303" y="133"/>
                    </a:lnTo>
                    <a:lnTo>
                      <a:pt x="294" y="120"/>
                    </a:lnTo>
                    <a:lnTo>
                      <a:pt x="290" y="112"/>
                    </a:lnTo>
                    <a:lnTo>
                      <a:pt x="289" y="106"/>
                    </a:lnTo>
                    <a:lnTo>
                      <a:pt x="289" y="103"/>
                    </a:lnTo>
                    <a:lnTo>
                      <a:pt x="289" y="102"/>
                    </a:lnTo>
                    <a:lnTo>
                      <a:pt x="292" y="100"/>
                    </a:lnTo>
                    <a:lnTo>
                      <a:pt x="294" y="98"/>
                    </a:lnTo>
                    <a:lnTo>
                      <a:pt x="305" y="98"/>
                    </a:lnTo>
                    <a:lnTo>
                      <a:pt x="319" y="100"/>
                    </a:lnTo>
                    <a:lnTo>
                      <a:pt x="335" y="101"/>
                    </a:lnTo>
                    <a:lnTo>
                      <a:pt x="345" y="105"/>
                    </a:lnTo>
                    <a:lnTo>
                      <a:pt x="354" y="110"/>
                    </a:lnTo>
                    <a:lnTo>
                      <a:pt x="362" y="112"/>
                    </a:lnTo>
                    <a:lnTo>
                      <a:pt x="368" y="115"/>
                    </a:lnTo>
                    <a:lnTo>
                      <a:pt x="373" y="115"/>
                    </a:lnTo>
                    <a:lnTo>
                      <a:pt x="377" y="114"/>
                    </a:lnTo>
                    <a:lnTo>
                      <a:pt x="381" y="112"/>
                    </a:lnTo>
                    <a:lnTo>
                      <a:pt x="385" y="109"/>
                    </a:lnTo>
                    <a:lnTo>
                      <a:pt x="388" y="106"/>
                    </a:lnTo>
                    <a:lnTo>
                      <a:pt x="393" y="98"/>
                    </a:lnTo>
                    <a:lnTo>
                      <a:pt x="398" y="90"/>
                    </a:lnTo>
                    <a:lnTo>
                      <a:pt x="402" y="87"/>
                    </a:lnTo>
                    <a:lnTo>
                      <a:pt x="406" y="84"/>
                    </a:lnTo>
                    <a:lnTo>
                      <a:pt x="411" y="81"/>
                    </a:lnTo>
                    <a:lnTo>
                      <a:pt x="416" y="80"/>
                    </a:lnTo>
                    <a:lnTo>
                      <a:pt x="424" y="81"/>
                    </a:lnTo>
                    <a:lnTo>
                      <a:pt x="430" y="83"/>
                    </a:lnTo>
                    <a:lnTo>
                      <a:pt x="438" y="87"/>
                    </a:lnTo>
                    <a:lnTo>
                      <a:pt x="445" y="92"/>
                    </a:lnTo>
                    <a:lnTo>
                      <a:pt x="459" y="101"/>
                    </a:lnTo>
                    <a:lnTo>
                      <a:pt x="471" y="110"/>
                    </a:lnTo>
                    <a:lnTo>
                      <a:pt x="482" y="114"/>
                    </a:lnTo>
                    <a:lnTo>
                      <a:pt x="495" y="118"/>
                    </a:lnTo>
                    <a:lnTo>
                      <a:pt x="511" y="122"/>
                    </a:lnTo>
                    <a:lnTo>
                      <a:pt x="525" y="125"/>
                    </a:lnTo>
                    <a:lnTo>
                      <a:pt x="541" y="129"/>
                    </a:lnTo>
                    <a:lnTo>
                      <a:pt x="553" y="133"/>
                    </a:lnTo>
                    <a:lnTo>
                      <a:pt x="559" y="137"/>
                    </a:lnTo>
                    <a:lnTo>
                      <a:pt x="564" y="140"/>
                    </a:lnTo>
                    <a:lnTo>
                      <a:pt x="568" y="144"/>
                    </a:lnTo>
                    <a:lnTo>
                      <a:pt x="572" y="147"/>
                    </a:lnTo>
                    <a:lnTo>
                      <a:pt x="579" y="159"/>
                    </a:lnTo>
                    <a:lnTo>
                      <a:pt x="586" y="169"/>
                    </a:lnTo>
                    <a:lnTo>
                      <a:pt x="592" y="176"/>
                    </a:lnTo>
                    <a:lnTo>
                      <a:pt x="599" y="181"/>
                    </a:lnTo>
                    <a:lnTo>
                      <a:pt x="605" y="184"/>
                    </a:lnTo>
                    <a:lnTo>
                      <a:pt x="610" y="185"/>
                    </a:lnTo>
                    <a:lnTo>
                      <a:pt x="614" y="185"/>
                    </a:lnTo>
                    <a:lnTo>
                      <a:pt x="620" y="182"/>
                    </a:lnTo>
                    <a:lnTo>
                      <a:pt x="622" y="179"/>
                    </a:lnTo>
                    <a:lnTo>
                      <a:pt x="626" y="173"/>
                    </a:lnTo>
                    <a:lnTo>
                      <a:pt x="629" y="167"/>
                    </a:lnTo>
                    <a:lnTo>
                      <a:pt x="631" y="159"/>
                    </a:lnTo>
                    <a:lnTo>
                      <a:pt x="634" y="141"/>
                    </a:lnTo>
                    <a:lnTo>
                      <a:pt x="635" y="120"/>
                    </a:lnTo>
                    <a:lnTo>
                      <a:pt x="636" y="118"/>
                    </a:lnTo>
                    <a:lnTo>
                      <a:pt x="636" y="115"/>
                    </a:lnTo>
                    <a:lnTo>
                      <a:pt x="636" y="112"/>
                    </a:lnTo>
                    <a:lnTo>
                      <a:pt x="635" y="110"/>
                    </a:lnTo>
                    <a:lnTo>
                      <a:pt x="631" y="105"/>
                    </a:lnTo>
                    <a:lnTo>
                      <a:pt x="629" y="101"/>
                    </a:lnTo>
                    <a:lnTo>
                      <a:pt x="626" y="96"/>
                    </a:lnTo>
                    <a:lnTo>
                      <a:pt x="626" y="92"/>
                    </a:lnTo>
                    <a:lnTo>
                      <a:pt x="627" y="88"/>
                    </a:lnTo>
                    <a:lnTo>
                      <a:pt x="630" y="83"/>
                    </a:lnTo>
                    <a:lnTo>
                      <a:pt x="631" y="77"/>
                    </a:lnTo>
                    <a:lnTo>
                      <a:pt x="631" y="72"/>
                    </a:lnTo>
                    <a:lnTo>
                      <a:pt x="630" y="67"/>
                    </a:lnTo>
                    <a:lnTo>
                      <a:pt x="629" y="62"/>
                    </a:lnTo>
                    <a:lnTo>
                      <a:pt x="626" y="57"/>
                    </a:lnTo>
                    <a:lnTo>
                      <a:pt x="626" y="52"/>
                    </a:lnTo>
                    <a:lnTo>
                      <a:pt x="626" y="46"/>
                    </a:lnTo>
                    <a:lnTo>
                      <a:pt x="629" y="41"/>
                    </a:lnTo>
                    <a:lnTo>
                      <a:pt x="634" y="39"/>
                    </a:lnTo>
                    <a:lnTo>
                      <a:pt x="640" y="37"/>
                    </a:lnTo>
                    <a:lnTo>
                      <a:pt x="647" y="36"/>
                    </a:lnTo>
                    <a:lnTo>
                      <a:pt x="652" y="36"/>
                    </a:lnTo>
                    <a:lnTo>
                      <a:pt x="666" y="35"/>
                    </a:lnTo>
                    <a:lnTo>
                      <a:pt x="680" y="32"/>
                    </a:lnTo>
                    <a:lnTo>
                      <a:pt x="712" y="27"/>
                    </a:lnTo>
                    <a:lnTo>
                      <a:pt x="731" y="22"/>
                    </a:lnTo>
                    <a:lnTo>
                      <a:pt x="740" y="19"/>
                    </a:lnTo>
                    <a:lnTo>
                      <a:pt x="749" y="15"/>
                    </a:lnTo>
                    <a:lnTo>
                      <a:pt x="759" y="10"/>
                    </a:lnTo>
                    <a:lnTo>
                      <a:pt x="772" y="2"/>
                    </a:lnTo>
                    <a:lnTo>
                      <a:pt x="776" y="0"/>
                    </a:lnTo>
                    <a:lnTo>
                      <a:pt x="780" y="0"/>
                    </a:lnTo>
                    <a:lnTo>
                      <a:pt x="784" y="0"/>
                    </a:lnTo>
                    <a:lnTo>
                      <a:pt x="787" y="1"/>
                    </a:lnTo>
                    <a:lnTo>
                      <a:pt x="792" y="5"/>
                    </a:lnTo>
                    <a:lnTo>
                      <a:pt x="796" y="11"/>
                    </a:lnTo>
                    <a:lnTo>
                      <a:pt x="798" y="19"/>
                    </a:lnTo>
                    <a:lnTo>
                      <a:pt x="801" y="27"/>
                    </a:lnTo>
                    <a:lnTo>
                      <a:pt x="804" y="33"/>
                    </a:lnTo>
                    <a:lnTo>
                      <a:pt x="807" y="37"/>
                    </a:lnTo>
                    <a:lnTo>
                      <a:pt x="826" y="39"/>
                    </a:lnTo>
                    <a:lnTo>
                      <a:pt x="844" y="41"/>
                    </a:lnTo>
                    <a:lnTo>
                      <a:pt x="846" y="44"/>
                    </a:lnTo>
                    <a:lnTo>
                      <a:pt x="846" y="48"/>
                    </a:lnTo>
                    <a:lnTo>
                      <a:pt x="848" y="53"/>
                    </a:lnTo>
                    <a:lnTo>
                      <a:pt x="848" y="59"/>
                    </a:lnTo>
                    <a:lnTo>
                      <a:pt x="848" y="65"/>
                    </a:lnTo>
                    <a:lnTo>
                      <a:pt x="849" y="70"/>
                    </a:lnTo>
                    <a:lnTo>
                      <a:pt x="851" y="75"/>
                    </a:lnTo>
                    <a:lnTo>
                      <a:pt x="855" y="80"/>
                    </a:lnTo>
                    <a:lnTo>
                      <a:pt x="864" y="84"/>
                    </a:lnTo>
                    <a:lnTo>
                      <a:pt x="871" y="87"/>
                    </a:lnTo>
                    <a:lnTo>
                      <a:pt x="879" y="89"/>
                    </a:lnTo>
                    <a:lnTo>
                      <a:pt x="886" y="90"/>
                    </a:lnTo>
                    <a:lnTo>
                      <a:pt x="893" y="92"/>
                    </a:lnTo>
                    <a:lnTo>
                      <a:pt x="901" y="96"/>
                    </a:lnTo>
                    <a:lnTo>
                      <a:pt x="908" y="102"/>
                    </a:lnTo>
                    <a:lnTo>
                      <a:pt x="918" y="112"/>
                    </a:lnTo>
                    <a:lnTo>
                      <a:pt x="933" y="137"/>
                    </a:lnTo>
                    <a:lnTo>
                      <a:pt x="954" y="168"/>
                    </a:lnTo>
                    <a:lnTo>
                      <a:pt x="964" y="184"/>
                    </a:lnTo>
                    <a:lnTo>
                      <a:pt x="975" y="197"/>
                    </a:lnTo>
                    <a:lnTo>
                      <a:pt x="980" y="202"/>
                    </a:lnTo>
                    <a:lnTo>
                      <a:pt x="985" y="207"/>
                    </a:lnTo>
                    <a:lnTo>
                      <a:pt x="990" y="210"/>
                    </a:lnTo>
                    <a:lnTo>
                      <a:pt x="995" y="212"/>
                    </a:lnTo>
                    <a:lnTo>
                      <a:pt x="1020" y="219"/>
                    </a:lnTo>
                    <a:lnTo>
                      <a:pt x="1044" y="223"/>
                    </a:lnTo>
                    <a:lnTo>
                      <a:pt x="1070" y="226"/>
                    </a:lnTo>
                    <a:lnTo>
                      <a:pt x="1096" y="230"/>
                    </a:lnTo>
                    <a:lnTo>
                      <a:pt x="1122" y="234"/>
                    </a:lnTo>
                    <a:lnTo>
                      <a:pt x="1148" y="239"/>
                    </a:lnTo>
                    <a:lnTo>
                      <a:pt x="1174" y="246"/>
                    </a:lnTo>
                    <a:lnTo>
                      <a:pt x="1200" y="254"/>
                    </a:lnTo>
                    <a:lnTo>
                      <a:pt x="1222" y="265"/>
                    </a:lnTo>
                    <a:lnTo>
                      <a:pt x="1248" y="281"/>
                    </a:lnTo>
                    <a:lnTo>
                      <a:pt x="1261" y="287"/>
                    </a:lnTo>
                    <a:lnTo>
                      <a:pt x="1272" y="293"/>
                    </a:lnTo>
                    <a:lnTo>
                      <a:pt x="1279" y="295"/>
                    </a:lnTo>
                    <a:lnTo>
                      <a:pt x="1284" y="296"/>
                    </a:lnTo>
                    <a:lnTo>
                      <a:pt x="1289" y="296"/>
                    </a:lnTo>
                    <a:lnTo>
                      <a:pt x="1295" y="296"/>
                    </a:lnTo>
                    <a:lnTo>
                      <a:pt x="1305" y="296"/>
                    </a:lnTo>
                    <a:lnTo>
                      <a:pt x="1318" y="298"/>
                    </a:lnTo>
                    <a:lnTo>
                      <a:pt x="1331" y="300"/>
                    </a:lnTo>
                    <a:lnTo>
                      <a:pt x="1344" y="303"/>
                    </a:lnTo>
                    <a:lnTo>
                      <a:pt x="1355" y="305"/>
                    </a:lnTo>
                    <a:lnTo>
                      <a:pt x="1366" y="308"/>
                    </a:lnTo>
                    <a:lnTo>
                      <a:pt x="1372" y="308"/>
                    </a:lnTo>
                    <a:lnTo>
                      <a:pt x="1376" y="308"/>
                    </a:lnTo>
                    <a:lnTo>
                      <a:pt x="1375" y="295"/>
                    </a:lnTo>
                    <a:lnTo>
                      <a:pt x="1372" y="285"/>
                    </a:lnTo>
                    <a:lnTo>
                      <a:pt x="1372" y="281"/>
                    </a:lnTo>
                    <a:lnTo>
                      <a:pt x="1375" y="277"/>
                    </a:lnTo>
                    <a:lnTo>
                      <a:pt x="1380" y="276"/>
                    </a:lnTo>
                    <a:lnTo>
                      <a:pt x="1388" y="274"/>
                    </a:lnTo>
                    <a:lnTo>
                      <a:pt x="1399" y="274"/>
                    </a:lnTo>
                    <a:lnTo>
                      <a:pt x="1407" y="277"/>
                    </a:lnTo>
                    <a:lnTo>
                      <a:pt x="1414" y="280"/>
                    </a:lnTo>
                    <a:lnTo>
                      <a:pt x="1418" y="283"/>
                    </a:lnTo>
                    <a:lnTo>
                      <a:pt x="1420" y="287"/>
                    </a:lnTo>
                    <a:lnTo>
                      <a:pt x="1421" y="293"/>
                    </a:lnTo>
                    <a:lnTo>
                      <a:pt x="1423" y="298"/>
                    </a:lnTo>
                    <a:lnTo>
                      <a:pt x="1421" y="303"/>
                    </a:lnTo>
                    <a:lnTo>
                      <a:pt x="1420" y="315"/>
                    </a:lnTo>
                    <a:lnTo>
                      <a:pt x="1420" y="326"/>
                    </a:lnTo>
                    <a:lnTo>
                      <a:pt x="1421" y="331"/>
                    </a:lnTo>
                    <a:lnTo>
                      <a:pt x="1424" y="337"/>
                    </a:lnTo>
                    <a:lnTo>
                      <a:pt x="1427" y="342"/>
                    </a:lnTo>
                    <a:lnTo>
                      <a:pt x="1433" y="344"/>
                    </a:lnTo>
                    <a:lnTo>
                      <a:pt x="1554" y="407"/>
                    </a:lnTo>
                    <a:lnTo>
                      <a:pt x="1582" y="421"/>
                    </a:lnTo>
                    <a:lnTo>
                      <a:pt x="1608" y="435"/>
                    </a:lnTo>
                    <a:lnTo>
                      <a:pt x="1634" y="449"/>
                    </a:lnTo>
                    <a:lnTo>
                      <a:pt x="1659" y="465"/>
                    </a:lnTo>
                    <a:lnTo>
                      <a:pt x="1706" y="495"/>
                    </a:lnTo>
                    <a:lnTo>
                      <a:pt x="1753" y="522"/>
                    </a:lnTo>
                    <a:lnTo>
                      <a:pt x="1776" y="533"/>
                    </a:lnTo>
                    <a:lnTo>
                      <a:pt x="1801" y="545"/>
                    </a:lnTo>
                    <a:lnTo>
                      <a:pt x="1827" y="556"/>
                    </a:lnTo>
                    <a:lnTo>
                      <a:pt x="1853" y="563"/>
                    </a:lnTo>
                    <a:lnTo>
                      <a:pt x="1880" y="570"/>
                    </a:lnTo>
                    <a:lnTo>
                      <a:pt x="1910" y="575"/>
                    </a:lnTo>
                    <a:lnTo>
                      <a:pt x="1941" y="578"/>
                    </a:lnTo>
                    <a:lnTo>
                      <a:pt x="1975" y="578"/>
                    </a:lnTo>
                    <a:lnTo>
                      <a:pt x="1986" y="578"/>
                    </a:lnTo>
                    <a:lnTo>
                      <a:pt x="1997" y="581"/>
                    </a:lnTo>
                    <a:lnTo>
                      <a:pt x="2008" y="585"/>
                    </a:lnTo>
                    <a:lnTo>
                      <a:pt x="2017" y="590"/>
                    </a:lnTo>
                    <a:lnTo>
                      <a:pt x="2026" y="594"/>
                    </a:lnTo>
                    <a:lnTo>
                      <a:pt x="2036" y="598"/>
                    </a:lnTo>
                    <a:lnTo>
                      <a:pt x="2038" y="598"/>
                    </a:lnTo>
                    <a:lnTo>
                      <a:pt x="2042" y="600"/>
                    </a:lnTo>
                    <a:lnTo>
                      <a:pt x="2046" y="598"/>
                    </a:lnTo>
                    <a:lnTo>
                      <a:pt x="2048" y="597"/>
                    </a:lnTo>
                    <a:lnTo>
                      <a:pt x="2055" y="593"/>
                    </a:lnTo>
                    <a:lnTo>
                      <a:pt x="2061" y="592"/>
                    </a:lnTo>
                    <a:lnTo>
                      <a:pt x="2069" y="590"/>
                    </a:lnTo>
                    <a:lnTo>
                      <a:pt x="2077" y="590"/>
                    </a:lnTo>
                    <a:lnTo>
                      <a:pt x="2093" y="594"/>
                    </a:lnTo>
                    <a:lnTo>
                      <a:pt x="2108" y="600"/>
                    </a:lnTo>
                    <a:lnTo>
                      <a:pt x="2121" y="606"/>
                    </a:lnTo>
                    <a:lnTo>
                      <a:pt x="2131" y="614"/>
                    </a:lnTo>
                    <a:lnTo>
                      <a:pt x="2134" y="616"/>
                    </a:lnTo>
                    <a:lnTo>
                      <a:pt x="2137" y="620"/>
                    </a:lnTo>
                    <a:lnTo>
                      <a:pt x="2137" y="623"/>
                    </a:lnTo>
                    <a:lnTo>
                      <a:pt x="2137" y="625"/>
                    </a:lnTo>
                    <a:lnTo>
                      <a:pt x="2125" y="637"/>
                    </a:lnTo>
                    <a:lnTo>
                      <a:pt x="2116" y="647"/>
                    </a:lnTo>
                    <a:lnTo>
                      <a:pt x="2111" y="657"/>
                    </a:lnTo>
                    <a:lnTo>
                      <a:pt x="2108" y="663"/>
                    </a:lnTo>
                    <a:lnTo>
                      <a:pt x="2109" y="668"/>
                    </a:lnTo>
                    <a:lnTo>
                      <a:pt x="2111" y="671"/>
                    </a:lnTo>
                    <a:lnTo>
                      <a:pt x="2116" y="673"/>
                    </a:lnTo>
                    <a:lnTo>
                      <a:pt x="2122" y="675"/>
                    </a:lnTo>
                    <a:lnTo>
                      <a:pt x="2138" y="676"/>
                    </a:lnTo>
                    <a:lnTo>
                      <a:pt x="2156" y="675"/>
                    </a:lnTo>
                    <a:lnTo>
                      <a:pt x="2174" y="675"/>
                    </a:lnTo>
                    <a:lnTo>
                      <a:pt x="2190" y="676"/>
                    </a:lnTo>
                    <a:lnTo>
                      <a:pt x="2199" y="681"/>
                    </a:lnTo>
                    <a:lnTo>
                      <a:pt x="2209" y="689"/>
                    </a:lnTo>
                    <a:lnTo>
                      <a:pt x="2221" y="699"/>
                    </a:lnTo>
                    <a:lnTo>
                      <a:pt x="2232" y="711"/>
                    </a:lnTo>
                    <a:lnTo>
                      <a:pt x="2244" y="720"/>
                    </a:lnTo>
                    <a:lnTo>
                      <a:pt x="2253" y="728"/>
                    </a:lnTo>
                    <a:lnTo>
                      <a:pt x="2258" y="729"/>
                    </a:lnTo>
                    <a:lnTo>
                      <a:pt x="2262" y="729"/>
                    </a:lnTo>
                    <a:lnTo>
                      <a:pt x="2266" y="728"/>
                    </a:lnTo>
                    <a:lnTo>
                      <a:pt x="2269" y="724"/>
                    </a:lnTo>
                    <a:lnTo>
                      <a:pt x="2275" y="715"/>
                    </a:lnTo>
                    <a:lnTo>
                      <a:pt x="2280" y="707"/>
                    </a:lnTo>
                    <a:lnTo>
                      <a:pt x="2286" y="701"/>
                    </a:lnTo>
                    <a:lnTo>
                      <a:pt x="2291" y="697"/>
                    </a:lnTo>
                    <a:lnTo>
                      <a:pt x="2296" y="694"/>
                    </a:lnTo>
                    <a:lnTo>
                      <a:pt x="2300" y="692"/>
                    </a:lnTo>
                    <a:lnTo>
                      <a:pt x="2304" y="692"/>
                    </a:lnTo>
                    <a:lnTo>
                      <a:pt x="2309" y="693"/>
                    </a:lnTo>
                    <a:lnTo>
                      <a:pt x="2318" y="697"/>
                    </a:lnTo>
                    <a:lnTo>
                      <a:pt x="2328" y="702"/>
                    </a:lnTo>
                    <a:lnTo>
                      <a:pt x="2341" y="707"/>
                    </a:lnTo>
                    <a:lnTo>
                      <a:pt x="2357" y="711"/>
                    </a:lnTo>
                    <a:lnTo>
                      <a:pt x="2371" y="721"/>
                    </a:lnTo>
                    <a:lnTo>
                      <a:pt x="2384" y="729"/>
                    </a:lnTo>
                    <a:lnTo>
                      <a:pt x="2396" y="734"/>
                    </a:lnTo>
                    <a:lnTo>
                      <a:pt x="2407" y="739"/>
                    </a:lnTo>
                    <a:lnTo>
                      <a:pt x="2419" y="746"/>
                    </a:lnTo>
                    <a:lnTo>
                      <a:pt x="2429" y="752"/>
                    </a:lnTo>
                    <a:lnTo>
                      <a:pt x="2435" y="758"/>
                    </a:lnTo>
                    <a:lnTo>
                      <a:pt x="2440" y="764"/>
                    </a:lnTo>
                    <a:lnTo>
                      <a:pt x="2445" y="771"/>
                    </a:lnTo>
                    <a:lnTo>
                      <a:pt x="2449" y="778"/>
                    </a:lnTo>
                    <a:lnTo>
                      <a:pt x="2455" y="787"/>
                    </a:lnTo>
                    <a:lnTo>
                      <a:pt x="2463" y="795"/>
                    </a:lnTo>
                    <a:lnTo>
                      <a:pt x="2473" y="803"/>
                    </a:lnTo>
                    <a:lnTo>
                      <a:pt x="2484" y="811"/>
                    </a:lnTo>
                    <a:lnTo>
                      <a:pt x="2506" y="825"/>
                    </a:lnTo>
                    <a:lnTo>
                      <a:pt x="2527" y="837"/>
                    </a:lnTo>
                    <a:lnTo>
                      <a:pt x="2537" y="842"/>
                    </a:lnTo>
                    <a:lnTo>
                      <a:pt x="2547" y="844"/>
                    </a:lnTo>
                    <a:lnTo>
                      <a:pt x="2558" y="846"/>
                    </a:lnTo>
                    <a:lnTo>
                      <a:pt x="2568" y="846"/>
                    </a:lnTo>
                    <a:lnTo>
                      <a:pt x="2578" y="843"/>
                    </a:lnTo>
                    <a:lnTo>
                      <a:pt x="2589" y="840"/>
                    </a:lnTo>
                    <a:lnTo>
                      <a:pt x="2599" y="838"/>
                    </a:lnTo>
                    <a:lnTo>
                      <a:pt x="2609" y="834"/>
                    </a:lnTo>
                    <a:lnTo>
                      <a:pt x="2630" y="826"/>
                    </a:lnTo>
                    <a:lnTo>
                      <a:pt x="2650" y="821"/>
                    </a:lnTo>
                    <a:lnTo>
                      <a:pt x="2659" y="821"/>
                    </a:lnTo>
                    <a:lnTo>
                      <a:pt x="2669" y="821"/>
                    </a:lnTo>
                    <a:lnTo>
                      <a:pt x="2678" y="824"/>
                    </a:lnTo>
                    <a:lnTo>
                      <a:pt x="2687" y="828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8" name="Freeform 235">
                <a:extLst>
                  <a:ext uri="{FF2B5EF4-FFF2-40B4-BE49-F238E27FC236}">
                    <a16:creationId xmlns:a16="http://schemas.microsoft.com/office/drawing/2014/main" id="{7C58D234-A7E3-C941-8947-EDEC43F755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04483" y="6083765"/>
                <a:ext cx="30969" cy="25288"/>
              </a:xfrm>
              <a:custGeom>
                <a:avLst/>
                <a:gdLst/>
                <a:ahLst/>
                <a:cxnLst>
                  <a:cxn ang="0">
                    <a:pos x="51" y="19"/>
                  </a:cxn>
                  <a:cxn ang="0">
                    <a:pos x="45" y="13"/>
                  </a:cxn>
                  <a:cxn ang="0">
                    <a:pos x="39" y="6"/>
                  </a:cxn>
                  <a:cxn ang="0">
                    <a:pos x="36" y="5"/>
                  </a:cxn>
                  <a:cxn ang="0">
                    <a:pos x="32" y="3"/>
                  </a:cxn>
                  <a:cxn ang="0">
                    <a:pos x="28" y="1"/>
                  </a:cxn>
                  <a:cxn ang="0">
                    <a:pos x="23" y="0"/>
                  </a:cxn>
                  <a:cxn ang="0">
                    <a:pos x="16" y="0"/>
                  </a:cxn>
                  <a:cxn ang="0">
                    <a:pos x="9" y="3"/>
                  </a:cxn>
                  <a:cxn ang="0">
                    <a:pos x="5" y="4"/>
                  </a:cxn>
                  <a:cxn ang="0">
                    <a:pos x="2" y="5"/>
                  </a:cxn>
                  <a:cxn ang="0">
                    <a:pos x="1" y="8"/>
                  </a:cxn>
                  <a:cxn ang="0">
                    <a:pos x="0" y="12"/>
                  </a:cxn>
                  <a:cxn ang="0">
                    <a:pos x="2" y="16"/>
                  </a:cxn>
                  <a:cxn ang="0">
                    <a:pos x="9" y="19"/>
                  </a:cxn>
                  <a:cxn ang="0">
                    <a:pos x="15" y="22"/>
                  </a:cxn>
                  <a:cxn ang="0">
                    <a:pos x="19" y="23"/>
                  </a:cxn>
                  <a:cxn ang="0">
                    <a:pos x="28" y="27"/>
                  </a:cxn>
                  <a:cxn ang="0">
                    <a:pos x="36" y="31"/>
                  </a:cxn>
                  <a:cxn ang="0">
                    <a:pos x="41" y="38"/>
                  </a:cxn>
                  <a:cxn ang="0">
                    <a:pos x="46" y="45"/>
                  </a:cxn>
                  <a:cxn ang="0">
                    <a:pos x="48" y="49"/>
                  </a:cxn>
                  <a:cxn ang="0">
                    <a:pos x="50" y="52"/>
                  </a:cxn>
                  <a:cxn ang="0">
                    <a:pos x="53" y="54"/>
                  </a:cxn>
                  <a:cxn ang="0">
                    <a:pos x="57" y="57"/>
                  </a:cxn>
                  <a:cxn ang="0">
                    <a:pos x="61" y="57"/>
                  </a:cxn>
                  <a:cxn ang="0">
                    <a:pos x="63" y="57"/>
                  </a:cxn>
                  <a:cxn ang="0">
                    <a:pos x="66" y="54"/>
                  </a:cxn>
                  <a:cxn ang="0">
                    <a:pos x="68" y="51"/>
                  </a:cxn>
                  <a:cxn ang="0">
                    <a:pos x="51" y="19"/>
                  </a:cxn>
                </a:cxnLst>
                <a:rect l="0" t="0" r="r" b="b"/>
                <a:pathLst>
                  <a:path w="68" h="57">
                    <a:moveTo>
                      <a:pt x="51" y="19"/>
                    </a:moveTo>
                    <a:lnTo>
                      <a:pt x="45" y="13"/>
                    </a:lnTo>
                    <a:lnTo>
                      <a:pt x="39" y="6"/>
                    </a:lnTo>
                    <a:lnTo>
                      <a:pt x="36" y="5"/>
                    </a:lnTo>
                    <a:lnTo>
                      <a:pt x="32" y="3"/>
                    </a:lnTo>
                    <a:lnTo>
                      <a:pt x="28" y="1"/>
                    </a:lnTo>
                    <a:lnTo>
                      <a:pt x="23" y="0"/>
                    </a:lnTo>
                    <a:lnTo>
                      <a:pt x="16" y="0"/>
                    </a:lnTo>
                    <a:lnTo>
                      <a:pt x="9" y="3"/>
                    </a:lnTo>
                    <a:lnTo>
                      <a:pt x="5" y="4"/>
                    </a:lnTo>
                    <a:lnTo>
                      <a:pt x="2" y="5"/>
                    </a:lnTo>
                    <a:lnTo>
                      <a:pt x="1" y="8"/>
                    </a:lnTo>
                    <a:lnTo>
                      <a:pt x="0" y="12"/>
                    </a:lnTo>
                    <a:lnTo>
                      <a:pt x="2" y="16"/>
                    </a:lnTo>
                    <a:lnTo>
                      <a:pt x="9" y="19"/>
                    </a:lnTo>
                    <a:lnTo>
                      <a:pt x="15" y="22"/>
                    </a:lnTo>
                    <a:lnTo>
                      <a:pt x="19" y="23"/>
                    </a:lnTo>
                    <a:lnTo>
                      <a:pt x="28" y="27"/>
                    </a:lnTo>
                    <a:lnTo>
                      <a:pt x="36" y="31"/>
                    </a:lnTo>
                    <a:lnTo>
                      <a:pt x="41" y="38"/>
                    </a:lnTo>
                    <a:lnTo>
                      <a:pt x="46" y="45"/>
                    </a:lnTo>
                    <a:lnTo>
                      <a:pt x="48" y="49"/>
                    </a:lnTo>
                    <a:lnTo>
                      <a:pt x="50" y="52"/>
                    </a:lnTo>
                    <a:lnTo>
                      <a:pt x="53" y="54"/>
                    </a:lnTo>
                    <a:lnTo>
                      <a:pt x="57" y="57"/>
                    </a:lnTo>
                    <a:lnTo>
                      <a:pt x="61" y="57"/>
                    </a:lnTo>
                    <a:lnTo>
                      <a:pt x="63" y="57"/>
                    </a:lnTo>
                    <a:lnTo>
                      <a:pt x="66" y="54"/>
                    </a:lnTo>
                    <a:lnTo>
                      <a:pt x="68" y="51"/>
                    </a:lnTo>
                    <a:lnTo>
                      <a:pt x="51" y="19"/>
                    </a:lnTo>
                    <a:close/>
                  </a:path>
                </a:pathLst>
              </a:custGeom>
              <a:solidFill>
                <a:srgbClr val="376092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79" name="Freeform 236">
                <a:extLst>
                  <a:ext uri="{FF2B5EF4-FFF2-40B4-BE49-F238E27FC236}">
                    <a16:creationId xmlns:a16="http://schemas.microsoft.com/office/drawing/2014/main" id="{68FF471B-5104-404D-9D41-35D4AF4ED0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71693" y="5984419"/>
                <a:ext cx="83798" cy="68640"/>
              </a:xfrm>
              <a:custGeom>
                <a:avLst/>
                <a:gdLst/>
                <a:ahLst/>
                <a:cxnLst>
                  <a:cxn ang="0">
                    <a:pos x="53" y="147"/>
                  </a:cxn>
                  <a:cxn ang="0">
                    <a:pos x="49" y="146"/>
                  </a:cxn>
                  <a:cxn ang="0">
                    <a:pos x="44" y="142"/>
                  </a:cxn>
                  <a:cxn ang="0">
                    <a:pos x="39" y="138"/>
                  </a:cxn>
                  <a:cxn ang="0">
                    <a:pos x="32" y="132"/>
                  </a:cxn>
                  <a:cxn ang="0">
                    <a:pos x="23" y="120"/>
                  </a:cxn>
                  <a:cxn ang="0">
                    <a:pos x="17" y="111"/>
                  </a:cxn>
                  <a:cxn ang="0">
                    <a:pos x="10" y="100"/>
                  </a:cxn>
                  <a:cxn ang="0">
                    <a:pos x="3" y="83"/>
                  </a:cxn>
                  <a:cxn ang="0">
                    <a:pos x="0" y="75"/>
                  </a:cxn>
                  <a:cxn ang="0">
                    <a:pos x="0" y="67"/>
                  </a:cxn>
                  <a:cxn ang="0">
                    <a:pos x="0" y="65"/>
                  </a:cxn>
                  <a:cxn ang="0">
                    <a:pos x="1" y="63"/>
                  </a:cxn>
                  <a:cxn ang="0">
                    <a:pos x="4" y="62"/>
                  </a:cxn>
                  <a:cxn ang="0">
                    <a:pos x="6" y="61"/>
                  </a:cxn>
                  <a:cxn ang="0">
                    <a:pos x="22" y="63"/>
                  </a:cxn>
                  <a:cxn ang="0">
                    <a:pos x="35" y="66"/>
                  </a:cxn>
                  <a:cxn ang="0">
                    <a:pos x="41" y="65"/>
                  </a:cxn>
                  <a:cxn ang="0">
                    <a:pos x="48" y="62"/>
                  </a:cxn>
                  <a:cxn ang="0">
                    <a:pos x="53" y="58"/>
                  </a:cxn>
                  <a:cxn ang="0">
                    <a:pos x="57" y="49"/>
                  </a:cxn>
                  <a:cxn ang="0">
                    <a:pos x="61" y="36"/>
                  </a:cxn>
                  <a:cxn ang="0">
                    <a:pos x="65" y="24"/>
                  </a:cxn>
                  <a:cxn ang="0">
                    <a:pos x="67" y="19"/>
                  </a:cxn>
                  <a:cxn ang="0">
                    <a:pos x="70" y="15"/>
                  </a:cxn>
                  <a:cxn ang="0">
                    <a:pos x="75" y="10"/>
                  </a:cxn>
                  <a:cxn ang="0">
                    <a:pos x="82" y="6"/>
                  </a:cxn>
                  <a:cxn ang="0">
                    <a:pos x="93" y="2"/>
                  </a:cxn>
                  <a:cxn ang="0">
                    <a:pos x="102" y="0"/>
                  </a:cxn>
                  <a:cxn ang="0">
                    <a:pos x="111" y="0"/>
                  </a:cxn>
                  <a:cxn ang="0">
                    <a:pos x="120" y="1"/>
                  </a:cxn>
                  <a:cxn ang="0">
                    <a:pos x="139" y="4"/>
                  </a:cxn>
                  <a:cxn ang="0">
                    <a:pos x="161" y="4"/>
                  </a:cxn>
                  <a:cxn ang="0">
                    <a:pos x="170" y="5"/>
                  </a:cxn>
                  <a:cxn ang="0">
                    <a:pos x="175" y="6"/>
                  </a:cxn>
                  <a:cxn ang="0">
                    <a:pos x="180" y="10"/>
                  </a:cxn>
                  <a:cxn ang="0">
                    <a:pos x="181" y="15"/>
                  </a:cxn>
                  <a:cxn ang="0">
                    <a:pos x="183" y="22"/>
                  </a:cxn>
                  <a:cxn ang="0">
                    <a:pos x="181" y="28"/>
                  </a:cxn>
                  <a:cxn ang="0">
                    <a:pos x="180" y="35"/>
                  </a:cxn>
                  <a:cxn ang="0">
                    <a:pos x="177" y="43"/>
                  </a:cxn>
                  <a:cxn ang="0">
                    <a:pos x="171" y="54"/>
                  </a:cxn>
                  <a:cxn ang="0">
                    <a:pos x="165" y="65"/>
                  </a:cxn>
                  <a:cxn ang="0">
                    <a:pos x="157" y="72"/>
                  </a:cxn>
                  <a:cxn ang="0">
                    <a:pos x="148" y="79"/>
                  </a:cxn>
                  <a:cxn ang="0">
                    <a:pos x="139" y="85"/>
                  </a:cxn>
                  <a:cxn ang="0">
                    <a:pos x="130" y="92"/>
                  </a:cxn>
                  <a:cxn ang="0">
                    <a:pos x="119" y="98"/>
                  </a:cxn>
                  <a:cxn ang="0">
                    <a:pos x="110" y="107"/>
                  </a:cxn>
                  <a:cxn ang="0">
                    <a:pos x="105" y="115"/>
                  </a:cxn>
                  <a:cxn ang="0">
                    <a:pos x="102" y="123"/>
                  </a:cxn>
                  <a:cxn ang="0">
                    <a:pos x="98" y="131"/>
                  </a:cxn>
                  <a:cxn ang="0">
                    <a:pos x="96" y="138"/>
                  </a:cxn>
                  <a:cxn ang="0">
                    <a:pos x="92" y="146"/>
                  </a:cxn>
                  <a:cxn ang="0">
                    <a:pos x="87" y="150"/>
                  </a:cxn>
                  <a:cxn ang="0">
                    <a:pos x="84" y="151"/>
                  </a:cxn>
                  <a:cxn ang="0">
                    <a:pos x="79" y="153"/>
                  </a:cxn>
                  <a:cxn ang="0">
                    <a:pos x="75" y="153"/>
                  </a:cxn>
                  <a:cxn ang="0">
                    <a:pos x="69" y="151"/>
                  </a:cxn>
                  <a:cxn ang="0">
                    <a:pos x="53" y="147"/>
                  </a:cxn>
                </a:cxnLst>
                <a:rect l="0" t="0" r="r" b="b"/>
                <a:pathLst>
                  <a:path w="183" h="153">
                    <a:moveTo>
                      <a:pt x="53" y="147"/>
                    </a:moveTo>
                    <a:lnTo>
                      <a:pt x="49" y="146"/>
                    </a:lnTo>
                    <a:lnTo>
                      <a:pt x="44" y="142"/>
                    </a:lnTo>
                    <a:lnTo>
                      <a:pt x="39" y="138"/>
                    </a:lnTo>
                    <a:lnTo>
                      <a:pt x="32" y="132"/>
                    </a:lnTo>
                    <a:lnTo>
                      <a:pt x="23" y="120"/>
                    </a:lnTo>
                    <a:lnTo>
                      <a:pt x="17" y="111"/>
                    </a:lnTo>
                    <a:lnTo>
                      <a:pt x="10" y="100"/>
                    </a:lnTo>
                    <a:lnTo>
                      <a:pt x="3" y="83"/>
                    </a:lnTo>
                    <a:lnTo>
                      <a:pt x="0" y="75"/>
                    </a:lnTo>
                    <a:lnTo>
                      <a:pt x="0" y="67"/>
                    </a:lnTo>
                    <a:lnTo>
                      <a:pt x="0" y="65"/>
                    </a:lnTo>
                    <a:lnTo>
                      <a:pt x="1" y="63"/>
                    </a:lnTo>
                    <a:lnTo>
                      <a:pt x="4" y="62"/>
                    </a:lnTo>
                    <a:lnTo>
                      <a:pt x="6" y="61"/>
                    </a:lnTo>
                    <a:lnTo>
                      <a:pt x="22" y="63"/>
                    </a:lnTo>
                    <a:lnTo>
                      <a:pt x="35" y="66"/>
                    </a:lnTo>
                    <a:lnTo>
                      <a:pt x="41" y="65"/>
                    </a:lnTo>
                    <a:lnTo>
                      <a:pt x="48" y="62"/>
                    </a:lnTo>
                    <a:lnTo>
                      <a:pt x="53" y="58"/>
                    </a:lnTo>
                    <a:lnTo>
                      <a:pt x="57" y="49"/>
                    </a:lnTo>
                    <a:lnTo>
                      <a:pt x="61" y="36"/>
                    </a:lnTo>
                    <a:lnTo>
                      <a:pt x="65" y="24"/>
                    </a:lnTo>
                    <a:lnTo>
                      <a:pt x="67" y="19"/>
                    </a:lnTo>
                    <a:lnTo>
                      <a:pt x="70" y="15"/>
                    </a:lnTo>
                    <a:lnTo>
                      <a:pt x="75" y="10"/>
                    </a:lnTo>
                    <a:lnTo>
                      <a:pt x="82" y="6"/>
                    </a:lnTo>
                    <a:lnTo>
                      <a:pt x="93" y="2"/>
                    </a:lnTo>
                    <a:lnTo>
                      <a:pt x="102" y="0"/>
                    </a:lnTo>
                    <a:lnTo>
                      <a:pt x="111" y="0"/>
                    </a:lnTo>
                    <a:lnTo>
                      <a:pt x="120" y="1"/>
                    </a:lnTo>
                    <a:lnTo>
                      <a:pt x="139" y="4"/>
                    </a:lnTo>
                    <a:lnTo>
                      <a:pt x="161" y="4"/>
                    </a:lnTo>
                    <a:lnTo>
                      <a:pt x="170" y="5"/>
                    </a:lnTo>
                    <a:lnTo>
                      <a:pt x="175" y="6"/>
                    </a:lnTo>
                    <a:lnTo>
                      <a:pt x="180" y="10"/>
                    </a:lnTo>
                    <a:lnTo>
                      <a:pt x="181" y="15"/>
                    </a:lnTo>
                    <a:lnTo>
                      <a:pt x="183" y="22"/>
                    </a:lnTo>
                    <a:lnTo>
                      <a:pt x="181" y="28"/>
                    </a:lnTo>
                    <a:lnTo>
                      <a:pt x="180" y="35"/>
                    </a:lnTo>
                    <a:lnTo>
                      <a:pt x="177" y="43"/>
                    </a:lnTo>
                    <a:lnTo>
                      <a:pt x="171" y="54"/>
                    </a:lnTo>
                    <a:lnTo>
                      <a:pt x="165" y="65"/>
                    </a:lnTo>
                    <a:lnTo>
                      <a:pt x="157" y="72"/>
                    </a:lnTo>
                    <a:lnTo>
                      <a:pt x="148" y="79"/>
                    </a:lnTo>
                    <a:lnTo>
                      <a:pt x="139" y="85"/>
                    </a:lnTo>
                    <a:lnTo>
                      <a:pt x="130" y="92"/>
                    </a:lnTo>
                    <a:lnTo>
                      <a:pt x="119" y="98"/>
                    </a:lnTo>
                    <a:lnTo>
                      <a:pt x="110" y="107"/>
                    </a:lnTo>
                    <a:lnTo>
                      <a:pt x="105" y="115"/>
                    </a:lnTo>
                    <a:lnTo>
                      <a:pt x="102" y="123"/>
                    </a:lnTo>
                    <a:lnTo>
                      <a:pt x="98" y="131"/>
                    </a:lnTo>
                    <a:lnTo>
                      <a:pt x="96" y="138"/>
                    </a:lnTo>
                    <a:lnTo>
                      <a:pt x="92" y="146"/>
                    </a:lnTo>
                    <a:lnTo>
                      <a:pt x="87" y="150"/>
                    </a:lnTo>
                    <a:lnTo>
                      <a:pt x="84" y="151"/>
                    </a:lnTo>
                    <a:lnTo>
                      <a:pt x="79" y="153"/>
                    </a:lnTo>
                    <a:lnTo>
                      <a:pt x="75" y="153"/>
                    </a:lnTo>
                    <a:lnTo>
                      <a:pt x="69" y="151"/>
                    </a:lnTo>
                    <a:lnTo>
                      <a:pt x="53" y="147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0" name="Freeform 237">
                <a:extLst>
                  <a:ext uri="{FF2B5EF4-FFF2-40B4-BE49-F238E27FC236}">
                    <a16:creationId xmlns:a16="http://schemas.microsoft.com/office/drawing/2014/main" id="{6A00E88B-A03F-B243-8B3C-A6C51DE029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4831" y="5892297"/>
                <a:ext cx="182169" cy="124636"/>
              </a:xfrm>
              <a:custGeom>
                <a:avLst/>
                <a:gdLst/>
                <a:ahLst/>
                <a:cxnLst>
                  <a:cxn ang="0">
                    <a:pos x="145" y="185"/>
                  </a:cxn>
                  <a:cxn ang="0">
                    <a:pos x="142" y="145"/>
                  </a:cxn>
                  <a:cxn ang="0">
                    <a:pos x="137" y="132"/>
                  </a:cxn>
                  <a:cxn ang="0">
                    <a:pos x="128" y="124"/>
                  </a:cxn>
                  <a:cxn ang="0">
                    <a:pos x="114" y="121"/>
                  </a:cxn>
                  <a:cxn ang="0">
                    <a:pos x="99" y="125"/>
                  </a:cxn>
                  <a:cxn ang="0">
                    <a:pos x="89" y="132"/>
                  </a:cxn>
                  <a:cxn ang="0">
                    <a:pos x="76" y="145"/>
                  </a:cxn>
                  <a:cxn ang="0">
                    <a:pos x="62" y="154"/>
                  </a:cxn>
                  <a:cxn ang="0">
                    <a:pos x="57" y="155"/>
                  </a:cxn>
                  <a:cxn ang="0">
                    <a:pos x="50" y="151"/>
                  </a:cxn>
                  <a:cxn ang="0">
                    <a:pos x="46" y="133"/>
                  </a:cxn>
                  <a:cxn ang="0">
                    <a:pos x="39" y="116"/>
                  </a:cxn>
                  <a:cxn ang="0">
                    <a:pos x="20" y="99"/>
                  </a:cxn>
                  <a:cxn ang="0">
                    <a:pos x="7" y="84"/>
                  </a:cxn>
                  <a:cxn ang="0">
                    <a:pos x="1" y="74"/>
                  </a:cxn>
                  <a:cxn ang="0">
                    <a:pos x="0" y="63"/>
                  </a:cxn>
                  <a:cxn ang="0">
                    <a:pos x="5" y="54"/>
                  </a:cxn>
                  <a:cxn ang="0">
                    <a:pos x="13" y="49"/>
                  </a:cxn>
                  <a:cxn ang="0">
                    <a:pos x="26" y="48"/>
                  </a:cxn>
                  <a:cxn ang="0">
                    <a:pos x="49" y="49"/>
                  </a:cxn>
                  <a:cxn ang="0">
                    <a:pos x="75" y="48"/>
                  </a:cxn>
                  <a:cxn ang="0">
                    <a:pos x="102" y="39"/>
                  </a:cxn>
                  <a:cxn ang="0">
                    <a:pos x="143" y="20"/>
                  </a:cxn>
                  <a:cxn ang="0">
                    <a:pos x="185" y="6"/>
                  </a:cxn>
                  <a:cxn ang="0">
                    <a:pos x="232" y="1"/>
                  </a:cxn>
                  <a:cxn ang="0">
                    <a:pos x="272" y="0"/>
                  </a:cxn>
                  <a:cxn ang="0">
                    <a:pos x="295" y="1"/>
                  </a:cxn>
                  <a:cxn ang="0">
                    <a:pos x="314" y="6"/>
                  </a:cxn>
                  <a:cxn ang="0">
                    <a:pos x="322" y="13"/>
                  </a:cxn>
                  <a:cxn ang="0">
                    <a:pos x="326" y="18"/>
                  </a:cxn>
                  <a:cxn ang="0">
                    <a:pos x="326" y="31"/>
                  </a:cxn>
                  <a:cxn ang="0">
                    <a:pos x="329" y="55"/>
                  </a:cxn>
                  <a:cxn ang="0">
                    <a:pos x="334" y="74"/>
                  </a:cxn>
                  <a:cxn ang="0">
                    <a:pos x="339" y="84"/>
                  </a:cxn>
                  <a:cxn ang="0">
                    <a:pos x="347" y="92"/>
                  </a:cxn>
                  <a:cxn ang="0">
                    <a:pos x="356" y="94"/>
                  </a:cxn>
                  <a:cxn ang="0">
                    <a:pos x="375" y="92"/>
                  </a:cxn>
                  <a:cxn ang="0">
                    <a:pos x="391" y="89"/>
                  </a:cxn>
                  <a:cxn ang="0">
                    <a:pos x="396" y="93"/>
                  </a:cxn>
                  <a:cxn ang="0">
                    <a:pos x="396" y="107"/>
                  </a:cxn>
                  <a:cxn ang="0">
                    <a:pos x="396" y="124"/>
                  </a:cxn>
                  <a:cxn ang="0">
                    <a:pos x="393" y="132"/>
                  </a:cxn>
                  <a:cxn ang="0">
                    <a:pos x="387" y="140"/>
                  </a:cxn>
                  <a:cxn ang="0">
                    <a:pos x="366" y="147"/>
                  </a:cxn>
                  <a:cxn ang="0">
                    <a:pos x="346" y="159"/>
                  </a:cxn>
                  <a:cxn ang="0">
                    <a:pos x="334" y="173"/>
                  </a:cxn>
                  <a:cxn ang="0">
                    <a:pos x="316" y="200"/>
                  </a:cxn>
                  <a:cxn ang="0">
                    <a:pos x="291" y="239"/>
                  </a:cxn>
                  <a:cxn ang="0">
                    <a:pos x="270" y="263"/>
                  </a:cxn>
                  <a:cxn ang="0">
                    <a:pos x="256" y="272"/>
                  </a:cxn>
                  <a:cxn ang="0">
                    <a:pos x="243" y="269"/>
                  </a:cxn>
                  <a:cxn ang="0">
                    <a:pos x="237" y="259"/>
                  </a:cxn>
                  <a:cxn ang="0">
                    <a:pos x="230" y="250"/>
                  </a:cxn>
                  <a:cxn ang="0">
                    <a:pos x="220" y="245"/>
                  </a:cxn>
                  <a:cxn ang="0">
                    <a:pos x="199" y="247"/>
                  </a:cxn>
                  <a:cxn ang="0">
                    <a:pos x="180" y="251"/>
                  </a:cxn>
                  <a:cxn ang="0">
                    <a:pos x="168" y="251"/>
                  </a:cxn>
                  <a:cxn ang="0">
                    <a:pos x="147" y="216"/>
                  </a:cxn>
                </a:cxnLst>
                <a:rect l="0" t="0" r="r" b="b"/>
                <a:pathLst>
                  <a:path w="396" h="274">
                    <a:moveTo>
                      <a:pt x="147" y="216"/>
                    </a:moveTo>
                    <a:lnTo>
                      <a:pt x="145" y="185"/>
                    </a:lnTo>
                    <a:lnTo>
                      <a:pt x="143" y="151"/>
                    </a:lnTo>
                    <a:lnTo>
                      <a:pt x="142" y="145"/>
                    </a:lnTo>
                    <a:lnTo>
                      <a:pt x="140" y="138"/>
                    </a:lnTo>
                    <a:lnTo>
                      <a:pt x="137" y="132"/>
                    </a:lnTo>
                    <a:lnTo>
                      <a:pt x="133" y="128"/>
                    </a:lnTo>
                    <a:lnTo>
                      <a:pt x="128" y="124"/>
                    </a:lnTo>
                    <a:lnTo>
                      <a:pt x="121" y="123"/>
                    </a:lnTo>
                    <a:lnTo>
                      <a:pt x="114" y="121"/>
                    </a:lnTo>
                    <a:lnTo>
                      <a:pt x="105" y="123"/>
                    </a:lnTo>
                    <a:lnTo>
                      <a:pt x="99" y="125"/>
                    </a:lnTo>
                    <a:lnTo>
                      <a:pt x="94" y="128"/>
                    </a:lnTo>
                    <a:lnTo>
                      <a:pt x="89" y="132"/>
                    </a:lnTo>
                    <a:lnTo>
                      <a:pt x="85" y="136"/>
                    </a:lnTo>
                    <a:lnTo>
                      <a:pt x="76" y="145"/>
                    </a:lnTo>
                    <a:lnTo>
                      <a:pt x="66" y="153"/>
                    </a:lnTo>
                    <a:lnTo>
                      <a:pt x="62" y="154"/>
                    </a:lnTo>
                    <a:lnTo>
                      <a:pt x="59" y="155"/>
                    </a:lnTo>
                    <a:lnTo>
                      <a:pt x="57" y="155"/>
                    </a:lnTo>
                    <a:lnTo>
                      <a:pt x="54" y="154"/>
                    </a:lnTo>
                    <a:lnTo>
                      <a:pt x="50" y="151"/>
                    </a:lnTo>
                    <a:lnTo>
                      <a:pt x="48" y="146"/>
                    </a:lnTo>
                    <a:lnTo>
                      <a:pt x="46" y="133"/>
                    </a:lnTo>
                    <a:lnTo>
                      <a:pt x="46" y="121"/>
                    </a:lnTo>
                    <a:lnTo>
                      <a:pt x="39" y="116"/>
                    </a:lnTo>
                    <a:lnTo>
                      <a:pt x="29" y="108"/>
                    </a:lnTo>
                    <a:lnTo>
                      <a:pt x="20" y="99"/>
                    </a:lnTo>
                    <a:lnTo>
                      <a:pt x="11" y="89"/>
                    </a:lnTo>
                    <a:lnTo>
                      <a:pt x="7" y="84"/>
                    </a:lnTo>
                    <a:lnTo>
                      <a:pt x="4" y="79"/>
                    </a:lnTo>
                    <a:lnTo>
                      <a:pt x="1" y="74"/>
                    </a:lnTo>
                    <a:lnTo>
                      <a:pt x="0" y="68"/>
                    </a:lnTo>
                    <a:lnTo>
                      <a:pt x="0" y="63"/>
                    </a:lnTo>
                    <a:lnTo>
                      <a:pt x="1" y="58"/>
                    </a:lnTo>
                    <a:lnTo>
                      <a:pt x="5" y="54"/>
                    </a:lnTo>
                    <a:lnTo>
                      <a:pt x="9" y="50"/>
                    </a:lnTo>
                    <a:lnTo>
                      <a:pt x="13" y="49"/>
                    </a:lnTo>
                    <a:lnTo>
                      <a:pt x="19" y="48"/>
                    </a:lnTo>
                    <a:lnTo>
                      <a:pt x="26" y="48"/>
                    </a:lnTo>
                    <a:lnTo>
                      <a:pt x="33" y="49"/>
                    </a:lnTo>
                    <a:lnTo>
                      <a:pt x="49" y="49"/>
                    </a:lnTo>
                    <a:lnTo>
                      <a:pt x="59" y="50"/>
                    </a:lnTo>
                    <a:lnTo>
                      <a:pt x="75" y="48"/>
                    </a:lnTo>
                    <a:lnTo>
                      <a:pt x="89" y="44"/>
                    </a:lnTo>
                    <a:lnTo>
                      <a:pt x="102" y="39"/>
                    </a:lnTo>
                    <a:lnTo>
                      <a:pt x="116" y="33"/>
                    </a:lnTo>
                    <a:lnTo>
                      <a:pt x="143" y="20"/>
                    </a:lnTo>
                    <a:lnTo>
                      <a:pt x="171" y="10"/>
                    </a:lnTo>
                    <a:lnTo>
                      <a:pt x="185" y="6"/>
                    </a:lnTo>
                    <a:lnTo>
                      <a:pt x="206" y="2"/>
                    </a:lnTo>
                    <a:lnTo>
                      <a:pt x="232" y="1"/>
                    </a:lnTo>
                    <a:lnTo>
                      <a:pt x="257" y="0"/>
                    </a:lnTo>
                    <a:lnTo>
                      <a:pt x="272" y="0"/>
                    </a:lnTo>
                    <a:lnTo>
                      <a:pt x="283" y="0"/>
                    </a:lnTo>
                    <a:lnTo>
                      <a:pt x="295" y="1"/>
                    </a:lnTo>
                    <a:lnTo>
                      <a:pt x="305" y="4"/>
                    </a:lnTo>
                    <a:lnTo>
                      <a:pt x="314" y="6"/>
                    </a:lnTo>
                    <a:lnTo>
                      <a:pt x="321" y="10"/>
                    </a:lnTo>
                    <a:lnTo>
                      <a:pt x="322" y="13"/>
                    </a:lnTo>
                    <a:lnTo>
                      <a:pt x="325" y="15"/>
                    </a:lnTo>
                    <a:lnTo>
                      <a:pt x="326" y="18"/>
                    </a:lnTo>
                    <a:lnTo>
                      <a:pt x="326" y="20"/>
                    </a:lnTo>
                    <a:lnTo>
                      <a:pt x="326" y="31"/>
                    </a:lnTo>
                    <a:lnTo>
                      <a:pt x="327" y="42"/>
                    </a:lnTo>
                    <a:lnTo>
                      <a:pt x="329" y="55"/>
                    </a:lnTo>
                    <a:lnTo>
                      <a:pt x="333" y="68"/>
                    </a:lnTo>
                    <a:lnTo>
                      <a:pt x="334" y="74"/>
                    </a:lnTo>
                    <a:lnTo>
                      <a:pt x="336" y="80"/>
                    </a:lnTo>
                    <a:lnTo>
                      <a:pt x="339" y="84"/>
                    </a:lnTo>
                    <a:lnTo>
                      <a:pt x="343" y="89"/>
                    </a:lnTo>
                    <a:lnTo>
                      <a:pt x="347" y="92"/>
                    </a:lnTo>
                    <a:lnTo>
                      <a:pt x="351" y="94"/>
                    </a:lnTo>
                    <a:lnTo>
                      <a:pt x="356" y="94"/>
                    </a:lnTo>
                    <a:lnTo>
                      <a:pt x="362" y="94"/>
                    </a:lnTo>
                    <a:lnTo>
                      <a:pt x="375" y="92"/>
                    </a:lnTo>
                    <a:lnTo>
                      <a:pt x="384" y="90"/>
                    </a:lnTo>
                    <a:lnTo>
                      <a:pt x="391" y="89"/>
                    </a:lnTo>
                    <a:lnTo>
                      <a:pt x="395" y="90"/>
                    </a:lnTo>
                    <a:lnTo>
                      <a:pt x="396" y="93"/>
                    </a:lnTo>
                    <a:lnTo>
                      <a:pt x="396" y="99"/>
                    </a:lnTo>
                    <a:lnTo>
                      <a:pt x="396" y="107"/>
                    </a:lnTo>
                    <a:lnTo>
                      <a:pt x="396" y="119"/>
                    </a:lnTo>
                    <a:lnTo>
                      <a:pt x="396" y="124"/>
                    </a:lnTo>
                    <a:lnTo>
                      <a:pt x="395" y="128"/>
                    </a:lnTo>
                    <a:lnTo>
                      <a:pt x="393" y="132"/>
                    </a:lnTo>
                    <a:lnTo>
                      <a:pt x="392" y="134"/>
                    </a:lnTo>
                    <a:lnTo>
                      <a:pt x="387" y="140"/>
                    </a:lnTo>
                    <a:lnTo>
                      <a:pt x="381" y="142"/>
                    </a:lnTo>
                    <a:lnTo>
                      <a:pt x="366" y="147"/>
                    </a:lnTo>
                    <a:lnTo>
                      <a:pt x="352" y="154"/>
                    </a:lnTo>
                    <a:lnTo>
                      <a:pt x="346" y="159"/>
                    </a:lnTo>
                    <a:lnTo>
                      <a:pt x="340" y="165"/>
                    </a:lnTo>
                    <a:lnTo>
                      <a:pt x="334" y="173"/>
                    </a:lnTo>
                    <a:lnTo>
                      <a:pt x="329" y="181"/>
                    </a:lnTo>
                    <a:lnTo>
                      <a:pt x="316" y="200"/>
                    </a:lnTo>
                    <a:lnTo>
                      <a:pt x="304" y="221"/>
                    </a:lnTo>
                    <a:lnTo>
                      <a:pt x="291" y="239"/>
                    </a:lnTo>
                    <a:lnTo>
                      <a:pt x="278" y="256"/>
                    </a:lnTo>
                    <a:lnTo>
                      <a:pt x="270" y="263"/>
                    </a:lnTo>
                    <a:lnTo>
                      <a:pt x="264" y="269"/>
                    </a:lnTo>
                    <a:lnTo>
                      <a:pt x="256" y="272"/>
                    </a:lnTo>
                    <a:lnTo>
                      <a:pt x="248" y="274"/>
                    </a:lnTo>
                    <a:lnTo>
                      <a:pt x="243" y="269"/>
                    </a:lnTo>
                    <a:lnTo>
                      <a:pt x="239" y="264"/>
                    </a:lnTo>
                    <a:lnTo>
                      <a:pt x="237" y="259"/>
                    </a:lnTo>
                    <a:lnTo>
                      <a:pt x="234" y="254"/>
                    </a:lnTo>
                    <a:lnTo>
                      <a:pt x="230" y="250"/>
                    </a:lnTo>
                    <a:lnTo>
                      <a:pt x="226" y="247"/>
                    </a:lnTo>
                    <a:lnTo>
                      <a:pt x="220" y="245"/>
                    </a:lnTo>
                    <a:lnTo>
                      <a:pt x="210" y="246"/>
                    </a:lnTo>
                    <a:lnTo>
                      <a:pt x="199" y="247"/>
                    </a:lnTo>
                    <a:lnTo>
                      <a:pt x="186" y="250"/>
                    </a:lnTo>
                    <a:lnTo>
                      <a:pt x="180" y="251"/>
                    </a:lnTo>
                    <a:lnTo>
                      <a:pt x="175" y="251"/>
                    </a:lnTo>
                    <a:lnTo>
                      <a:pt x="168" y="251"/>
                    </a:lnTo>
                    <a:lnTo>
                      <a:pt x="164" y="250"/>
                    </a:lnTo>
                    <a:lnTo>
                      <a:pt x="147" y="216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1" name="Freeform 238">
                <a:extLst>
                  <a:ext uri="{FF2B5EF4-FFF2-40B4-BE49-F238E27FC236}">
                    <a16:creationId xmlns:a16="http://schemas.microsoft.com/office/drawing/2014/main" id="{180848FA-4DF1-3246-ACA4-FAB5BF200E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32581" y="5881459"/>
                <a:ext cx="96550" cy="75865"/>
              </a:xfrm>
              <a:custGeom>
                <a:avLst/>
                <a:gdLst/>
                <a:ahLst/>
                <a:cxnLst>
                  <a:cxn ang="0">
                    <a:pos x="136" y="119"/>
                  </a:cxn>
                  <a:cxn ang="0">
                    <a:pos x="127" y="118"/>
                  </a:cxn>
                  <a:cxn ang="0">
                    <a:pos x="119" y="114"/>
                  </a:cxn>
                  <a:cxn ang="0">
                    <a:pos x="112" y="109"/>
                  </a:cxn>
                  <a:cxn ang="0">
                    <a:pos x="103" y="105"/>
                  </a:cxn>
                  <a:cxn ang="0">
                    <a:pos x="95" y="100"/>
                  </a:cxn>
                  <a:cxn ang="0">
                    <a:pos x="86" y="95"/>
                  </a:cxn>
                  <a:cxn ang="0">
                    <a:pos x="78" y="91"/>
                  </a:cxn>
                  <a:cxn ang="0">
                    <a:pos x="69" y="88"/>
                  </a:cxn>
                  <a:cxn ang="0">
                    <a:pos x="55" y="86"/>
                  </a:cxn>
                  <a:cxn ang="0">
                    <a:pos x="42" y="84"/>
                  </a:cxn>
                  <a:cxn ang="0">
                    <a:pos x="27" y="84"/>
                  </a:cxn>
                  <a:cxn ang="0">
                    <a:pos x="13" y="83"/>
                  </a:cxn>
                  <a:cxn ang="0">
                    <a:pos x="5" y="80"/>
                  </a:cxn>
                  <a:cxn ang="0">
                    <a:pos x="1" y="78"/>
                  </a:cxn>
                  <a:cxn ang="0">
                    <a:pos x="0" y="74"/>
                  </a:cxn>
                  <a:cxn ang="0">
                    <a:pos x="1" y="70"/>
                  </a:cxn>
                  <a:cxn ang="0">
                    <a:pos x="8" y="60"/>
                  </a:cxn>
                  <a:cxn ang="0">
                    <a:pos x="14" y="49"/>
                  </a:cxn>
                  <a:cxn ang="0">
                    <a:pos x="20" y="36"/>
                  </a:cxn>
                  <a:cxn ang="0">
                    <a:pos x="21" y="21"/>
                  </a:cxn>
                  <a:cxn ang="0">
                    <a:pos x="24" y="14"/>
                  </a:cxn>
                  <a:cxn ang="0">
                    <a:pos x="26" y="8"/>
                  </a:cxn>
                  <a:cxn ang="0">
                    <a:pos x="29" y="5"/>
                  </a:cxn>
                  <a:cxn ang="0">
                    <a:pos x="31" y="4"/>
                  </a:cxn>
                  <a:cxn ang="0">
                    <a:pos x="34" y="1"/>
                  </a:cxn>
                  <a:cxn ang="0">
                    <a:pos x="38" y="1"/>
                  </a:cxn>
                  <a:cxn ang="0">
                    <a:pos x="49" y="0"/>
                  </a:cxn>
                  <a:cxn ang="0">
                    <a:pos x="64" y="0"/>
                  </a:cxn>
                  <a:cxn ang="0">
                    <a:pos x="78" y="1"/>
                  </a:cxn>
                  <a:cxn ang="0">
                    <a:pos x="93" y="4"/>
                  </a:cxn>
                  <a:cxn ang="0">
                    <a:pos x="123" y="10"/>
                  </a:cxn>
                  <a:cxn ang="0">
                    <a:pos x="149" y="16"/>
                  </a:cxn>
                  <a:cxn ang="0">
                    <a:pos x="169" y="17"/>
                  </a:cxn>
                  <a:cxn ang="0">
                    <a:pos x="188" y="20"/>
                  </a:cxn>
                  <a:cxn ang="0">
                    <a:pos x="196" y="22"/>
                  </a:cxn>
                  <a:cxn ang="0">
                    <a:pos x="202" y="27"/>
                  </a:cxn>
                  <a:cxn ang="0">
                    <a:pos x="204" y="30"/>
                  </a:cxn>
                  <a:cxn ang="0">
                    <a:pos x="206" y="34"/>
                  </a:cxn>
                  <a:cxn ang="0">
                    <a:pos x="207" y="39"/>
                  </a:cxn>
                  <a:cxn ang="0">
                    <a:pos x="209" y="44"/>
                  </a:cxn>
                  <a:cxn ang="0">
                    <a:pos x="210" y="69"/>
                  </a:cxn>
                  <a:cxn ang="0">
                    <a:pos x="213" y="92"/>
                  </a:cxn>
                  <a:cxn ang="0">
                    <a:pos x="214" y="115"/>
                  </a:cxn>
                  <a:cxn ang="0">
                    <a:pos x="213" y="140"/>
                  </a:cxn>
                  <a:cxn ang="0">
                    <a:pos x="213" y="146"/>
                  </a:cxn>
                  <a:cxn ang="0">
                    <a:pos x="211" y="156"/>
                  </a:cxn>
                  <a:cxn ang="0">
                    <a:pos x="211" y="159"/>
                  </a:cxn>
                  <a:cxn ang="0">
                    <a:pos x="210" y="163"/>
                  </a:cxn>
                  <a:cxn ang="0">
                    <a:pos x="207" y="166"/>
                  </a:cxn>
                  <a:cxn ang="0">
                    <a:pos x="205" y="168"/>
                  </a:cxn>
                  <a:cxn ang="0">
                    <a:pos x="200" y="168"/>
                  </a:cxn>
                  <a:cxn ang="0">
                    <a:pos x="193" y="167"/>
                  </a:cxn>
                  <a:cxn ang="0">
                    <a:pos x="185" y="165"/>
                  </a:cxn>
                  <a:cxn ang="0">
                    <a:pos x="178" y="159"/>
                  </a:cxn>
                  <a:cxn ang="0">
                    <a:pos x="163" y="150"/>
                  </a:cxn>
                  <a:cxn ang="0">
                    <a:pos x="153" y="141"/>
                  </a:cxn>
                  <a:cxn ang="0">
                    <a:pos x="149" y="135"/>
                  </a:cxn>
                  <a:cxn ang="0">
                    <a:pos x="144" y="127"/>
                  </a:cxn>
                  <a:cxn ang="0">
                    <a:pos x="141" y="123"/>
                  </a:cxn>
                  <a:cxn ang="0">
                    <a:pos x="140" y="121"/>
                  </a:cxn>
                  <a:cxn ang="0">
                    <a:pos x="138" y="119"/>
                  </a:cxn>
                  <a:cxn ang="0">
                    <a:pos x="136" y="119"/>
                  </a:cxn>
                </a:cxnLst>
                <a:rect l="0" t="0" r="r" b="b"/>
                <a:pathLst>
                  <a:path w="214" h="168">
                    <a:moveTo>
                      <a:pt x="136" y="119"/>
                    </a:moveTo>
                    <a:lnTo>
                      <a:pt x="127" y="118"/>
                    </a:lnTo>
                    <a:lnTo>
                      <a:pt x="119" y="114"/>
                    </a:lnTo>
                    <a:lnTo>
                      <a:pt x="112" y="109"/>
                    </a:lnTo>
                    <a:lnTo>
                      <a:pt x="103" y="105"/>
                    </a:lnTo>
                    <a:lnTo>
                      <a:pt x="95" y="100"/>
                    </a:lnTo>
                    <a:lnTo>
                      <a:pt x="86" y="95"/>
                    </a:lnTo>
                    <a:lnTo>
                      <a:pt x="78" y="91"/>
                    </a:lnTo>
                    <a:lnTo>
                      <a:pt x="69" y="88"/>
                    </a:lnTo>
                    <a:lnTo>
                      <a:pt x="55" y="86"/>
                    </a:lnTo>
                    <a:lnTo>
                      <a:pt x="42" y="84"/>
                    </a:lnTo>
                    <a:lnTo>
                      <a:pt x="27" y="84"/>
                    </a:lnTo>
                    <a:lnTo>
                      <a:pt x="13" y="83"/>
                    </a:lnTo>
                    <a:lnTo>
                      <a:pt x="5" y="80"/>
                    </a:lnTo>
                    <a:lnTo>
                      <a:pt x="1" y="78"/>
                    </a:lnTo>
                    <a:lnTo>
                      <a:pt x="0" y="74"/>
                    </a:lnTo>
                    <a:lnTo>
                      <a:pt x="1" y="70"/>
                    </a:lnTo>
                    <a:lnTo>
                      <a:pt x="8" y="60"/>
                    </a:lnTo>
                    <a:lnTo>
                      <a:pt x="14" y="49"/>
                    </a:lnTo>
                    <a:lnTo>
                      <a:pt x="20" y="36"/>
                    </a:lnTo>
                    <a:lnTo>
                      <a:pt x="21" y="21"/>
                    </a:lnTo>
                    <a:lnTo>
                      <a:pt x="24" y="14"/>
                    </a:lnTo>
                    <a:lnTo>
                      <a:pt x="26" y="8"/>
                    </a:lnTo>
                    <a:lnTo>
                      <a:pt x="29" y="5"/>
                    </a:lnTo>
                    <a:lnTo>
                      <a:pt x="31" y="4"/>
                    </a:lnTo>
                    <a:lnTo>
                      <a:pt x="34" y="1"/>
                    </a:lnTo>
                    <a:lnTo>
                      <a:pt x="38" y="1"/>
                    </a:lnTo>
                    <a:lnTo>
                      <a:pt x="49" y="0"/>
                    </a:lnTo>
                    <a:lnTo>
                      <a:pt x="64" y="0"/>
                    </a:lnTo>
                    <a:lnTo>
                      <a:pt x="78" y="1"/>
                    </a:lnTo>
                    <a:lnTo>
                      <a:pt x="93" y="4"/>
                    </a:lnTo>
                    <a:lnTo>
                      <a:pt x="123" y="10"/>
                    </a:lnTo>
                    <a:lnTo>
                      <a:pt x="149" y="16"/>
                    </a:lnTo>
                    <a:lnTo>
                      <a:pt x="169" y="17"/>
                    </a:lnTo>
                    <a:lnTo>
                      <a:pt x="188" y="20"/>
                    </a:lnTo>
                    <a:lnTo>
                      <a:pt x="196" y="22"/>
                    </a:lnTo>
                    <a:lnTo>
                      <a:pt x="202" y="27"/>
                    </a:lnTo>
                    <a:lnTo>
                      <a:pt x="204" y="30"/>
                    </a:lnTo>
                    <a:lnTo>
                      <a:pt x="206" y="34"/>
                    </a:lnTo>
                    <a:lnTo>
                      <a:pt x="207" y="39"/>
                    </a:lnTo>
                    <a:lnTo>
                      <a:pt x="209" y="44"/>
                    </a:lnTo>
                    <a:lnTo>
                      <a:pt x="210" y="69"/>
                    </a:lnTo>
                    <a:lnTo>
                      <a:pt x="213" y="92"/>
                    </a:lnTo>
                    <a:lnTo>
                      <a:pt x="214" y="115"/>
                    </a:lnTo>
                    <a:lnTo>
                      <a:pt x="213" y="140"/>
                    </a:lnTo>
                    <a:lnTo>
                      <a:pt x="213" y="146"/>
                    </a:lnTo>
                    <a:lnTo>
                      <a:pt x="211" y="156"/>
                    </a:lnTo>
                    <a:lnTo>
                      <a:pt x="211" y="159"/>
                    </a:lnTo>
                    <a:lnTo>
                      <a:pt x="210" y="163"/>
                    </a:lnTo>
                    <a:lnTo>
                      <a:pt x="207" y="166"/>
                    </a:lnTo>
                    <a:lnTo>
                      <a:pt x="205" y="168"/>
                    </a:lnTo>
                    <a:lnTo>
                      <a:pt x="200" y="168"/>
                    </a:lnTo>
                    <a:lnTo>
                      <a:pt x="193" y="167"/>
                    </a:lnTo>
                    <a:lnTo>
                      <a:pt x="185" y="165"/>
                    </a:lnTo>
                    <a:lnTo>
                      <a:pt x="178" y="159"/>
                    </a:lnTo>
                    <a:lnTo>
                      <a:pt x="163" y="150"/>
                    </a:lnTo>
                    <a:lnTo>
                      <a:pt x="153" y="141"/>
                    </a:lnTo>
                    <a:lnTo>
                      <a:pt x="149" y="135"/>
                    </a:lnTo>
                    <a:lnTo>
                      <a:pt x="144" y="127"/>
                    </a:lnTo>
                    <a:lnTo>
                      <a:pt x="141" y="123"/>
                    </a:lnTo>
                    <a:lnTo>
                      <a:pt x="140" y="121"/>
                    </a:lnTo>
                    <a:lnTo>
                      <a:pt x="138" y="119"/>
                    </a:lnTo>
                    <a:lnTo>
                      <a:pt x="136" y="119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2" name="Freeform 239">
                <a:extLst>
                  <a:ext uri="{FF2B5EF4-FFF2-40B4-BE49-F238E27FC236}">
                    <a16:creationId xmlns:a16="http://schemas.microsoft.com/office/drawing/2014/main" id="{1B5DAACC-7883-9649-ADE6-9CC56FD668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01589" y="4606208"/>
                <a:ext cx="1941922" cy="1717796"/>
              </a:xfrm>
              <a:custGeom>
                <a:avLst/>
                <a:gdLst/>
                <a:ahLst/>
                <a:cxnLst>
                  <a:cxn ang="0">
                    <a:pos x="2845" y="971"/>
                  </a:cxn>
                  <a:cxn ang="0">
                    <a:pos x="2981" y="1135"/>
                  </a:cxn>
                  <a:cxn ang="0">
                    <a:pos x="3142" y="1290"/>
                  </a:cxn>
                  <a:cxn ang="0">
                    <a:pos x="3414" y="1339"/>
                  </a:cxn>
                  <a:cxn ang="0">
                    <a:pos x="3585" y="1373"/>
                  </a:cxn>
                  <a:cxn ang="0">
                    <a:pos x="3633" y="1546"/>
                  </a:cxn>
                  <a:cxn ang="0">
                    <a:pos x="3819" y="1618"/>
                  </a:cxn>
                  <a:cxn ang="0">
                    <a:pos x="4066" y="1670"/>
                  </a:cxn>
                  <a:cxn ang="0">
                    <a:pos x="4231" y="1782"/>
                  </a:cxn>
                  <a:cxn ang="0">
                    <a:pos x="4211" y="1948"/>
                  </a:cxn>
                  <a:cxn ang="0">
                    <a:pos x="3869" y="2057"/>
                  </a:cxn>
                  <a:cxn ang="0">
                    <a:pos x="3374" y="2154"/>
                  </a:cxn>
                  <a:cxn ang="0">
                    <a:pos x="3266" y="2295"/>
                  </a:cxn>
                  <a:cxn ang="0">
                    <a:pos x="2881" y="2588"/>
                  </a:cxn>
                  <a:cxn ang="0">
                    <a:pos x="2779" y="3001"/>
                  </a:cxn>
                  <a:cxn ang="0">
                    <a:pos x="2796" y="3168"/>
                  </a:cxn>
                  <a:cxn ang="0">
                    <a:pos x="2505" y="3317"/>
                  </a:cxn>
                  <a:cxn ang="0">
                    <a:pos x="2384" y="3464"/>
                  </a:cxn>
                  <a:cxn ang="0">
                    <a:pos x="2197" y="3512"/>
                  </a:cxn>
                  <a:cxn ang="0">
                    <a:pos x="1903" y="3721"/>
                  </a:cxn>
                  <a:cxn ang="0">
                    <a:pos x="1739" y="3725"/>
                  </a:cxn>
                  <a:cxn ang="0">
                    <a:pos x="1587" y="3763"/>
                  </a:cxn>
                  <a:cxn ang="0">
                    <a:pos x="1449" y="3672"/>
                  </a:cxn>
                  <a:cxn ang="0">
                    <a:pos x="1270" y="3632"/>
                  </a:cxn>
                  <a:cxn ang="0">
                    <a:pos x="1006" y="3545"/>
                  </a:cxn>
                  <a:cxn ang="0">
                    <a:pos x="783" y="3575"/>
                  </a:cxn>
                  <a:cxn ang="0">
                    <a:pos x="577" y="3679"/>
                  </a:cxn>
                  <a:cxn ang="0">
                    <a:pos x="368" y="3575"/>
                  </a:cxn>
                  <a:cxn ang="0">
                    <a:pos x="363" y="3422"/>
                  </a:cxn>
                  <a:cxn ang="0">
                    <a:pos x="349" y="3264"/>
                  </a:cxn>
                  <a:cxn ang="0">
                    <a:pos x="288" y="3152"/>
                  </a:cxn>
                  <a:cxn ang="0">
                    <a:pos x="12" y="2815"/>
                  </a:cxn>
                  <a:cxn ang="0">
                    <a:pos x="164" y="2601"/>
                  </a:cxn>
                  <a:cxn ang="0">
                    <a:pos x="250" y="2525"/>
                  </a:cxn>
                  <a:cxn ang="0">
                    <a:pos x="379" y="2162"/>
                  </a:cxn>
                  <a:cxn ang="0">
                    <a:pos x="332" y="1907"/>
                  </a:cxn>
                  <a:cxn ang="0">
                    <a:pos x="538" y="1624"/>
                  </a:cxn>
                  <a:cxn ang="0">
                    <a:pos x="680" y="1443"/>
                  </a:cxn>
                  <a:cxn ang="0">
                    <a:pos x="888" y="1263"/>
                  </a:cxn>
                  <a:cxn ang="0">
                    <a:pos x="890" y="1085"/>
                  </a:cxn>
                  <a:cxn ang="0">
                    <a:pos x="775" y="900"/>
                  </a:cxn>
                  <a:cxn ang="0">
                    <a:pos x="509" y="825"/>
                  </a:cxn>
                  <a:cxn ang="0">
                    <a:pos x="438" y="698"/>
                  </a:cxn>
                  <a:cxn ang="0">
                    <a:pos x="197" y="712"/>
                  </a:cxn>
                  <a:cxn ang="0">
                    <a:pos x="345" y="558"/>
                  </a:cxn>
                  <a:cxn ang="0">
                    <a:pos x="349" y="502"/>
                  </a:cxn>
                  <a:cxn ang="0">
                    <a:pos x="285" y="438"/>
                  </a:cxn>
                  <a:cxn ang="0">
                    <a:pos x="267" y="400"/>
                  </a:cxn>
                  <a:cxn ang="0">
                    <a:pos x="315" y="302"/>
                  </a:cxn>
                  <a:cxn ang="0">
                    <a:pos x="248" y="248"/>
                  </a:cxn>
                  <a:cxn ang="0">
                    <a:pos x="249" y="145"/>
                  </a:cxn>
                  <a:cxn ang="0">
                    <a:pos x="368" y="115"/>
                  </a:cxn>
                  <a:cxn ang="0">
                    <a:pos x="541" y="129"/>
                  </a:cxn>
                  <a:cxn ang="0">
                    <a:pos x="636" y="112"/>
                  </a:cxn>
                  <a:cxn ang="0">
                    <a:pos x="712" y="27"/>
                  </a:cxn>
                  <a:cxn ang="0">
                    <a:pos x="848" y="65"/>
                  </a:cxn>
                  <a:cxn ang="0">
                    <a:pos x="1070" y="226"/>
                  </a:cxn>
                  <a:cxn ang="0">
                    <a:pos x="1375" y="295"/>
                  </a:cxn>
                  <a:cxn ang="0">
                    <a:pos x="1608" y="435"/>
                  </a:cxn>
                  <a:cxn ang="0">
                    <a:pos x="2048" y="597"/>
                  </a:cxn>
                  <a:cxn ang="0">
                    <a:pos x="2156" y="675"/>
                  </a:cxn>
                  <a:cxn ang="0">
                    <a:pos x="2328" y="702"/>
                  </a:cxn>
                  <a:cxn ang="0">
                    <a:pos x="2568" y="846"/>
                  </a:cxn>
                </a:cxnLst>
                <a:rect l="0" t="0" r="r" b="b"/>
                <a:pathLst>
                  <a:path w="4263" h="3803">
                    <a:moveTo>
                      <a:pt x="2687" y="828"/>
                    </a:moveTo>
                    <a:lnTo>
                      <a:pt x="2734" y="879"/>
                    </a:lnTo>
                    <a:lnTo>
                      <a:pt x="2749" y="885"/>
                    </a:lnTo>
                    <a:lnTo>
                      <a:pt x="2770" y="892"/>
                    </a:lnTo>
                    <a:lnTo>
                      <a:pt x="2780" y="897"/>
                    </a:lnTo>
                    <a:lnTo>
                      <a:pt x="2790" y="901"/>
                    </a:lnTo>
                    <a:lnTo>
                      <a:pt x="2797" y="907"/>
                    </a:lnTo>
                    <a:lnTo>
                      <a:pt x="2801" y="910"/>
                    </a:lnTo>
                    <a:lnTo>
                      <a:pt x="2804" y="917"/>
                    </a:lnTo>
                    <a:lnTo>
                      <a:pt x="2804" y="925"/>
                    </a:lnTo>
                    <a:lnTo>
                      <a:pt x="2802" y="931"/>
                    </a:lnTo>
                    <a:lnTo>
                      <a:pt x="2800" y="939"/>
                    </a:lnTo>
                    <a:lnTo>
                      <a:pt x="2793" y="952"/>
                    </a:lnTo>
                    <a:lnTo>
                      <a:pt x="2787" y="964"/>
                    </a:lnTo>
                    <a:lnTo>
                      <a:pt x="2786" y="969"/>
                    </a:lnTo>
                    <a:lnTo>
                      <a:pt x="2786" y="973"/>
                    </a:lnTo>
                    <a:lnTo>
                      <a:pt x="2788" y="975"/>
                    </a:lnTo>
                    <a:lnTo>
                      <a:pt x="2792" y="977"/>
                    </a:lnTo>
                    <a:lnTo>
                      <a:pt x="2802" y="977"/>
                    </a:lnTo>
                    <a:lnTo>
                      <a:pt x="2817" y="974"/>
                    </a:lnTo>
                    <a:lnTo>
                      <a:pt x="2831" y="973"/>
                    </a:lnTo>
                    <a:lnTo>
                      <a:pt x="2845" y="971"/>
                    </a:lnTo>
                    <a:lnTo>
                      <a:pt x="2850" y="973"/>
                    </a:lnTo>
                    <a:lnTo>
                      <a:pt x="2856" y="974"/>
                    </a:lnTo>
                    <a:lnTo>
                      <a:pt x="2859" y="977"/>
                    </a:lnTo>
                    <a:lnTo>
                      <a:pt x="2861" y="982"/>
                    </a:lnTo>
                    <a:lnTo>
                      <a:pt x="2867" y="1001"/>
                    </a:lnTo>
                    <a:lnTo>
                      <a:pt x="2874" y="1023"/>
                    </a:lnTo>
                    <a:lnTo>
                      <a:pt x="2883" y="1043"/>
                    </a:lnTo>
                    <a:lnTo>
                      <a:pt x="2893" y="1063"/>
                    </a:lnTo>
                    <a:lnTo>
                      <a:pt x="2898" y="1072"/>
                    </a:lnTo>
                    <a:lnTo>
                      <a:pt x="2905" y="1080"/>
                    </a:lnTo>
                    <a:lnTo>
                      <a:pt x="2913" y="1088"/>
                    </a:lnTo>
                    <a:lnTo>
                      <a:pt x="2920" y="1094"/>
                    </a:lnTo>
                    <a:lnTo>
                      <a:pt x="2929" y="1101"/>
                    </a:lnTo>
                    <a:lnTo>
                      <a:pt x="2939" y="1106"/>
                    </a:lnTo>
                    <a:lnTo>
                      <a:pt x="2948" y="1110"/>
                    </a:lnTo>
                    <a:lnTo>
                      <a:pt x="2959" y="1113"/>
                    </a:lnTo>
                    <a:lnTo>
                      <a:pt x="2963" y="1114"/>
                    </a:lnTo>
                    <a:lnTo>
                      <a:pt x="2967" y="1115"/>
                    </a:lnTo>
                    <a:lnTo>
                      <a:pt x="2971" y="1118"/>
                    </a:lnTo>
                    <a:lnTo>
                      <a:pt x="2973" y="1120"/>
                    </a:lnTo>
                    <a:lnTo>
                      <a:pt x="2977" y="1127"/>
                    </a:lnTo>
                    <a:lnTo>
                      <a:pt x="2981" y="1135"/>
                    </a:lnTo>
                    <a:lnTo>
                      <a:pt x="2985" y="1151"/>
                    </a:lnTo>
                    <a:lnTo>
                      <a:pt x="2988" y="1168"/>
                    </a:lnTo>
                    <a:lnTo>
                      <a:pt x="2990" y="1175"/>
                    </a:lnTo>
                    <a:lnTo>
                      <a:pt x="2992" y="1181"/>
                    </a:lnTo>
                    <a:lnTo>
                      <a:pt x="2996" y="1185"/>
                    </a:lnTo>
                    <a:lnTo>
                      <a:pt x="2998" y="1190"/>
                    </a:lnTo>
                    <a:lnTo>
                      <a:pt x="3002" y="1193"/>
                    </a:lnTo>
                    <a:lnTo>
                      <a:pt x="3006" y="1195"/>
                    </a:lnTo>
                    <a:lnTo>
                      <a:pt x="3011" y="1198"/>
                    </a:lnTo>
                    <a:lnTo>
                      <a:pt x="3016" y="1199"/>
                    </a:lnTo>
                    <a:lnTo>
                      <a:pt x="3038" y="1202"/>
                    </a:lnTo>
                    <a:lnTo>
                      <a:pt x="3060" y="1206"/>
                    </a:lnTo>
                    <a:lnTo>
                      <a:pt x="3076" y="1210"/>
                    </a:lnTo>
                    <a:lnTo>
                      <a:pt x="3087" y="1214"/>
                    </a:lnTo>
                    <a:lnTo>
                      <a:pt x="3097" y="1216"/>
                    </a:lnTo>
                    <a:lnTo>
                      <a:pt x="3103" y="1221"/>
                    </a:lnTo>
                    <a:lnTo>
                      <a:pt x="3108" y="1227"/>
                    </a:lnTo>
                    <a:lnTo>
                      <a:pt x="3113" y="1234"/>
                    </a:lnTo>
                    <a:lnTo>
                      <a:pt x="3119" y="1246"/>
                    </a:lnTo>
                    <a:lnTo>
                      <a:pt x="3125" y="1262"/>
                    </a:lnTo>
                    <a:lnTo>
                      <a:pt x="3133" y="1277"/>
                    </a:lnTo>
                    <a:lnTo>
                      <a:pt x="3142" y="1290"/>
                    </a:lnTo>
                    <a:lnTo>
                      <a:pt x="3151" y="1300"/>
                    </a:lnTo>
                    <a:lnTo>
                      <a:pt x="3160" y="1307"/>
                    </a:lnTo>
                    <a:lnTo>
                      <a:pt x="3170" y="1312"/>
                    </a:lnTo>
                    <a:lnTo>
                      <a:pt x="3181" y="1316"/>
                    </a:lnTo>
                    <a:lnTo>
                      <a:pt x="3192" y="1317"/>
                    </a:lnTo>
                    <a:lnTo>
                      <a:pt x="3203" y="1317"/>
                    </a:lnTo>
                    <a:lnTo>
                      <a:pt x="3227" y="1316"/>
                    </a:lnTo>
                    <a:lnTo>
                      <a:pt x="3252" y="1315"/>
                    </a:lnTo>
                    <a:lnTo>
                      <a:pt x="3265" y="1315"/>
                    </a:lnTo>
                    <a:lnTo>
                      <a:pt x="3279" y="1315"/>
                    </a:lnTo>
                    <a:lnTo>
                      <a:pt x="3292" y="1317"/>
                    </a:lnTo>
                    <a:lnTo>
                      <a:pt x="3305" y="1320"/>
                    </a:lnTo>
                    <a:lnTo>
                      <a:pt x="3331" y="1331"/>
                    </a:lnTo>
                    <a:lnTo>
                      <a:pt x="3369" y="1348"/>
                    </a:lnTo>
                    <a:lnTo>
                      <a:pt x="3378" y="1351"/>
                    </a:lnTo>
                    <a:lnTo>
                      <a:pt x="3387" y="1353"/>
                    </a:lnTo>
                    <a:lnTo>
                      <a:pt x="3395" y="1355"/>
                    </a:lnTo>
                    <a:lnTo>
                      <a:pt x="3402" y="1355"/>
                    </a:lnTo>
                    <a:lnTo>
                      <a:pt x="3407" y="1353"/>
                    </a:lnTo>
                    <a:lnTo>
                      <a:pt x="3411" y="1351"/>
                    </a:lnTo>
                    <a:lnTo>
                      <a:pt x="3414" y="1346"/>
                    </a:lnTo>
                    <a:lnTo>
                      <a:pt x="3414" y="1339"/>
                    </a:lnTo>
                    <a:lnTo>
                      <a:pt x="3413" y="1330"/>
                    </a:lnTo>
                    <a:lnTo>
                      <a:pt x="3411" y="1319"/>
                    </a:lnTo>
                    <a:lnTo>
                      <a:pt x="3411" y="1306"/>
                    </a:lnTo>
                    <a:lnTo>
                      <a:pt x="3411" y="1294"/>
                    </a:lnTo>
                    <a:lnTo>
                      <a:pt x="3413" y="1289"/>
                    </a:lnTo>
                    <a:lnTo>
                      <a:pt x="3414" y="1285"/>
                    </a:lnTo>
                    <a:lnTo>
                      <a:pt x="3417" y="1282"/>
                    </a:lnTo>
                    <a:lnTo>
                      <a:pt x="3419" y="1280"/>
                    </a:lnTo>
                    <a:lnTo>
                      <a:pt x="3423" y="1280"/>
                    </a:lnTo>
                    <a:lnTo>
                      <a:pt x="3428" y="1281"/>
                    </a:lnTo>
                    <a:lnTo>
                      <a:pt x="3433" y="1284"/>
                    </a:lnTo>
                    <a:lnTo>
                      <a:pt x="3440" y="1289"/>
                    </a:lnTo>
                    <a:lnTo>
                      <a:pt x="3449" y="1295"/>
                    </a:lnTo>
                    <a:lnTo>
                      <a:pt x="3458" y="1302"/>
                    </a:lnTo>
                    <a:lnTo>
                      <a:pt x="3468" y="1307"/>
                    </a:lnTo>
                    <a:lnTo>
                      <a:pt x="3479" y="1312"/>
                    </a:lnTo>
                    <a:lnTo>
                      <a:pt x="3501" y="1322"/>
                    </a:lnTo>
                    <a:lnTo>
                      <a:pt x="3521" y="1331"/>
                    </a:lnTo>
                    <a:lnTo>
                      <a:pt x="3543" y="1346"/>
                    </a:lnTo>
                    <a:lnTo>
                      <a:pt x="3564" y="1360"/>
                    </a:lnTo>
                    <a:lnTo>
                      <a:pt x="3575" y="1368"/>
                    </a:lnTo>
                    <a:lnTo>
                      <a:pt x="3585" y="1373"/>
                    </a:lnTo>
                    <a:lnTo>
                      <a:pt x="3597" y="1378"/>
                    </a:lnTo>
                    <a:lnTo>
                      <a:pt x="3610" y="1382"/>
                    </a:lnTo>
                    <a:lnTo>
                      <a:pt x="3616" y="1383"/>
                    </a:lnTo>
                    <a:lnTo>
                      <a:pt x="3621" y="1386"/>
                    </a:lnTo>
                    <a:lnTo>
                      <a:pt x="3625" y="1388"/>
                    </a:lnTo>
                    <a:lnTo>
                      <a:pt x="3629" y="1392"/>
                    </a:lnTo>
                    <a:lnTo>
                      <a:pt x="3635" y="1400"/>
                    </a:lnTo>
                    <a:lnTo>
                      <a:pt x="3639" y="1409"/>
                    </a:lnTo>
                    <a:lnTo>
                      <a:pt x="3646" y="1430"/>
                    </a:lnTo>
                    <a:lnTo>
                      <a:pt x="3652" y="1452"/>
                    </a:lnTo>
                    <a:lnTo>
                      <a:pt x="3652" y="1452"/>
                    </a:lnTo>
                    <a:lnTo>
                      <a:pt x="3645" y="1461"/>
                    </a:lnTo>
                    <a:lnTo>
                      <a:pt x="3637" y="1470"/>
                    </a:lnTo>
                    <a:lnTo>
                      <a:pt x="3633" y="1475"/>
                    </a:lnTo>
                    <a:lnTo>
                      <a:pt x="3630" y="1480"/>
                    </a:lnTo>
                    <a:lnTo>
                      <a:pt x="3629" y="1486"/>
                    </a:lnTo>
                    <a:lnTo>
                      <a:pt x="3628" y="1492"/>
                    </a:lnTo>
                    <a:lnTo>
                      <a:pt x="3628" y="1504"/>
                    </a:lnTo>
                    <a:lnTo>
                      <a:pt x="3628" y="1517"/>
                    </a:lnTo>
                    <a:lnTo>
                      <a:pt x="3629" y="1530"/>
                    </a:lnTo>
                    <a:lnTo>
                      <a:pt x="3632" y="1541"/>
                    </a:lnTo>
                    <a:lnTo>
                      <a:pt x="3633" y="1546"/>
                    </a:lnTo>
                    <a:lnTo>
                      <a:pt x="3635" y="1553"/>
                    </a:lnTo>
                    <a:lnTo>
                      <a:pt x="3638" y="1557"/>
                    </a:lnTo>
                    <a:lnTo>
                      <a:pt x="3642" y="1562"/>
                    </a:lnTo>
                    <a:lnTo>
                      <a:pt x="3646" y="1566"/>
                    </a:lnTo>
                    <a:lnTo>
                      <a:pt x="3651" y="1570"/>
                    </a:lnTo>
                    <a:lnTo>
                      <a:pt x="3658" y="1572"/>
                    </a:lnTo>
                    <a:lnTo>
                      <a:pt x="3664" y="1575"/>
                    </a:lnTo>
                    <a:lnTo>
                      <a:pt x="3670" y="1576"/>
                    </a:lnTo>
                    <a:lnTo>
                      <a:pt x="3677" y="1576"/>
                    </a:lnTo>
                    <a:lnTo>
                      <a:pt x="3685" y="1575"/>
                    </a:lnTo>
                    <a:lnTo>
                      <a:pt x="3692" y="1572"/>
                    </a:lnTo>
                    <a:lnTo>
                      <a:pt x="3708" y="1566"/>
                    </a:lnTo>
                    <a:lnTo>
                      <a:pt x="3721" y="1561"/>
                    </a:lnTo>
                    <a:lnTo>
                      <a:pt x="3733" y="1556"/>
                    </a:lnTo>
                    <a:lnTo>
                      <a:pt x="3744" y="1552"/>
                    </a:lnTo>
                    <a:lnTo>
                      <a:pt x="3757" y="1550"/>
                    </a:lnTo>
                    <a:lnTo>
                      <a:pt x="3770" y="1550"/>
                    </a:lnTo>
                    <a:lnTo>
                      <a:pt x="3770" y="1550"/>
                    </a:lnTo>
                    <a:lnTo>
                      <a:pt x="3790" y="1579"/>
                    </a:lnTo>
                    <a:lnTo>
                      <a:pt x="3808" y="1606"/>
                    </a:lnTo>
                    <a:lnTo>
                      <a:pt x="3813" y="1611"/>
                    </a:lnTo>
                    <a:lnTo>
                      <a:pt x="3819" y="1618"/>
                    </a:lnTo>
                    <a:lnTo>
                      <a:pt x="3825" y="1622"/>
                    </a:lnTo>
                    <a:lnTo>
                      <a:pt x="3832" y="1626"/>
                    </a:lnTo>
                    <a:lnTo>
                      <a:pt x="3839" y="1628"/>
                    </a:lnTo>
                    <a:lnTo>
                      <a:pt x="3848" y="1631"/>
                    </a:lnTo>
                    <a:lnTo>
                      <a:pt x="3857" y="1632"/>
                    </a:lnTo>
                    <a:lnTo>
                      <a:pt x="3866" y="1631"/>
                    </a:lnTo>
                    <a:lnTo>
                      <a:pt x="3892" y="1628"/>
                    </a:lnTo>
                    <a:lnTo>
                      <a:pt x="3917" y="1627"/>
                    </a:lnTo>
                    <a:lnTo>
                      <a:pt x="3928" y="1628"/>
                    </a:lnTo>
                    <a:lnTo>
                      <a:pt x="3939" y="1629"/>
                    </a:lnTo>
                    <a:lnTo>
                      <a:pt x="3952" y="1633"/>
                    </a:lnTo>
                    <a:lnTo>
                      <a:pt x="3963" y="1640"/>
                    </a:lnTo>
                    <a:lnTo>
                      <a:pt x="3976" y="1649"/>
                    </a:lnTo>
                    <a:lnTo>
                      <a:pt x="3987" y="1659"/>
                    </a:lnTo>
                    <a:lnTo>
                      <a:pt x="3992" y="1664"/>
                    </a:lnTo>
                    <a:lnTo>
                      <a:pt x="3998" y="1668"/>
                    </a:lnTo>
                    <a:lnTo>
                      <a:pt x="4005" y="1671"/>
                    </a:lnTo>
                    <a:lnTo>
                      <a:pt x="4014" y="1673"/>
                    </a:lnTo>
                    <a:lnTo>
                      <a:pt x="4027" y="1675"/>
                    </a:lnTo>
                    <a:lnTo>
                      <a:pt x="4038" y="1673"/>
                    </a:lnTo>
                    <a:lnTo>
                      <a:pt x="4053" y="1672"/>
                    </a:lnTo>
                    <a:lnTo>
                      <a:pt x="4066" y="1670"/>
                    </a:lnTo>
                    <a:lnTo>
                      <a:pt x="4079" y="1667"/>
                    </a:lnTo>
                    <a:lnTo>
                      <a:pt x="4093" y="1666"/>
                    </a:lnTo>
                    <a:lnTo>
                      <a:pt x="4106" y="1664"/>
                    </a:lnTo>
                    <a:lnTo>
                      <a:pt x="4119" y="1666"/>
                    </a:lnTo>
                    <a:lnTo>
                      <a:pt x="4133" y="1668"/>
                    </a:lnTo>
                    <a:lnTo>
                      <a:pt x="4148" y="1672"/>
                    </a:lnTo>
                    <a:lnTo>
                      <a:pt x="4163" y="1677"/>
                    </a:lnTo>
                    <a:lnTo>
                      <a:pt x="4178" y="1683"/>
                    </a:lnTo>
                    <a:lnTo>
                      <a:pt x="4208" y="1695"/>
                    </a:lnTo>
                    <a:lnTo>
                      <a:pt x="4235" y="1706"/>
                    </a:lnTo>
                    <a:lnTo>
                      <a:pt x="4235" y="1706"/>
                    </a:lnTo>
                    <a:lnTo>
                      <a:pt x="4237" y="1717"/>
                    </a:lnTo>
                    <a:lnTo>
                      <a:pt x="4238" y="1728"/>
                    </a:lnTo>
                    <a:lnTo>
                      <a:pt x="4243" y="1742"/>
                    </a:lnTo>
                    <a:lnTo>
                      <a:pt x="4252" y="1758"/>
                    </a:lnTo>
                    <a:lnTo>
                      <a:pt x="4256" y="1765"/>
                    </a:lnTo>
                    <a:lnTo>
                      <a:pt x="4259" y="1774"/>
                    </a:lnTo>
                    <a:lnTo>
                      <a:pt x="4261" y="1782"/>
                    </a:lnTo>
                    <a:lnTo>
                      <a:pt x="4263" y="1790"/>
                    </a:lnTo>
                    <a:lnTo>
                      <a:pt x="4261" y="1790"/>
                    </a:lnTo>
                    <a:lnTo>
                      <a:pt x="4250" y="1787"/>
                    </a:lnTo>
                    <a:lnTo>
                      <a:pt x="4231" y="1782"/>
                    </a:lnTo>
                    <a:lnTo>
                      <a:pt x="4222" y="1781"/>
                    </a:lnTo>
                    <a:lnTo>
                      <a:pt x="4215" y="1782"/>
                    </a:lnTo>
                    <a:lnTo>
                      <a:pt x="4212" y="1784"/>
                    </a:lnTo>
                    <a:lnTo>
                      <a:pt x="4209" y="1785"/>
                    </a:lnTo>
                    <a:lnTo>
                      <a:pt x="4208" y="1787"/>
                    </a:lnTo>
                    <a:lnTo>
                      <a:pt x="4208" y="1791"/>
                    </a:lnTo>
                    <a:lnTo>
                      <a:pt x="4208" y="1808"/>
                    </a:lnTo>
                    <a:lnTo>
                      <a:pt x="4209" y="1825"/>
                    </a:lnTo>
                    <a:lnTo>
                      <a:pt x="4213" y="1842"/>
                    </a:lnTo>
                    <a:lnTo>
                      <a:pt x="4218" y="1856"/>
                    </a:lnTo>
                    <a:lnTo>
                      <a:pt x="4222" y="1865"/>
                    </a:lnTo>
                    <a:lnTo>
                      <a:pt x="4225" y="1874"/>
                    </a:lnTo>
                    <a:lnTo>
                      <a:pt x="4228" y="1883"/>
                    </a:lnTo>
                    <a:lnTo>
                      <a:pt x="4229" y="1891"/>
                    </a:lnTo>
                    <a:lnTo>
                      <a:pt x="4230" y="1900"/>
                    </a:lnTo>
                    <a:lnTo>
                      <a:pt x="4230" y="1908"/>
                    </a:lnTo>
                    <a:lnTo>
                      <a:pt x="4229" y="1916"/>
                    </a:lnTo>
                    <a:lnTo>
                      <a:pt x="4228" y="1923"/>
                    </a:lnTo>
                    <a:lnTo>
                      <a:pt x="4225" y="1931"/>
                    </a:lnTo>
                    <a:lnTo>
                      <a:pt x="4221" y="1938"/>
                    </a:lnTo>
                    <a:lnTo>
                      <a:pt x="4216" y="1943"/>
                    </a:lnTo>
                    <a:lnTo>
                      <a:pt x="4211" y="1948"/>
                    </a:lnTo>
                    <a:lnTo>
                      <a:pt x="4204" y="1953"/>
                    </a:lnTo>
                    <a:lnTo>
                      <a:pt x="4196" y="1957"/>
                    </a:lnTo>
                    <a:lnTo>
                      <a:pt x="4187" y="1960"/>
                    </a:lnTo>
                    <a:lnTo>
                      <a:pt x="4177" y="1961"/>
                    </a:lnTo>
                    <a:lnTo>
                      <a:pt x="4169" y="1962"/>
                    </a:lnTo>
                    <a:lnTo>
                      <a:pt x="4161" y="1965"/>
                    </a:lnTo>
                    <a:lnTo>
                      <a:pt x="4154" y="1968"/>
                    </a:lnTo>
                    <a:lnTo>
                      <a:pt x="4146" y="1971"/>
                    </a:lnTo>
                    <a:lnTo>
                      <a:pt x="4130" y="1980"/>
                    </a:lnTo>
                    <a:lnTo>
                      <a:pt x="4115" y="1991"/>
                    </a:lnTo>
                    <a:lnTo>
                      <a:pt x="4098" y="2002"/>
                    </a:lnTo>
                    <a:lnTo>
                      <a:pt x="4082" y="2012"/>
                    </a:lnTo>
                    <a:lnTo>
                      <a:pt x="4064" y="2021"/>
                    </a:lnTo>
                    <a:lnTo>
                      <a:pt x="4047" y="2027"/>
                    </a:lnTo>
                    <a:lnTo>
                      <a:pt x="4023" y="2031"/>
                    </a:lnTo>
                    <a:lnTo>
                      <a:pt x="3994" y="2035"/>
                    </a:lnTo>
                    <a:lnTo>
                      <a:pt x="3962" y="2039"/>
                    </a:lnTo>
                    <a:lnTo>
                      <a:pt x="3930" y="2043"/>
                    </a:lnTo>
                    <a:lnTo>
                      <a:pt x="3913" y="2045"/>
                    </a:lnTo>
                    <a:lnTo>
                      <a:pt x="3897" y="2048"/>
                    </a:lnTo>
                    <a:lnTo>
                      <a:pt x="3883" y="2052"/>
                    </a:lnTo>
                    <a:lnTo>
                      <a:pt x="3869" y="2057"/>
                    </a:lnTo>
                    <a:lnTo>
                      <a:pt x="3856" y="2061"/>
                    </a:lnTo>
                    <a:lnTo>
                      <a:pt x="3844" y="2067"/>
                    </a:lnTo>
                    <a:lnTo>
                      <a:pt x="3835" y="2074"/>
                    </a:lnTo>
                    <a:lnTo>
                      <a:pt x="3827" y="2082"/>
                    </a:lnTo>
                    <a:lnTo>
                      <a:pt x="3819" y="2091"/>
                    </a:lnTo>
                    <a:lnTo>
                      <a:pt x="3810" y="2101"/>
                    </a:lnTo>
                    <a:lnTo>
                      <a:pt x="3800" y="2111"/>
                    </a:lnTo>
                    <a:lnTo>
                      <a:pt x="3788" y="2120"/>
                    </a:lnTo>
                    <a:lnTo>
                      <a:pt x="3778" y="2129"/>
                    </a:lnTo>
                    <a:lnTo>
                      <a:pt x="3765" y="2137"/>
                    </a:lnTo>
                    <a:lnTo>
                      <a:pt x="3753" y="2142"/>
                    </a:lnTo>
                    <a:lnTo>
                      <a:pt x="3742" y="2145"/>
                    </a:lnTo>
                    <a:lnTo>
                      <a:pt x="3707" y="2149"/>
                    </a:lnTo>
                    <a:lnTo>
                      <a:pt x="3670" y="2153"/>
                    </a:lnTo>
                    <a:lnTo>
                      <a:pt x="3634" y="2154"/>
                    </a:lnTo>
                    <a:lnTo>
                      <a:pt x="3598" y="2153"/>
                    </a:lnTo>
                    <a:lnTo>
                      <a:pt x="3573" y="2153"/>
                    </a:lnTo>
                    <a:lnTo>
                      <a:pt x="3538" y="2151"/>
                    </a:lnTo>
                    <a:lnTo>
                      <a:pt x="3498" y="2150"/>
                    </a:lnTo>
                    <a:lnTo>
                      <a:pt x="3454" y="2150"/>
                    </a:lnTo>
                    <a:lnTo>
                      <a:pt x="3411" y="2150"/>
                    </a:lnTo>
                    <a:lnTo>
                      <a:pt x="3374" y="2154"/>
                    </a:lnTo>
                    <a:lnTo>
                      <a:pt x="3357" y="2157"/>
                    </a:lnTo>
                    <a:lnTo>
                      <a:pt x="3343" y="2159"/>
                    </a:lnTo>
                    <a:lnTo>
                      <a:pt x="3331" y="2164"/>
                    </a:lnTo>
                    <a:lnTo>
                      <a:pt x="3323" y="2170"/>
                    </a:lnTo>
                    <a:lnTo>
                      <a:pt x="3312" y="2177"/>
                    </a:lnTo>
                    <a:lnTo>
                      <a:pt x="3292" y="2190"/>
                    </a:lnTo>
                    <a:lnTo>
                      <a:pt x="3270" y="2205"/>
                    </a:lnTo>
                    <a:lnTo>
                      <a:pt x="3248" y="2220"/>
                    </a:lnTo>
                    <a:lnTo>
                      <a:pt x="3239" y="2228"/>
                    </a:lnTo>
                    <a:lnTo>
                      <a:pt x="3230" y="2236"/>
                    </a:lnTo>
                    <a:lnTo>
                      <a:pt x="3224" y="2245"/>
                    </a:lnTo>
                    <a:lnTo>
                      <a:pt x="3220" y="2252"/>
                    </a:lnTo>
                    <a:lnTo>
                      <a:pt x="3218" y="2256"/>
                    </a:lnTo>
                    <a:lnTo>
                      <a:pt x="3217" y="2259"/>
                    </a:lnTo>
                    <a:lnTo>
                      <a:pt x="3218" y="2263"/>
                    </a:lnTo>
                    <a:lnTo>
                      <a:pt x="3218" y="2267"/>
                    </a:lnTo>
                    <a:lnTo>
                      <a:pt x="3221" y="2269"/>
                    </a:lnTo>
                    <a:lnTo>
                      <a:pt x="3224" y="2273"/>
                    </a:lnTo>
                    <a:lnTo>
                      <a:pt x="3227" y="2276"/>
                    </a:lnTo>
                    <a:lnTo>
                      <a:pt x="3233" y="2278"/>
                    </a:lnTo>
                    <a:lnTo>
                      <a:pt x="3258" y="2290"/>
                    </a:lnTo>
                    <a:lnTo>
                      <a:pt x="3266" y="2295"/>
                    </a:lnTo>
                    <a:lnTo>
                      <a:pt x="3258" y="2303"/>
                    </a:lnTo>
                    <a:lnTo>
                      <a:pt x="3234" y="2324"/>
                    </a:lnTo>
                    <a:lnTo>
                      <a:pt x="3225" y="2333"/>
                    </a:lnTo>
                    <a:lnTo>
                      <a:pt x="3213" y="2343"/>
                    </a:lnTo>
                    <a:lnTo>
                      <a:pt x="3208" y="2348"/>
                    </a:lnTo>
                    <a:lnTo>
                      <a:pt x="3201" y="2351"/>
                    </a:lnTo>
                    <a:lnTo>
                      <a:pt x="3195" y="2352"/>
                    </a:lnTo>
                    <a:lnTo>
                      <a:pt x="3187" y="2351"/>
                    </a:lnTo>
                    <a:lnTo>
                      <a:pt x="3187" y="2335"/>
                    </a:lnTo>
                    <a:lnTo>
                      <a:pt x="3186" y="2324"/>
                    </a:lnTo>
                    <a:lnTo>
                      <a:pt x="3185" y="2315"/>
                    </a:lnTo>
                    <a:lnTo>
                      <a:pt x="3182" y="2308"/>
                    </a:lnTo>
                    <a:lnTo>
                      <a:pt x="3179" y="2306"/>
                    </a:lnTo>
                    <a:lnTo>
                      <a:pt x="3176" y="2304"/>
                    </a:lnTo>
                    <a:lnTo>
                      <a:pt x="3172" y="2306"/>
                    </a:lnTo>
                    <a:lnTo>
                      <a:pt x="3167" y="2309"/>
                    </a:lnTo>
                    <a:lnTo>
                      <a:pt x="3156" y="2321"/>
                    </a:lnTo>
                    <a:lnTo>
                      <a:pt x="3143" y="2337"/>
                    </a:lnTo>
                    <a:lnTo>
                      <a:pt x="3128" y="2355"/>
                    </a:lnTo>
                    <a:lnTo>
                      <a:pt x="3111" y="2373"/>
                    </a:lnTo>
                    <a:lnTo>
                      <a:pt x="2896" y="2574"/>
                    </a:lnTo>
                    <a:lnTo>
                      <a:pt x="2881" y="2588"/>
                    </a:lnTo>
                    <a:lnTo>
                      <a:pt x="2866" y="2606"/>
                    </a:lnTo>
                    <a:lnTo>
                      <a:pt x="2850" y="2626"/>
                    </a:lnTo>
                    <a:lnTo>
                      <a:pt x="2834" y="2646"/>
                    </a:lnTo>
                    <a:lnTo>
                      <a:pt x="2818" y="2666"/>
                    </a:lnTo>
                    <a:lnTo>
                      <a:pt x="2801" y="2684"/>
                    </a:lnTo>
                    <a:lnTo>
                      <a:pt x="2786" y="2699"/>
                    </a:lnTo>
                    <a:lnTo>
                      <a:pt x="2771" y="2710"/>
                    </a:lnTo>
                    <a:lnTo>
                      <a:pt x="2761" y="2720"/>
                    </a:lnTo>
                    <a:lnTo>
                      <a:pt x="2753" y="2732"/>
                    </a:lnTo>
                    <a:lnTo>
                      <a:pt x="2747" y="2743"/>
                    </a:lnTo>
                    <a:lnTo>
                      <a:pt x="2742" y="2756"/>
                    </a:lnTo>
                    <a:lnTo>
                      <a:pt x="2739" y="2771"/>
                    </a:lnTo>
                    <a:lnTo>
                      <a:pt x="2738" y="2785"/>
                    </a:lnTo>
                    <a:lnTo>
                      <a:pt x="2736" y="2799"/>
                    </a:lnTo>
                    <a:lnTo>
                      <a:pt x="2738" y="2815"/>
                    </a:lnTo>
                    <a:lnTo>
                      <a:pt x="2742" y="2846"/>
                    </a:lnTo>
                    <a:lnTo>
                      <a:pt x="2748" y="2876"/>
                    </a:lnTo>
                    <a:lnTo>
                      <a:pt x="2756" y="2904"/>
                    </a:lnTo>
                    <a:lnTo>
                      <a:pt x="2761" y="2930"/>
                    </a:lnTo>
                    <a:lnTo>
                      <a:pt x="2766" y="2952"/>
                    </a:lnTo>
                    <a:lnTo>
                      <a:pt x="2771" y="2977"/>
                    </a:lnTo>
                    <a:lnTo>
                      <a:pt x="2779" y="3001"/>
                    </a:lnTo>
                    <a:lnTo>
                      <a:pt x="2788" y="3025"/>
                    </a:lnTo>
                    <a:lnTo>
                      <a:pt x="2793" y="3036"/>
                    </a:lnTo>
                    <a:lnTo>
                      <a:pt x="2800" y="3047"/>
                    </a:lnTo>
                    <a:lnTo>
                      <a:pt x="2808" y="3057"/>
                    </a:lnTo>
                    <a:lnTo>
                      <a:pt x="2815" y="3066"/>
                    </a:lnTo>
                    <a:lnTo>
                      <a:pt x="2824" y="3074"/>
                    </a:lnTo>
                    <a:lnTo>
                      <a:pt x="2834" y="3080"/>
                    </a:lnTo>
                    <a:lnTo>
                      <a:pt x="2844" y="3087"/>
                    </a:lnTo>
                    <a:lnTo>
                      <a:pt x="2857" y="3089"/>
                    </a:lnTo>
                    <a:lnTo>
                      <a:pt x="2857" y="3107"/>
                    </a:lnTo>
                    <a:lnTo>
                      <a:pt x="2856" y="3123"/>
                    </a:lnTo>
                    <a:lnTo>
                      <a:pt x="2854" y="3136"/>
                    </a:lnTo>
                    <a:lnTo>
                      <a:pt x="2852" y="3146"/>
                    </a:lnTo>
                    <a:lnTo>
                      <a:pt x="2849" y="3152"/>
                    </a:lnTo>
                    <a:lnTo>
                      <a:pt x="2847" y="3155"/>
                    </a:lnTo>
                    <a:lnTo>
                      <a:pt x="2841" y="3159"/>
                    </a:lnTo>
                    <a:lnTo>
                      <a:pt x="2837" y="3162"/>
                    </a:lnTo>
                    <a:lnTo>
                      <a:pt x="2831" y="3164"/>
                    </a:lnTo>
                    <a:lnTo>
                      <a:pt x="2823" y="3166"/>
                    </a:lnTo>
                    <a:lnTo>
                      <a:pt x="2815" y="3167"/>
                    </a:lnTo>
                    <a:lnTo>
                      <a:pt x="2806" y="3167"/>
                    </a:lnTo>
                    <a:lnTo>
                      <a:pt x="2796" y="3168"/>
                    </a:lnTo>
                    <a:lnTo>
                      <a:pt x="2787" y="3170"/>
                    </a:lnTo>
                    <a:lnTo>
                      <a:pt x="2779" y="3174"/>
                    </a:lnTo>
                    <a:lnTo>
                      <a:pt x="2771" y="3179"/>
                    </a:lnTo>
                    <a:lnTo>
                      <a:pt x="2758" y="3189"/>
                    </a:lnTo>
                    <a:lnTo>
                      <a:pt x="2745" y="3202"/>
                    </a:lnTo>
                    <a:lnTo>
                      <a:pt x="2733" y="3215"/>
                    </a:lnTo>
                    <a:lnTo>
                      <a:pt x="2718" y="3227"/>
                    </a:lnTo>
                    <a:lnTo>
                      <a:pt x="2710" y="3231"/>
                    </a:lnTo>
                    <a:lnTo>
                      <a:pt x="2701" y="3233"/>
                    </a:lnTo>
                    <a:lnTo>
                      <a:pt x="2691" y="3234"/>
                    </a:lnTo>
                    <a:lnTo>
                      <a:pt x="2679" y="3234"/>
                    </a:lnTo>
                    <a:lnTo>
                      <a:pt x="2668" y="3236"/>
                    </a:lnTo>
                    <a:lnTo>
                      <a:pt x="2655" y="3236"/>
                    </a:lnTo>
                    <a:lnTo>
                      <a:pt x="2644" y="3238"/>
                    </a:lnTo>
                    <a:lnTo>
                      <a:pt x="2633" y="3241"/>
                    </a:lnTo>
                    <a:lnTo>
                      <a:pt x="2611" y="3246"/>
                    </a:lnTo>
                    <a:lnTo>
                      <a:pt x="2590" y="3255"/>
                    </a:lnTo>
                    <a:lnTo>
                      <a:pt x="2571" y="3266"/>
                    </a:lnTo>
                    <a:lnTo>
                      <a:pt x="2551" y="3277"/>
                    </a:lnTo>
                    <a:lnTo>
                      <a:pt x="2533" y="3291"/>
                    </a:lnTo>
                    <a:lnTo>
                      <a:pt x="2515" y="3306"/>
                    </a:lnTo>
                    <a:lnTo>
                      <a:pt x="2505" y="3317"/>
                    </a:lnTo>
                    <a:lnTo>
                      <a:pt x="2495" y="3329"/>
                    </a:lnTo>
                    <a:lnTo>
                      <a:pt x="2486" y="3342"/>
                    </a:lnTo>
                    <a:lnTo>
                      <a:pt x="2477" y="3355"/>
                    </a:lnTo>
                    <a:lnTo>
                      <a:pt x="2468" y="3367"/>
                    </a:lnTo>
                    <a:lnTo>
                      <a:pt x="2458" y="3374"/>
                    </a:lnTo>
                    <a:lnTo>
                      <a:pt x="2451" y="3378"/>
                    </a:lnTo>
                    <a:lnTo>
                      <a:pt x="2446" y="3380"/>
                    </a:lnTo>
                    <a:lnTo>
                      <a:pt x="2440" y="3381"/>
                    </a:lnTo>
                    <a:lnTo>
                      <a:pt x="2432" y="3380"/>
                    </a:lnTo>
                    <a:lnTo>
                      <a:pt x="2428" y="3380"/>
                    </a:lnTo>
                    <a:lnTo>
                      <a:pt x="2423" y="3381"/>
                    </a:lnTo>
                    <a:lnTo>
                      <a:pt x="2419" y="3382"/>
                    </a:lnTo>
                    <a:lnTo>
                      <a:pt x="2414" y="3385"/>
                    </a:lnTo>
                    <a:lnTo>
                      <a:pt x="2406" y="3392"/>
                    </a:lnTo>
                    <a:lnTo>
                      <a:pt x="2400" y="3403"/>
                    </a:lnTo>
                    <a:lnTo>
                      <a:pt x="2393" y="3413"/>
                    </a:lnTo>
                    <a:lnTo>
                      <a:pt x="2388" y="3424"/>
                    </a:lnTo>
                    <a:lnTo>
                      <a:pt x="2385" y="3434"/>
                    </a:lnTo>
                    <a:lnTo>
                      <a:pt x="2383" y="3443"/>
                    </a:lnTo>
                    <a:lnTo>
                      <a:pt x="2383" y="3451"/>
                    </a:lnTo>
                    <a:lnTo>
                      <a:pt x="2383" y="3457"/>
                    </a:lnTo>
                    <a:lnTo>
                      <a:pt x="2384" y="3464"/>
                    </a:lnTo>
                    <a:lnTo>
                      <a:pt x="2385" y="3469"/>
                    </a:lnTo>
                    <a:lnTo>
                      <a:pt x="2388" y="3475"/>
                    </a:lnTo>
                    <a:lnTo>
                      <a:pt x="2392" y="3481"/>
                    </a:lnTo>
                    <a:lnTo>
                      <a:pt x="2396" y="3484"/>
                    </a:lnTo>
                    <a:lnTo>
                      <a:pt x="2400" y="3490"/>
                    </a:lnTo>
                    <a:lnTo>
                      <a:pt x="2410" y="3497"/>
                    </a:lnTo>
                    <a:lnTo>
                      <a:pt x="2422" y="3504"/>
                    </a:lnTo>
                    <a:lnTo>
                      <a:pt x="2433" y="3509"/>
                    </a:lnTo>
                    <a:lnTo>
                      <a:pt x="2445" y="3513"/>
                    </a:lnTo>
                    <a:lnTo>
                      <a:pt x="2444" y="3516"/>
                    </a:lnTo>
                    <a:lnTo>
                      <a:pt x="2442" y="3517"/>
                    </a:lnTo>
                    <a:lnTo>
                      <a:pt x="2438" y="3519"/>
                    </a:lnTo>
                    <a:lnTo>
                      <a:pt x="2435" y="3521"/>
                    </a:lnTo>
                    <a:lnTo>
                      <a:pt x="2423" y="3523"/>
                    </a:lnTo>
                    <a:lnTo>
                      <a:pt x="2410" y="3525"/>
                    </a:lnTo>
                    <a:lnTo>
                      <a:pt x="2383" y="3525"/>
                    </a:lnTo>
                    <a:lnTo>
                      <a:pt x="2366" y="3525"/>
                    </a:lnTo>
                    <a:lnTo>
                      <a:pt x="2253" y="3512"/>
                    </a:lnTo>
                    <a:lnTo>
                      <a:pt x="2238" y="3509"/>
                    </a:lnTo>
                    <a:lnTo>
                      <a:pt x="2222" y="3509"/>
                    </a:lnTo>
                    <a:lnTo>
                      <a:pt x="2209" y="3510"/>
                    </a:lnTo>
                    <a:lnTo>
                      <a:pt x="2197" y="3512"/>
                    </a:lnTo>
                    <a:lnTo>
                      <a:pt x="2175" y="3517"/>
                    </a:lnTo>
                    <a:lnTo>
                      <a:pt x="2155" y="3523"/>
                    </a:lnTo>
                    <a:lnTo>
                      <a:pt x="2135" y="3531"/>
                    </a:lnTo>
                    <a:lnTo>
                      <a:pt x="2116" y="3540"/>
                    </a:lnTo>
                    <a:lnTo>
                      <a:pt x="2093" y="3549"/>
                    </a:lnTo>
                    <a:lnTo>
                      <a:pt x="2065" y="3556"/>
                    </a:lnTo>
                    <a:lnTo>
                      <a:pt x="2055" y="3560"/>
                    </a:lnTo>
                    <a:lnTo>
                      <a:pt x="2042" y="3566"/>
                    </a:lnTo>
                    <a:lnTo>
                      <a:pt x="2028" y="3574"/>
                    </a:lnTo>
                    <a:lnTo>
                      <a:pt x="2012" y="3584"/>
                    </a:lnTo>
                    <a:lnTo>
                      <a:pt x="1984" y="3604"/>
                    </a:lnTo>
                    <a:lnTo>
                      <a:pt x="1962" y="3619"/>
                    </a:lnTo>
                    <a:lnTo>
                      <a:pt x="1951" y="3627"/>
                    </a:lnTo>
                    <a:lnTo>
                      <a:pt x="1944" y="3636"/>
                    </a:lnTo>
                    <a:lnTo>
                      <a:pt x="1937" y="3645"/>
                    </a:lnTo>
                    <a:lnTo>
                      <a:pt x="1932" y="3654"/>
                    </a:lnTo>
                    <a:lnTo>
                      <a:pt x="1925" y="3672"/>
                    </a:lnTo>
                    <a:lnTo>
                      <a:pt x="1919" y="3690"/>
                    </a:lnTo>
                    <a:lnTo>
                      <a:pt x="1916" y="3698"/>
                    </a:lnTo>
                    <a:lnTo>
                      <a:pt x="1912" y="3707"/>
                    </a:lnTo>
                    <a:lnTo>
                      <a:pt x="1909" y="3714"/>
                    </a:lnTo>
                    <a:lnTo>
                      <a:pt x="1903" y="3721"/>
                    </a:lnTo>
                    <a:lnTo>
                      <a:pt x="1897" y="3728"/>
                    </a:lnTo>
                    <a:lnTo>
                      <a:pt x="1889" y="3733"/>
                    </a:lnTo>
                    <a:lnTo>
                      <a:pt x="1880" y="3738"/>
                    </a:lnTo>
                    <a:lnTo>
                      <a:pt x="1868" y="3741"/>
                    </a:lnTo>
                    <a:lnTo>
                      <a:pt x="1858" y="3747"/>
                    </a:lnTo>
                    <a:lnTo>
                      <a:pt x="1849" y="3754"/>
                    </a:lnTo>
                    <a:lnTo>
                      <a:pt x="1840" y="3760"/>
                    </a:lnTo>
                    <a:lnTo>
                      <a:pt x="1832" y="3768"/>
                    </a:lnTo>
                    <a:lnTo>
                      <a:pt x="1817" y="3784"/>
                    </a:lnTo>
                    <a:lnTo>
                      <a:pt x="1804" y="3797"/>
                    </a:lnTo>
                    <a:lnTo>
                      <a:pt x="1798" y="3801"/>
                    </a:lnTo>
                    <a:lnTo>
                      <a:pt x="1792" y="3803"/>
                    </a:lnTo>
                    <a:lnTo>
                      <a:pt x="1787" y="3803"/>
                    </a:lnTo>
                    <a:lnTo>
                      <a:pt x="1782" y="3802"/>
                    </a:lnTo>
                    <a:lnTo>
                      <a:pt x="1775" y="3797"/>
                    </a:lnTo>
                    <a:lnTo>
                      <a:pt x="1770" y="3789"/>
                    </a:lnTo>
                    <a:lnTo>
                      <a:pt x="1765" y="3776"/>
                    </a:lnTo>
                    <a:lnTo>
                      <a:pt x="1760" y="3760"/>
                    </a:lnTo>
                    <a:lnTo>
                      <a:pt x="1754" y="3746"/>
                    </a:lnTo>
                    <a:lnTo>
                      <a:pt x="1749" y="3737"/>
                    </a:lnTo>
                    <a:lnTo>
                      <a:pt x="1744" y="3729"/>
                    </a:lnTo>
                    <a:lnTo>
                      <a:pt x="1739" y="3725"/>
                    </a:lnTo>
                    <a:lnTo>
                      <a:pt x="1734" y="3723"/>
                    </a:lnTo>
                    <a:lnTo>
                      <a:pt x="1727" y="3723"/>
                    </a:lnTo>
                    <a:lnTo>
                      <a:pt x="1722" y="3724"/>
                    </a:lnTo>
                    <a:lnTo>
                      <a:pt x="1716" y="3725"/>
                    </a:lnTo>
                    <a:lnTo>
                      <a:pt x="1705" y="3731"/>
                    </a:lnTo>
                    <a:lnTo>
                      <a:pt x="1694" y="3734"/>
                    </a:lnTo>
                    <a:lnTo>
                      <a:pt x="1688" y="3734"/>
                    </a:lnTo>
                    <a:lnTo>
                      <a:pt x="1683" y="3733"/>
                    </a:lnTo>
                    <a:lnTo>
                      <a:pt x="1678" y="3729"/>
                    </a:lnTo>
                    <a:lnTo>
                      <a:pt x="1673" y="3723"/>
                    </a:lnTo>
                    <a:lnTo>
                      <a:pt x="1669" y="3719"/>
                    </a:lnTo>
                    <a:lnTo>
                      <a:pt x="1665" y="3715"/>
                    </a:lnTo>
                    <a:lnTo>
                      <a:pt x="1661" y="3714"/>
                    </a:lnTo>
                    <a:lnTo>
                      <a:pt x="1656" y="3714"/>
                    </a:lnTo>
                    <a:lnTo>
                      <a:pt x="1652" y="3715"/>
                    </a:lnTo>
                    <a:lnTo>
                      <a:pt x="1647" y="3718"/>
                    </a:lnTo>
                    <a:lnTo>
                      <a:pt x="1642" y="3720"/>
                    </a:lnTo>
                    <a:lnTo>
                      <a:pt x="1638" y="3724"/>
                    </a:lnTo>
                    <a:lnTo>
                      <a:pt x="1620" y="3741"/>
                    </a:lnTo>
                    <a:lnTo>
                      <a:pt x="1605" y="3754"/>
                    </a:lnTo>
                    <a:lnTo>
                      <a:pt x="1596" y="3759"/>
                    </a:lnTo>
                    <a:lnTo>
                      <a:pt x="1587" y="3763"/>
                    </a:lnTo>
                    <a:lnTo>
                      <a:pt x="1580" y="3764"/>
                    </a:lnTo>
                    <a:lnTo>
                      <a:pt x="1573" y="3763"/>
                    </a:lnTo>
                    <a:lnTo>
                      <a:pt x="1568" y="3760"/>
                    </a:lnTo>
                    <a:lnTo>
                      <a:pt x="1563" y="3756"/>
                    </a:lnTo>
                    <a:lnTo>
                      <a:pt x="1557" y="3751"/>
                    </a:lnTo>
                    <a:lnTo>
                      <a:pt x="1554" y="3745"/>
                    </a:lnTo>
                    <a:lnTo>
                      <a:pt x="1547" y="3732"/>
                    </a:lnTo>
                    <a:lnTo>
                      <a:pt x="1541" y="3718"/>
                    </a:lnTo>
                    <a:lnTo>
                      <a:pt x="1537" y="3711"/>
                    </a:lnTo>
                    <a:lnTo>
                      <a:pt x="1534" y="3706"/>
                    </a:lnTo>
                    <a:lnTo>
                      <a:pt x="1530" y="3702"/>
                    </a:lnTo>
                    <a:lnTo>
                      <a:pt x="1528" y="3699"/>
                    </a:lnTo>
                    <a:lnTo>
                      <a:pt x="1520" y="3696"/>
                    </a:lnTo>
                    <a:lnTo>
                      <a:pt x="1512" y="3693"/>
                    </a:lnTo>
                    <a:lnTo>
                      <a:pt x="1503" y="3692"/>
                    </a:lnTo>
                    <a:lnTo>
                      <a:pt x="1495" y="3690"/>
                    </a:lnTo>
                    <a:lnTo>
                      <a:pt x="1486" y="3689"/>
                    </a:lnTo>
                    <a:lnTo>
                      <a:pt x="1478" y="3688"/>
                    </a:lnTo>
                    <a:lnTo>
                      <a:pt x="1471" y="3684"/>
                    </a:lnTo>
                    <a:lnTo>
                      <a:pt x="1463" y="3680"/>
                    </a:lnTo>
                    <a:lnTo>
                      <a:pt x="1455" y="3675"/>
                    </a:lnTo>
                    <a:lnTo>
                      <a:pt x="1449" y="3672"/>
                    </a:lnTo>
                    <a:lnTo>
                      <a:pt x="1442" y="3670"/>
                    </a:lnTo>
                    <a:lnTo>
                      <a:pt x="1438" y="3668"/>
                    </a:lnTo>
                    <a:lnTo>
                      <a:pt x="1433" y="3668"/>
                    </a:lnTo>
                    <a:lnTo>
                      <a:pt x="1429" y="3668"/>
                    </a:lnTo>
                    <a:lnTo>
                      <a:pt x="1427" y="3670"/>
                    </a:lnTo>
                    <a:lnTo>
                      <a:pt x="1423" y="3671"/>
                    </a:lnTo>
                    <a:lnTo>
                      <a:pt x="1416" y="3675"/>
                    </a:lnTo>
                    <a:lnTo>
                      <a:pt x="1410" y="3679"/>
                    </a:lnTo>
                    <a:lnTo>
                      <a:pt x="1402" y="3683"/>
                    </a:lnTo>
                    <a:lnTo>
                      <a:pt x="1390" y="3684"/>
                    </a:lnTo>
                    <a:lnTo>
                      <a:pt x="1377" y="3683"/>
                    </a:lnTo>
                    <a:lnTo>
                      <a:pt x="1364" y="3683"/>
                    </a:lnTo>
                    <a:lnTo>
                      <a:pt x="1353" y="3680"/>
                    </a:lnTo>
                    <a:lnTo>
                      <a:pt x="1340" y="3677"/>
                    </a:lnTo>
                    <a:lnTo>
                      <a:pt x="1328" y="3674"/>
                    </a:lnTo>
                    <a:lnTo>
                      <a:pt x="1318" y="3667"/>
                    </a:lnTo>
                    <a:lnTo>
                      <a:pt x="1307" y="3659"/>
                    </a:lnTo>
                    <a:lnTo>
                      <a:pt x="1298" y="3650"/>
                    </a:lnTo>
                    <a:lnTo>
                      <a:pt x="1292" y="3644"/>
                    </a:lnTo>
                    <a:lnTo>
                      <a:pt x="1285" y="3639"/>
                    </a:lnTo>
                    <a:lnTo>
                      <a:pt x="1278" y="3635"/>
                    </a:lnTo>
                    <a:lnTo>
                      <a:pt x="1270" y="3632"/>
                    </a:lnTo>
                    <a:lnTo>
                      <a:pt x="1254" y="3628"/>
                    </a:lnTo>
                    <a:lnTo>
                      <a:pt x="1236" y="3626"/>
                    </a:lnTo>
                    <a:lnTo>
                      <a:pt x="1219" y="3624"/>
                    </a:lnTo>
                    <a:lnTo>
                      <a:pt x="1204" y="3620"/>
                    </a:lnTo>
                    <a:lnTo>
                      <a:pt x="1196" y="3618"/>
                    </a:lnTo>
                    <a:lnTo>
                      <a:pt x="1188" y="3614"/>
                    </a:lnTo>
                    <a:lnTo>
                      <a:pt x="1181" y="3609"/>
                    </a:lnTo>
                    <a:lnTo>
                      <a:pt x="1174" y="3604"/>
                    </a:lnTo>
                    <a:lnTo>
                      <a:pt x="1170" y="3600"/>
                    </a:lnTo>
                    <a:lnTo>
                      <a:pt x="1166" y="3597"/>
                    </a:lnTo>
                    <a:lnTo>
                      <a:pt x="1162" y="3595"/>
                    </a:lnTo>
                    <a:lnTo>
                      <a:pt x="1157" y="3592"/>
                    </a:lnTo>
                    <a:lnTo>
                      <a:pt x="1147" y="3589"/>
                    </a:lnTo>
                    <a:lnTo>
                      <a:pt x="1135" y="3588"/>
                    </a:lnTo>
                    <a:lnTo>
                      <a:pt x="1125" y="3587"/>
                    </a:lnTo>
                    <a:lnTo>
                      <a:pt x="1113" y="3584"/>
                    </a:lnTo>
                    <a:lnTo>
                      <a:pt x="1103" y="3582"/>
                    </a:lnTo>
                    <a:lnTo>
                      <a:pt x="1094" y="3576"/>
                    </a:lnTo>
                    <a:lnTo>
                      <a:pt x="1076" y="3567"/>
                    </a:lnTo>
                    <a:lnTo>
                      <a:pt x="1054" y="3558"/>
                    </a:lnTo>
                    <a:lnTo>
                      <a:pt x="1030" y="3551"/>
                    </a:lnTo>
                    <a:lnTo>
                      <a:pt x="1006" y="3545"/>
                    </a:lnTo>
                    <a:lnTo>
                      <a:pt x="994" y="3544"/>
                    </a:lnTo>
                    <a:lnTo>
                      <a:pt x="981" y="3543"/>
                    </a:lnTo>
                    <a:lnTo>
                      <a:pt x="969" y="3544"/>
                    </a:lnTo>
                    <a:lnTo>
                      <a:pt x="958" y="3545"/>
                    </a:lnTo>
                    <a:lnTo>
                      <a:pt x="947" y="3547"/>
                    </a:lnTo>
                    <a:lnTo>
                      <a:pt x="936" y="3551"/>
                    </a:lnTo>
                    <a:lnTo>
                      <a:pt x="925" y="3556"/>
                    </a:lnTo>
                    <a:lnTo>
                      <a:pt x="916" y="3562"/>
                    </a:lnTo>
                    <a:lnTo>
                      <a:pt x="903" y="3571"/>
                    </a:lnTo>
                    <a:lnTo>
                      <a:pt x="892" y="3578"/>
                    </a:lnTo>
                    <a:lnTo>
                      <a:pt x="883" y="3584"/>
                    </a:lnTo>
                    <a:lnTo>
                      <a:pt x="873" y="3587"/>
                    </a:lnTo>
                    <a:lnTo>
                      <a:pt x="866" y="3589"/>
                    </a:lnTo>
                    <a:lnTo>
                      <a:pt x="859" y="3591"/>
                    </a:lnTo>
                    <a:lnTo>
                      <a:pt x="853" y="3589"/>
                    </a:lnTo>
                    <a:lnTo>
                      <a:pt x="846" y="3589"/>
                    </a:lnTo>
                    <a:lnTo>
                      <a:pt x="835" y="3585"/>
                    </a:lnTo>
                    <a:lnTo>
                      <a:pt x="822" y="3580"/>
                    </a:lnTo>
                    <a:lnTo>
                      <a:pt x="814" y="3579"/>
                    </a:lnTo>
                    <a:lnTo>
                      <a:pt x="805" y="3576"/>
                    </a:lnTo>
                    <a:lnTo>
                      <a:pt x="794" y="3576"/>
                    </a:lnTo>
                    <a:lnTo>
                      <a:pt x="783" y="3575"/>
                    </a:lnTo>
                    <a:lnTo>
                      <a:pt x="775" y="3576"/>
                    </a:lnTo>
                    <a:lnTo>
                      <a:pt x="769" y="3578"/>
                    </a:lnTo>
                    <a:lnTo>
                      <a:pt x="761" y="3579"/>
                    </a:lnTo>
                    <a:lnTo>
                      <a:pt x="753" y="3582"/>
                    </a:lnTo>
                    <a:lnTo>
                      <a:pt x="739" y="3589"/>
                    </a:lnTo>
                    <a:lnTo>
                      <a:pt x="726" y="3597"/>
                    </a:lnTo>
                    <a:lnTo>
                      <a:pt x="713" y="3608"/>
                    </a:lnTo>
                    <a:lnTo>
                      <a:pt x="700" y="3618"/>
                    </a:lnTo>
                    <a:lnTo>
                      <a:pt x="690" y="3628"/>
                    </a:lnTo>
                    <a:lnTo>
                      <a:pt x="679" y="3640"/>
                    </a:lnTo>
                    <a:lnTo>
                      <a:pt x="671" y="3648"/>
                    </a:lnTo>
                    <a:lnTo>
                      <a:pt x="664" y="3653"/>
                    </a:lnTo>
                    <a:lnTo>
                      <a:pt x="657" y="3658"/>
                    </a:lnTo>
                    <a:lnTo>
                      <a:pt x="651" y="3662"/>
                    </a:lnTo>
                    <a:lnTo>
                      <a:pt x="638" y="3666"/>
                    </a:lnTo>
                    <a:lnTo>
                      <a:pt x="626" y="3667"/>
                    </a:lnTo>
                    <a:lnTo>
                      <a:pt x="614" y="3667"/>
                    </a:lnTo>
                    <a:lnTo>
                      <a:pt x="603" y="3668"/>
                    </a:lnTo>
                    <a:lnTo>
                      <a:pt x="596" y="3670"/>
                    </a:lnTo>
                    <a:lnTo>
                      <a:pt x="590" y="3672"/>
                    </a:lnTo>
                    <a:lnTo>
                      <a:pt x="583" y="3675"/>
                    </a:lnTo>
                    <a:lnTo>
                      <a:pt x="577" y="3679"/>
                    </a:lnTo>
                    <a:lnTo>
                      <a:pt x="565" y="3685"/>
                    </a:lnTo>
                    <a:lnTo>
                      <a:pt x="555" y="3690"/>
                    </a:lnTo>
                    <a:lnTo>
                      <a:pt x="544" y="3693"/>
                    </a:lnTo>
                    <a:lnTo>
                      <a:pt x="534" y="3693"/>
                    </a:lnTo>
                    <a:lnTo>
                      <a:pt x="525" y="3692"/>
                    </a:lnTo>
                    <a:lnTo>
                      <a:pt x="516" y="3689"/>
                    </a:lnTo>
                    <a:lnTo>
                      <a:pt x="508" y="3685"/>
                    </a:lnTo>
                    <a:lnTo>
                      <a:pt x="500" y="3681"/>
                    </a:lnTo>
                    <a:lnTo>
                      <a:pt x="493" y="3675"/>
                    </a:lnTo>
                    <a:lnTo>
                      <a:pt x="485" y="3668"/>
                    </a:lnTo>
                    <a:lnTo>
                      <a:pt x="478" y="3661"/>
                    </a:lnTo>
                    <a:lnTo>
                      <a:pt x="472" y="3653"/>
                    </a:lnTo>
                    <a:lnTo>
                      <a:pt x="462" y="3636"/>
                    </a:lnTo>
                    <a:lnTo>
                      <a:pt x="451" y="3619"/>
                    </a:lnTo>
                    <a:lnTo>
                      <a:pt x="443" y="3606"/>
                    </a:lnTo>
                    <a:lnTo>
                      <a:pt x="436" y="3597"/>
                    </a:lnTo>
                    <a:lnTo>
                      <a:pt x="428" y="3592"/>
                    </a:lnTo>
                    <a:lnTo>
                      <a:pt x="420" y="3588"/>
                    </a:lnTo>
                    <a:lnTo>
                      <a:pt x="402" y="3585"/>
                    </a:lnTo>
                    <a:lnTo>
                      <a:pt x="377" y="3580"/>
                    </a:lnTo>
                    <a:lnTo>
                      <a:pt x="372" y="3579"/>
                    </a:lnTo>
                    <a:lnTo>
                      <a:pt x="368" y="3575"/>
                    </a:lnTo>
                    <a:lnTo>
                      <a:pt x="364" y="3571"/>
                    </a:lnTo>
                    <a:lnTo>
                      <a:pt x="360" y="3566"/>
                    </a:lnTo>
                    <a:lnTo>
                      <a:pt x="357" y="3553"/>
                    </a:lnTo>
                    <a:lnTo>
                      <a:pt x="353" y="3538"/>
                    </a:lnTo>
                    <a:lnTo>
                      <a:pt x="348" y="3506"/>
                    </a:lnTo>
                    <a:lnTo>
                      <a:pt x="342" y="3482"/>
                    </a:lnTo>
                    <a:lnTo>
                      <a:pt x="331" y="3459"/>
                    </a:lnTo>
                    <a:lnTo>
                      <a:pt x="313" y="3426"/>
                    </a:lnTo>
                    <a:lnTo>
                      <a:pt x="303" y="3409"/>
                    </a:lnTo>
                    <a:lnTo>
                      <a:pt x="296" y="3395"/>
                    </a:lnTo>
                    <a:lnTo>
                      <a:pt x="290" y="3383"/>
                    </a:lnTo>
                    <a:lnTo>
                      <a:pt x="289" y="3376"/>
                    </a:lnTo>
                    <a:lnTo>
                      <a:pt x="289" y="3373"/>
                    </a:lnTo>
                    <a:lnTo>
                      <a:pt x="290" y="3372"/>
                    </a:lnTo>
                    <a:lnTo>
                      <a:pt x="293" y="3372"/>
                    </a:lnTo>
                    <a:lnTo>
                      <a:pt x="294" y="3372"/>
                    </a:lnTo>
                    <a:lnTo>
                      <a:pt x="300" y="3373"/>
                    </a:lnTo>
                    <a:lnTo>
                      <a:pt x="306" y="3376"/>
                    </a:lnTo>
                    <a:lnTo>
                      <a:pt x="318" y="3382"/>
                    </a:lnTo>
                    <a:lnTo>
                      <a:pt x="324" y="3389"/>
                    </a:lnTo>
                    <a:lnTo>
                      <a:pt x="362" y="3424"/>
                    </a:lnTo>
                    <a:lnTo>
                      <a:pt x="363" y="3422"/>
                    </a:lnTo>
                    <a:lnTo>
                      <a:pt x="362" y="3408"/>
                    </a:lnTo>
                    <a:lnTo>
                      <a:pt x="359" y="3394"/>
                    </a:lnTo>
                    <a:lnTo>
                      <a:pt x="355" y="3381"/>
                    </a:lnTo>
                    <a:lnTo>
                      <a:pt x="350" y="3369"/>
                    </a:lnTo>
                    <a:lnTo>
                      <a:pt x="342" y="3359"/>
                    </a:lnTo>
                    <a:lnTo>
                      <a:pt x="332" y="3348"/>
                    </a:lnTo>
                    <a:lnTo>
                      <a:pt x="322" y="3341"/>
                    </a:lnTo>
                    <a:lnTo>
                      <a:pt x="309" y="3334"/>
                    </a:lnTo>
                    <a:lnTo>
                      <a:pt x="301" y="3329"/>
                    </a:lnTo>
                    <a:lnTo>
                      <a:pt x="294" y="3325"/>
                    </a:lnTo>
                    <a:lnTo>
                      <a:pt x="290" y="3321"/>
                    </a:lnTo>
                    <a:lnTo>
                      <a:pt x="288" y="3316"/>
                    </a:lnTo>
                    <a:lnTo>
                      <a:pt x="288" y="3311"/>
                    </a:lnTo>
                    <a:lnTo>
                      <a:pt x="288" y="3307"/>
                    </a:lnTo>
                    <a:lnTo>
                      <a:pt x="289" y="3302"/>
                    </a:lnTo>
                    <a:lnTo>
                      <a:pt x="292" y="3297"/>
                    </a:lnTo>
                    <a:lnTo>
                      <a:pt x="300" y="3288"/>
                    </a:lnTo>
                    <a:lnTo>
                      <a:pt x="310" y="3280"/>
                    </a:lnTo>
                    <a:lnTo>
                      <a:pt x="323" y="3273"/>
                    </a:lnTo>
                    <a:lnTo>
                      <a:pt x="335" y="3269"/>
                    </a:lnTo>
                    <a:lnTo>
                      <a:pt x="341" y="3268"/>
                    </a:lnTo>
                    <a:lnTo>
                      <a:pt x="349" y="3264"/>
                    </a:lnTo>
                    <a:lnTo>
                      <a:pt x="357" y="3259"/>
                    </a:lnTo>
                    <a:lnTo>
                      <a:pt x="363" y="3254"/>
                    </a:lnTo>
                    <a:lnTo>
                      <a:pt x="371" y="3247"/>
                    </a:lnTo>
                    <a:lnTo>
                      <a:pt x="375" y="3241"/>
                    </a:lnTo>
                    <a:lnTo>
                      <a:pt x="377" y="3238"/>
                    </a:lnTo>
                    <a:lnTo>
                      <a:pt x="377" y="3234"/>
                    </a:lnTo>
                    <a:lnTo>
                      <a:pt x="379" y="3232"/>
                    </a:lnTo>
                    <a:lnTo>
                      <a:pt x="377" y="3228"/>
                    </a:lnTo>
                    <a:lnTo>
                      <a:pt x="366" y="3232"/>
                    </a:lnTo>
                    <a:lnTo>
                      <a:pt x="351" y="3240"/>
                    </a:lnTo>
                    <a:lnTo>
                      <a:pt x="344" y="3242"/>
                    </a:lnTo>
                    <a:lnTo>
                      <a:pt x="337" y="3243"/>
                    </a:lnTo>
                    <a:lnTo>
                      <a:pt x="333" y="3243"/>
                    </a:lnTo>
                    <a:lnTo>
                      <a:pt x="331" y="3243"/>
                    </a:lnTo>
                    <a:lnTo>
                      <a:pt x="328" y="3242"/>
                    </a:lnTo>
                    <a:lnTo>
                      <a:pt x="325" y="3240"/>
                    </a:lnTo>
                    <a:lnTo>
                      <a:pt x="319" y="3232"/>
                    </a:lnTo>
                    <a:lnTo>
                      <a:pt x="313" y="3221"/>
                    </a:lnTo>
                    <a:lnTo>
                      <a:pt x="307" y="3210"/>
                    </a:lnTo>
                    <a:lnTo>
                      <a:pt x="302" y="3198"/>
                    </a:lnTo>
                    <a:lnTo>
                      <a:pt x="294" y="3174"/>
                    </a:lnTo>
                    <a:lnTo>
                      <a:pt x="288" y="3152"/>
                    </a:lnTo>
                    <a:lnTo>
                      <a:pt x="272" y="3126"/>
                    </a:lnTo>
                    <a:lnTo>
                      <a:pt x="256" y="3104"/>
                    </a:lnTo>
                    <a:lnTo>
                      <a:pt x="240" y="3083"/>
                    </a:lnTo>
                    <a:lnTo>
                      <a:pt x="223" y="3063"/>
                    </a:lnTo>
                    <a:lnTo>
                      <a:pt x="189" y="3026"/>
                    </a:lnTo>
                    <a:lnTo>
                      <a:pt x="152" y="2984"/>
                    </a:lnTo>
                    <a:lnTo>
                      <a:pt x="140" y="2973"/>
                    </a:lnTo>
                    <a:lnTo>
                      <a:pt x="123" y="2961"/>
                    </a:lnTo>
                    <a:lnTo>
                      <a:pt x="103" y="2949"/>
                    </a:lnTo>
                    <a:lnTo>
                      <a:pt x="81" y="2939"/>
                    </a:lnTo>
                    <a:lnTo>
                      <a:pt x="57" y="2930"/>
                    </a:lnTo>
                    <a:lnTo>
                      <a:pt x="35" y="2924"/>
                    </a:lnTo>
                    <a:lnTo>
                      <a:pt x="25" y="2921"/>
                    </a:lnTo>
                    <a:lnTo>
                      <a:pt x="16" y="2921"/>
                    </a:lnTo>
                    <a:lnTo>
                      <a:pt x="8" y="2921"/>
                    </a:lnTo>
                    <a:lnTo>
                      <a:pt x="0" y="2922"/>
                    </a:lnTo>
                    <a:lnTo>
                      <a:pt x="0" y="2922"/>
                    </a:lnTo>
                    <a:lnTo>
                      <a:pt x="0" y="2903"/>
                    </a:lnTo>
                    <a:lnTo>
                      <a:pt x="3" y="2882"/>
                    </a:lnTo>
                    <a:lnTo>
                      <a:pt x="4" y="2860"/>
                    </a:lnTo>
                    <a:lnTo>
                      <a:pt x="8" y="2837"/>
                    </a:lnTo>
                    <a:lnTo>
                      <a:pt x="12" y="2815"/>
                    </a:lnTo>
                    <a:lnTo>
                      <a:pt x="17" y="2793"/>
                    </a:lnTo>
                    <a:lnTo>
                      <a:pt x="24" y="2773"/>
                    </a:lnTo>
                    <a:lnTo>
                      <a:pt x="30" y="2755"/>
                    </a:lnTo>
                    <a:lnTo>
                      <a:pt x="34" y="2747"/>
                    </a:lnTo>
                    <a:lnTo>
                      <a:pt x="38" y="2740"/>
                    </a:lnTo>
                    <a:lnTo>
                      <a:pt x="43" y="2733"/>
                    </a:lnTo>
                    <a:lnTo>
                      <a:pt x="50" y="2727"/>
                    </a:lnTo>
                    <a:lnTo>
                      <a:pt x="61" y="2715"/>
                    </a:lnTo>
                    <a:lnTo>
                      <a:pt x="74" y="2703"/>
                    </a:lnTo>
                    <a:lnTo>
                      <a:pt x="87" y="2692"/>
                    </a:lnTo>
                    <a:lnTo>
                      <a:pt x="99" y="2680"/>
                    </a:lnTo>
                    <a:lnTo>
                      <a:pt x="104" y="2674"/>
                    </a:lnTo>
                    <a:lnTo>
                      <a:pt x="109" y="2666"/>
                    </a:lnTo>
                    <a:lnTo>
                      <a:pt x="113" y="2659"/>
                    </a:lnTo>
                    <a:lnTo>
                      <a:pt x="117" y="2650"/>
                    </a:lnTo>
                    <a:lnTo>
                      <a:pt x="125" y="2639"/>
                    </a:lnTo>
                    <a:lnTo>
                      <a:pt x="132" y="2628"/>
                    </a:lnTo>
                    <a:lnTo>
                      <a:pt x="140" y="2619"/>
                    </a:lnTo>
                    <a:lnTo>
                      <a:pt x="149" y="2610"/>
                    </a:lnTo>
                    <a:lnTo>
                      <a:pt x="153" y="2607"/>
                    </a:lnTo>
                    <a:lnTo>
                      <a:pt x="158" y="2604"/>
                    </a:lnTo>
                    <a:lnTo>
                      <a:pt x="164" y="2601"/>
                    </a:lnTo>
                    <a:lnTo>
                      <a:pt x="170" y="2600"/>
                    </a:lnTo>
                    <a:lnTo>
                      <a:pt x="176" y="2598"/>
                    </a:lnTo>
                    <a:lnTo>
                      <a:pt x="183" y="2597"/>
                    </a:lnTo>
                    <a:lnTo>
                      <a:pt x="191" y="2597"/>
                    </a:lnTo>
                    <a:lnTo>
                      <a:pt x="199" y="2598"/>
                    </a:lnTo>
                    <a:lnTo>
                      <a:pt x="213" y="2600"/>
                    </a:lnTo>
                    <a:lnTo>
                      <a:pt x="226" y="2601"/>
                    </a:lnTo>
                    <a:lnTo>
                      <a:pt x="237" y="2601"/>
                    </a:lnTo>
                    <a:lnTo>
                      <a:pt x="246" y="2598"/>
                    </a:lnTo>
                    <a:lnTo>
                      <a:pt x="256" y="2594"/>
                    </a:lnTo>
                    <a:lnTo>
                      <a:pt x="265" y="2588"/>
                    </a:lnTo>
                    <a:lnTo>
                      <a:pt x="272" y="2579"/>
                    </a:lnTo>
                    <a:lnTo>
                      <a:pt x="281" y="2567"/>
                    </a:lnTo>
                    <a:lnTo>
                      <a:pt x="287" y="2560"/>
                    </a:lnTo>
                    <a:lnTo>
                      <a:pt x="288" y="2553"/>
                    </a:lnTo>
                    <a:lnTo>
                      <a:pt x="287" y="2548"/>
                    </a:lnTo>
                    <a:lnTo>
                      <a:pt x="284" y="2544"/>
                    </a:lnTo>
                    <a:lnTo>
                      <a:pt x="279" y="2539"/>
                    </a:lnTo>
                    <a:lnTo>
                      <a:pt x="274" y="2536"/>
                    </a:lnTo>
                    <a:lnTo>
                      <a:pt x="266" y="2532"/>
                    </a:lnTo>
                    <a:lnTo>
                      <a:pt x="258" y="2528"/>
                    </a:lnTo>
                    <a:lnTo>
                      <a:pt x="250" y="2525"/>
                    </a:lnTo>
                    <a:lnTo>
                      <a:pt x="243" y="2521"/>
                    </a:lnTo>
                    <a:lnTo>
                      <a:pt x="233" y="2515"/>
                    </a:lnTo>
                    <a:lnTo>
                      <a:pt x="227" y="2509"/>
                    </a:lnTo>
                    <a:lnTo>
                      <a:pt x="221" y="2501"/>
                    </a:lnTo>
                    <a:lnTo>
                      <a:pt x="215" y="2493"/>
                    </a:lnTo>
                    <a:lnTo>
                      <a:pt x="213" y="2483"/>
                    </a:lnTo>
                    <a:lnTo>
                      <a:pt x="211" y="2471"/>
                    </a:lnTo>
                    <a:lnTo>
                      <a:pt x="213" y="2442"/>
                    </a:lnTo>
                    <a:lnTo>
                      <a:pt x="217" y="2411"/>
                    </a:lnTo>
                    <a:lnTo>
                      <a:pt x="222" y="2381"/>
                    </a:lnTo>
                    <a:lnTo>
                      <a:pt x="228" y="2351"/>
                    </a:lnTo>
                    <a:lnTo>
                      <a:pt x="233" y="2333"/>
                    </a:lnTo>
                    <a:lnTo>
                      <a:pt x="239" y="2316"/>
                    </a:lnTo>
                    <a:lnTo>
                      <a:pt x="246" y="2299"/>
                    </a:lnTo>
                    <a:lnTo>
                      <a:pt x="254" y="2285"/>
                    </a:lnTo>
                    <a:lnTo>
                      <a:pt x="263" y="2271"/>
                    </a:lnTo>
                    <a:lnTo>
                      <a:pt x="275" y="2258"/>
                    </a:lnTo>
                    <a:lnTo>
                      <a:pt x="287" y="2245"/>
                    </a:lnTo>
                    <a:lnTo>
                      <a:pt x="301" y="2232"/>
                    </a:lnTo>
                    <a:lnTo>
                      <a:pt x="372" y="2171"/>
                    </a:lnTo>
                    <a:lnTo>
                      <a:pt x="376" y="2167"/>
                    </a:lnTo>
                    <a:lnTo>
                      <a:pt x="379" y="2162"/>
                    </a:lnTo>
                    <a:lnTo>
                      <a:pt x="379" y="2158"/>
                    </a:lnTo>
                    <a:lnTo>
                      <a:pt x="377" y="2153"/>
                    </a:lnTo>
                    <a:lnTo>
                      <a:pt x="373" y="2142"/>
                    </a:lnTo>
                    <a:lnTo>
                      <a:pt x="366" y="2129"/>
                    </a:lnTo>
                    <a:lnTo>
                      <a:pt x="357" y="2118"/>
                    </a:lnTo>
                    <a:lnTo>
                      <a:pt x="348" y="2105"/>
                    </a:lnTo>
                    <a:lnTo>
                      <a:pt x="344" y="2098"/>
                    </a:lnTo>
                    <a:lnTo>
                      <a:pt x="341" y="2091"/>
                    </a:lnTo>
                    <a:lnTo>
                      <a:pt x="338" y="2084"/>
                    </a:lnTo>
                    <a:lnTo>
                      <a:pt x="338" y="2078"/>
                    </a:lnTo>
                    <a:lnTo>
                      <a:pt x="340" y="2049"/>
                    </a:lnTo>
                    <a:lnTo>
                      <a:pt x="340" y="2023"/>
                    </a:lnTo>
                    <a:lnTo>
                      <a:pt x="340" y="2010"/>
                    </a:lnTo>
                    <a:lnTo>
                      <a:pt x="338" y="1997"/>
                    </a:lnTo>
                    <a:lnTo>
                      <a:pt x="336" y="1983"/>
                    </a:lnTo>
                    <a:lnTo>
                      <a:pt x="331" y="1969"/>
                    </a:lnTo>
                    <a:lnTo>
                      <a:pt x="328" y="1958"/>
                    </a:lnTo>
                    <a:lnTo>
                      <a:pt x="328" y="1948"/>
                    </a:lnTo>
                    <a:lnTo>
                      <a:pt x="328" y="1938"/>
                    </a:lnTo>
                    <a:lnTo>
                      <a:pt x="329" y="1927"/>
                    </a:lnTo>
                    <a:lnTo>
                      <a:pt x="331" y="1917"/>
                    </a:lnTo>
                    <a:lnTo>
                      <a:pt x="332" y="1907"/>
                    </a:lnTo>
                    <a:lnTo>
                      <a:pt x="332" y="1896"/>
                    </a:lnTo>
                    <a:lnTo>
                      <a:pt x="331" y="1886"/>
                    </a:lnTo>
                    <a:lnTo>
                      <a:pt x="331" y="1879"/>
                    </a:lnTo>
                    <a:lnTo>
                      <a:pt x="331" y="1873"/>
                    </a:lnTo>
                    <a:lnTo>
                      <a:pt x="332" y="1868"/>
                    </a:lnTo>
                    <a:lnTo>
                      <a:pt x="335" y="1863"/>
                    </a:lnTo>
                    <a:lnTo>
                      <a:pt x="338" y="1854"/>
                    </a:lnTo>
                    <a:lnTo>
                      <a:pt x="342" y="1843"/>
                    </a:lnTo>
                    <a:lnTo>
                      <a:pt x="445" y="1868"/>
                    </a:lnTo>
                    <a:lnTo>
                      <a:pt x="471" y="1837"/>
                    </a:lnTo>
                    <a:lnTo>
                      <a:pt x="490" y="1813"/>
                    </a:lnTo>
                    <a:lnTo>
                      <a:pt x="513" y="1784"/>
                    </a:lnTo>
                    <a:lnTo>
                      <a:pt x="524" y="1768"/>
                    </a:lnTo>
                    <a:lnTo>
                      <a:pt x="533" y="1754"/>
                    </a:lnTo>
                    <a:lnTo>
                      <a:pt x="539" y="1738"/>
                    </a:lnTo>
                    <a:lnTo>
                      <a:pt x="543" y="1725"/>
                    </a:lnTo>
                    <a:lnTo>
                      <a:pt x="544" y="1712"/>
                    </a:lnTo>
                    <a:lnTo>
                      <a:pt x="543" y="1695"/>
                    </a:lnTo>
                    <a:lnTo>
                      <a:pt x="542" y="1677"/>
                    </a:lnTo>
                    <a:lnTo>
                      <a:pt x="539" y="1659"/>
                    </a:lnTo>
                    <a:lnTo>
                      <a:pt x="538" y="1641"/>
                    </a:lnTo>
                    <a:lnTo>
                      <a:pt x="538" y="1624"/>
                    </a:lnTo>
                    <a:lnTo>
                      <a:pt x="539" y="1618"/>
                    </a:lnTo>
                    <a:lnTo>
                      <a:pt x="542" y="1611"/>
                    </a:lnTo>
                    <a:lnTo>
                      <a:pt x="544" y="1606"/>
                    </a:lnTo>
                    <a:lnTo>
                      <a:pt x="548" y="1601"/>
                    </a:lnTo>
                    <a:lnTo>
                      <a:pt x="556" y="1597"/>
                    </a:lnTo>
                    <a:lnTo>
                      <a:pt x="564" y="1594"/>
                    </a:lnTo>
                    <a:lnTo>
                      <a:pt x="573" y="1594"/>
                    </a:lnTo>
                    <a:lnTo>
                      <a:pt x="582" y="1593"/>
                    </a:lnTo>
                    <a:lnTo>
                      <a:pt x="592" y="1592"/>
                    </a:lnTo>
                    <a:lnTo>
                      <a:pt x="603" y="1591"/>
                    </a:lnTo>
                    <a:lnTo>
                      <a:pt x="612" y="1587"/>
                    </a:lnTo>
                    <a:lnTo>
                      <a:pt x="622" y="1581"/>
                    </a:lnTo>
                    <a:lnTo>
                      <a:pt x="631" y="1572"/>
                    </a:lnTo>
                    <a:lnTo>
                      <a:pt x="639" y="1562"/>
                    </a:lnTo>
                    <a:lnTo>
                      <a:pt x="647" y="1549"/>
                    </a:lnTo>
                    <a:lnTo>
                      <a:pt x="655" y="1535"/>
                    </a:lnTo>
                    <a:lnTo>
                      <a:pt x="660" y="1521"/>
                    </a:lnTo>
                    <a:lnTo>
                      <a:pt x="665" y="1506"/>
                    </a:lnTo>
                    <a:lnTo>
                      <a:pt x="669" y="1493"/>
                    </a:lnTo>
                    <a:lnTo>
                      <a:pt x="673" y="1480"/>
                    </a:lnTo>
                    <a:lnTo>
                      <a:pt x="677" y="1461"/>
                    </a:lnTo>
                    <a:lnTo>
                      <a:pt x="680" y="1443"/>
                    </a:lnTo>
                    <a:lnTo>
                      <a:pt x="684" y="1423"/>
                    </a:lnTo>
                    <a:lnTo>
                      <a:pt x="687" y="1404"/>
                    </a:lnTo>
                    <a:lnTo>
                      <a:pt x="687" y="1390"/>
                    </a:lnTo>
                    <a:lnTo>
                      <a:pt x="686" y="1375"/>
                    </a:lnTo>
                    <a:lnTo>
                      <a:pt x="684" y="1369"/>
                    </a:lnTo>
                    <a:lnTo>
                      <a:pt x="684" y="1361"/>
                    </a:lnTo>
                    <a:lnTo>
                      <a:pt x="686" y="1355"/>
                    </a:lnTo>
                    <a:lnTo>
                      <a:pt x="687" y="1348"/>
                    </a:lnTo>
                    <a:lnTo>
                      <a:pt x="690" y="1342"/>
                    </a:lnTo>
                    <a:lnTo>
                      <a:pt x="693" y="1335"/>
                    </a:lnTo>
                    <a:lnTo>
                      <a:pt x="699" y="1330"/>
                    </a:lnTo>
                    <a:lnTo>
                      <a:pt x="704" y="1325"/>
                    </a:lnTo>
                    <a:lnTo>
                      <a:pt x="717" y="1316"/>
                    </a:lnTo>
                    <a:lnTo>
                      <a:pt x="730" y="1309"/>
                    </a:lnTo>
                    <a:lnTo>
                      <a:pt x="745" y="1303"/>
                    </a:lnTo>
                    <a:lnTo>
                      <a:pt x="761" y="1299"/>
                    </a:lnTo>
                    <a:lnTo>
                      <a:pt x="776" y="1295"/>
                    </a:lnTo>
                    <a:lnTo>
                      <a:pt x="789" y="1293"/>
                    </a:lnTo>
                    <a:lnTo>
                      <a:pt x="816" y="1287"/>
                    </a:lnTo>
                    <a:lnTo>
                      <a:pt x="840" y="1281"/>
                    </a:lnTo>
                    <a:lnTo>
                      <a:pt x="863" y="1272"/>
                    </a:lnTo>
                    <a:lnTo>
                      <a:pt x="888" y="1263"/>
                    </a:lnTo>
                    <a:lnTo>
                      <a:pt x="895" y="1259"/>
                    </a:lnTo>
                    <a:lnTo>
                      <a:pt x="902" y="1256"/>
                    </a:lnTo>
                    <a:lnTo>
                      <a:pt x="907" y="1251"/>
                    </a:lnTo>
                    <a:lnTo>
                      <a:pt x="914" y="1247"/>
                    </a:lnTo>
                    <a:lnTo>
                      <a:pt x="924" y="1236"/>
                    </a:lnTo>
                    <a:lnTo>
                      <a:pt x="934" y="1224"/>
                    </a:lnTo>
                    <a:lnTo>
                      <a:pt x="942" y="1211"/>
                    </a:lnTo>
                    <a:lnTo>
                      <a:pt x="950" y="1197"/>
                    </a:lnTo>
                    <a:lnTo>
                      <a:pt x="955" y="1184"/>
                    </a:lnTo>
                    <a:lnTo>
                      <a:pt x="962" y="1171"/>
                    </a:lnTo>
                    <a:lnTo>
                      <a:pt x="960" y="1164"/>
                    </a:lnTo>
                    <a:lnTo>
                      <a:pt x="959" y="1159"/>
                    </a:lnTo>
                    <a:lnTo>
                      <a:pt x="956" y="1154"/>
                    </a:lnTo>
                    <a:lnTo>
                      <a:pt x="954" y="1149"/>
                    </a:lnTo>
                    <a:lnTo>
                      <a:pt x="946" y="1141"/>
                    </a:lnTo>
                    <a:lnTo>
                      <a:pt x="937" y="1133"/>
                    </a:lnTo>
                    <a:lnTo>
                      <a:pt x="927" y="1127"/>
                    </a:lnTo>
                    <a:lnTo>
                      <a:pt x="916" y="1120"/>
                    </a:lnTo>
                    <a:lnTo>
                      <a:pt x="907" y="1113"/>
                    </a:lnTo>
                    <a:lnTo>
                      <a:pt x="899" y="1103"/>
                    </a:lnTo>
                    <a:lnTo>
                      <a:pt x="894" y="1096"/>
                    </a:lnTo>
                    <a:lnTo>
                      <a:pt x="890" y="1085"/>
                    </a:lnTo>
                    <a:lnTo>
                      <a:pt x="889" y="1072"/>
                    </a:lnTo>
                    <a:lnTo>
                      <a:pt x="888" y="1059"/>
                    </a:lnTo>
                    <a:lnTo>
                      <a:pt x="888" y="1046"/>
                    </a:lnTo>
                    <a:lnTo>
                      <a:pt x="889" y="1034"/>
                    </a:lnTo>
                    <a:lnTo>
                      <a:pt x="890" y="1022"/>
                    </a:lnTo>
                    <a:lnTo>
                      <a:pt x="892" y="1011"/>
                    </a:lnTo>
                    <a:lnTo>
                      <a:pt x="895" y="997"/>
                    </a:lnTo>
                    <a:lnTo>
                      <a:pt x="899" y="986"/>
                    </a:lnTo>
                    <a:lnTo>
                      <a:pt x="901" y="979"/>
                    </a:lnTo>
                    <a:lnTo>
                      <a:pt x="902" y="974"/>
                    </a:lnTo>
                    <a:lnTo>
                      <a:pt x="902" y="966"/>
                    </a:lnTo>
                    <a:lnTo>
                      <a:pt x="899" y="960"/>
                    </a:lnTo>
                    <a:lnTo>
                      <a:pt x="885" y="954"/>
                    </a:lnTo>
                    <a:lnTo>
                      <a:pt x="871" y="949"/>
                    </a:lnTo>
                    <a:lnTo>
                      <a:pt x="857" y="943"/>
                    </a:lnTo>
                    <a:lnTo>
                      <a:pt x="844" y="935"/>
                    </a:lnTo>
                    <a:lnTo>
                      <a:pt x="831" y="929"/>
                    </a:lnTo>
                    <a:lnTo>
                      <a:pt x="818" y="921"/>
                    </a:lnTo>
                    <a:lnTo>
                      <a:pt x="805" y="916"/>
                    </a:lnTo>
                    <a:lnTo>
                      <a:pt x="789" y="912"/>
                    </a:lnTo>
                    <a:lnTo>
                      <a:pt x="783" y="904"/>
                    </a:lnTo>
                    <a:lnTo>
                      <a:pt x="775" y="900"/>
                    </a:lnTo>
                    <a:lnTo>
                      <a:pt x="766" y="896"/>
                    </a:lnTo>
                    <a:lnTo>
                      <a:pt x="757" y="896"/>
                    </a:lnTo>
                    <a:lnTo>
                      <a:pt x="748" y="896"/>
                    </a:lnTo>
                    <a:lnTo>
                      <a:pt x="737" y="897"/>
                    </a:lnTo>
                    <a:lnTo>
                      <a:pt x="727" y="900"/>
                    </a:lnTo>
                    <a:lnTo>
                      <a:pt x="718" y="903"/>
                    </a:lnTo>
                    <a:lnTo>
                      <a:pt x="697" y="908"/>
                    </a:lnTo>
                    <a:lnTo>
                      <a:pt x="677" y="910"/>
                    </a:lnTo>
                    <a:lnTo>
                      <a:pt x="667" y="910"/>
                    </a:lnTo>
                    <a:lnTo>
                      <a:pt x="658" y="908"/>
                    </a:lnTo>
                    <a:lnTo>
                      <a:pt x="649" y="904"/>
                    </a:lnTo>
                    <a:lnTo>
                      <a:pt x="642" y="899"/>
                    </a:lnTo>
                    <a:lnTo>
                      <a:pt x="620" y="879"/>
                    </a:lnTo>
                    <a:lnTo>
                      <a:pt x="591" y="853"/>
                    </a:lnTo>
                    <a:lnTo>
                      <a:pt x="576" y="842"/>
                    </a:lnTo>
                    <a:lnTo>
                      <a:pt x="560" y="831"/>
                    </a:lnTo>
                    <a:lnTo>
                      <a:pt x="553" y="828"/>
                    </a:lnTo>
                    <a:lnTo>
                      <a:pt x="546" y="825"/>
                    </a:lnTo>
                    <a:lnTo>
                      <a:pt x="541" y="822"/>
                    </a:lnTo>
                    <a:lnTo>
                      <a:pt x="535" y="821"/>
                    </a:lnTo>
                    <a:lnTo>
                      <a:pt x="521" y="822"/>
                    </a:lnTo>
                    <a:lnTo>
                      <a:pt x="509" y="825"/>
                    </a:lnTo>
                    <a:lnTo>
                      <a:pt x="498" y="829"/>
                    </a:lnTo>
                    <a:lnTo>
                      <a:pt x="487" y="831"/>
                    </a:lnTo>
                    <a:lnTo>
                      <a:pt x="477" y="834"/>
                    </a:lnTo>
                    <a:lnTo>
                      <a:pt x="467" y="834"/>
                    </a:lnTo>
                    <a:lnTo>
                      <a:pt x="460" y="833"/>
                    </a:lnTo>
                    <a:lnTo>
                      <a:pt x="455" y="830"/>
                    </a:lnTo>
                    <a:lnTo>
                      <a:pt x="449" y="828"/>
                    </a:lnTo>
                    <a:lnTo>
                      <a:pt x="441" y="822"/>
                    </a:lnTo>
                    <a:lnTo>
                      <a:pt x="437" y="818"/>
                    </a:lnTo>
                    <a:lnTo>
                      <a:pt x="432" y="813"/>
                    </a:lnTo>
                    <a:lnTo>
                      <a:pt x="428" y="808"/>
                    </a:lnTo>
                    <a:lnTo>
                      <a:pt x="424" y="802"/>
                    </a:lnTo>
                    <a:lnTo>
                      <a:pt x="417" y="789"/>
                    </a:lnTo>
                    <a:lnTo>
                      <a:pt x="414" y="774"/>
                    </a:lnTo>
                    <a:lnTo>
                      <a:pt x="411" y="759"/>
                    </a:lnTo>
                    <a:lnTo>
                      <a:pt x="411" y="745"/>
                    </a:lnTo>
                    <a:lnTo>
                      <a:pt x="412" y="737"/>
                    </a:lnTo>
                    <a:lnTo>
                      <a:pt x="415" y="730"/>
                    </a:lnTo>
                    <a:lnTo>
                      <a:pt x="417" y="724"/>
                    </a:lnTo>
                    <a:lnTo>
                      <a:pt x="420" y="719"/>
                    </a:lnTo>
                    <a:lnTo>
                      <a:pt x="428" y="710"/>
                    </a:lnTo>
                    <a:lnTo>
                      <a:pt x="438" y="698"/>
                    </a:lnTo>
                    <a:lnTo>
                      <a:pt x="442" y="692"/>
                    </a:lnTo>
                    <a:lnTo>
                      <a:pt x="446" y="686"/>
                    </a:lnTo>
                    <a:lnTo>
                      <a:pt x="449" y="681"/>
                    </a:lnTo>
                    <a:lnTo>
                      <a:pt x="449" y="677"/>
                    </a:lnTo>
                    <a:lnTo>
                      <a:pt x="436" y="679"/>
                    </a:lnTo>
                    <a:lnTo>
                      <a:pt x="424" y="680"/>
                    </a:lnTo>
                    <a:lnTo>
                      <a:pt x="412" y="684"/>
                    </a:lnTo>
                    <a:lnTo>
                      <a:pt x="401" y="686"/>
                    </a:lnTo>
                    <a:lnTo>
                      <a:pt x="390" y="689"/>
                    </a:lnTo>
                    <a:lnTo>
                      <a:pt x="379" y="690"/>
                    </a:lnTo>
                    <a:lnTo>
                      <a:pt x="366" y="690"/>
                    </a:lnTo>
                    <a:lnTo>
                      <a:pt x="351" y="688"/>
                    </a:lnTo>
                    <a:lnTo>
                      <a:pt x="333" y="682"/>
                    </a:lnTo>
                    <a:lnTo>
                      <a:pt x="320" y="680"/>
                    </a:lnTo>
                    <a:lnTo>
                      <a:pt x="310" y="681"/>
                    </a:lnTo>
                    <a:lnTo>
                      <a:pt x="302" y="682"/>
                    </a:lnTo>
                    <a:lnTo>
                      <a:pt x="288" y="693"/>
                    </a:lnTo>
                    <a:lnTo>
                      <a:pt x="262" y="704"/>
                    </a:lnTo>
                    <a:lnTo>
                      <a:pt x="211" y="724"/>
                    </a:lnTo>
                    <a:lnTo>
                      <a:pt x="211" y="724"/>
                    </a:lnTo>
                    <a:lnTo>
                      <a:pt x="205" y="719"/>
                    </a:lnTo>
                    <a:lnTo>
                      <a:pt x="197" y="712"/>
                    </a:lnTo>
                    <a:lnTo>
                      <a:pt x="193" y="710"/>
                    </a:lnTo>
                    <a:lnTo>
                      <a:pt x="189" y="706"/>
                    </a:lnTo>
                    <a:lnTo>
                      <a:pt x="187" y="701"/>
                    </a:lnTo>
                    <a:lnTo>
                      <a:pt x="187" y="697"/>
                    </a:lnTo>
                    <a:lnTo>
                      <a:pt x="189" y="675"/>
                    </a:lnTo>
                    <a:lnTo>
                      <a:pt x="193" y="654"/>
                    </a:lnTo>
                    <a:lnTo>
                      <a:pt x="199" y="645"/>
                    </a:lnTo>
                    <a:lnTo>
                      <a:pt x="204" y="637"/>
                    </a:lnTo>
                    <a:lnTo>
                      <a:pt x="208" y="633"/>
                    </a:lnTo>
                    <a:lnTo>
                      <a:pt x="213" y="631"/>
                    </a:lnTo>
                    <a:lnTo>
                      <a:pt x="218" y="627"/>
                    </a:lnTo>
                    <a:lnTo>
                      <a:pt x="223" y="625"/>
                    </a:lnTo>
                    <a:lnTo>
                      <a:pt x="250" y="618"/>
                    </a:lnTo>
                    <a:lnTo>
                      <a:pt x="283" y="606"/>
                    </a:lnTo>
                    <a:lnTo>
                      <a:pt x="300" y="601"/>
                    </a:lnTo>
                    <a:lnTo>
                      <a:pt x="314" y="593"/>
                    </a:lnTo>
                    <a:lnTo>
                      <a:pt x="325" y="585"/>
                    </a:lnTo>
                    <a:lnTo>
                      <a:pt x="335" y="578"/>
                    </a:lnTo>
                    <a:lnTo>
                      <a:pt x="341" y="568"/>
                    </a:lnTo>
                    <a:lnTo>
                      <a:pt x="345" y="562"/>
                    </a:lnTo>
                    <a:lnTo>
                      <a:pt x="345" y="559"/>
                    </a:lnTo>
                    <a:lnTo>
                      <a:pt x="345" y="558"/>
                    </a:lnTo>
                    <a:lnTo>
                      <a:pt x="344" y="557"/>
                    </a:lnTo>
                    <a:lnTo>
                      <a:pt x="341" y="557"/>
                    </a:lnTo>
                    <a:lnTo>
                      <a:pt x="328" y="559"/>
                    </a:lnTo>
                    <a:lnTo>
                      <a:pt x="309" y="566"/>
                    </a:lnTo>
                    <a:lnTo>
                      <a:pt x="288" y="574"/>
                    </a:lnTo>
                    <a:lnTo>
                      <a:pt x="268" y="578"/>
                    </a:lnTo>
                    <a:lnTo>
                      <a:pt x="259" y="579"/>
                    </a:lnTo>
                    <a:lnTo>
                      <a:pt x="253" y="578"/>
                    </a:lnTo>
                    <a:lnTo>
                      <a:pt x="250" y="576"/>
                    </a:lnTo>
                    <a:lnTo>
                      <a:pt x="249" y="574"/>
                    </a:lnTo>
                    <a:lnTo>
                      <a:pt x="248" y="571"/>
                    </a:lnTo>
                    <a:lnTo>
                      <a:pt x="248" y="567"/>
                    </a:lnTo>
                    <a:lnTo>
                      <a:pt x="249" y="558"/>
                    </a:lnTo>
                    <a:lnTo>
                      <a:pt x="253" y="550"/>
                    </a:lnTo>
                    <a:lnTo>
                      <a:pt x="258" y="544"/>
                    </a:lnTo>
                    <a:lnTo>
                      <a:pt x="265" y="539"/>
                    </a:lnTo>
                    <a:lnTo>
                      <a:pt x="279" y="530"/>
                    </a:lnTo>
                    <a:lnTo>
                      <a:pt x="293" y="522"/>
                    </a:lnTo>
                    <a:lnTo>
                      <a:pt x="313" y="515"/>
                    </a:lnTo>
                    <a:lnTo>
                      <a:pt x="332" y="510"/>
                    </a:lnTo>
                    <a:lnTo>
                      <a:pt x="341" y="508"/>
                    </a:lnTo>
                    <a:lnTo>
                      <a:pt x="349" y="502"/>
                    </a:lnTo>
                    <a:lnTo>
                      <a:pt x="351" y="500"/>
                    </a:lnTo>
                    <a:lnTo>
                      <a:pt x="354" y="496"/>
                    </a:lnTo>
                    <a:lnTo>
                      <a:pt x="357" y="491"/>
                    </a:lnTo>
                    <a:lnTo>
                      <a:pt x="359" y="486"/>
                    </a:lnTo>
                    <a:lnTo>
                      <a:pt x="360" y="480"/>
                    </a:lnTo>
                    <a:lnTo>
                      <a:pt x="359" y="476"/>
                    </a:lnTo>
                    <a:lnTo>
                      <a:pt x="357" y="474"/>
                    </a:lnTo>
                    <a:lnTo>
                      <a:pt x="351" y="473"/>
                    </a:lnTo>
                    <a:lnTo>
                      <a:pt x="338" y="471"/>
                    </a:lnTo>
                    <a:lnTo>
                      <a:pt x="323" y="473"/>
                    </a:lnTo>
                    <a:lnTo>
                      <a:pt x="305" y="475"/>
                    </a:lnTo>
                    <a:lnTo>
                      <a:pt x="288" y="476"/>
                    </a:lnTo>
                    <a:lnTo>
                      <a:pt x="280" y="476"/>
                    </a:lnTo>
                    <a:lnTo>
                      <a:pt x="272" y="475"/>
                    </a:lnTo>
                    <a:lnTo>
                      <a:pt x="266" y="473"/>
                    </a:lnTo>
                    <a:lnTo>
                      <a:pt x="262" y="470"/>
                    </a:lnTo>
                    <a:lnTo>
                      <a:pt x="259" y="467"/>
                    </a:lnTo>
                    <a:lnTo>
                      <a:pt x="259" y="464"/>
                    </a:lnTo>
                    <a:lnTo>
                      <a:pt x="262" y="461"/>
                    </a:lnTo>
                    <a:lnTo>
                      <a:pt x="265" y="457"/>
                    </a:lnTo>
                    <a:lnTo>
                      <a:pt x="274" y="448"/>
                    </a:lnTo>
                    <a:lnTo>
                      <a:pt x="285" y="438"/>
                    </a:lnTo>
                    <a:lnTo>
                      <a:pt x="298" y="427"/>
                    </a:lnTo>
                    <a:lnTo>
                      <a:pt x="311" y="417"/>
                    </a:lnTo>
                    <a:lnTo>
                      <a:pt x="322" y="407"/>
                    </a:lnTo>
                    <a:lnTo>
                      <a:pt x="329" y="397"/>
                    </a:lnTo>
                    <a:lnTo>
                      <a:pt x="340" y="385"/>
                    </a:lnTo>
                    <a:lnTo>
                      <a:pt x="351" y="373"/>
                    </a:lnTo>
                    <a:lnTo>
                      <a:pt x="354" y="370"/>
                    </a:lnTo>
                    <a:lnTo>
                      <a:pt x="355" y="368"/>
                    </a:lnTo>
                    <a:lnTo>
                      <a:pt x="355" y="365"/>
                    </a:lnTo>
                    <a:lnTo>
                      <a:pt x="354" y="364"/>
                    </a:lnTo>
                    <a:lnTo>
                      <a:pt x="353" y="362"/>
                    </a:lnTo>
                    <a:lnTo>
                      <a:pt x="350" y="361"/>
                    </a:lnTo>
                    <a:lnTo>
                      <a:pt x="345" y="361"/>
                    </a:lnTo>
                    <a:lnTo>
                      <a:pt x="338" y="361"/>
                    </a:lnTo>
                    <a:lnTo>
                      <a:pt x="328" y="361"/>
                    </a:lnTo>
                    <a:lnTo>
                      <a:pt x="318" y="364"/>
                    </a:lnTo>
                    <a:lnTo>
                      <a:pt x="309" y="366"/>
                    </a:lnTo>
                    <a:lnTo>
                      <a:pt x="300" y="370"/>
                    </a:lnTo>
                    <a:lnTo>
                      <a:pt x="290" y="377"/>
                    </a:lnTo>
                    <a:lnTo>
                      <a:pt x="281" y="383"/>
                    </a:lnTo>
                    <a:lnTo>
                      <a:pt x="275" y="391"/>
                    </a:lnTo>
                    <a:lnTo>
                      <a:pt x="267" y="400"/>
                    </a:lnTo>
                    <a:lnTo>
                      <a:pt x="262" y="407"/>
                    </a:lnTo>
                    <a:lnTo>
                      <a:pt x="257" y="413"/>
                    </a:lnTo>
                    <a:lnTo>
                      <a:pt x="252" y="417"/>
                    </a:lnTo>
                    <a:lnTo>
                      <a:pt x="248" y="421"/>
                    </a:lnTo>
                    <a:lnTo>
                      <a:pt x="244" y="422"/>
                    </a:lnTo>
                    <a:lnTo>
                      <a:pt x="240" y="423"/>
                    </a:lnTo>
                    <a:lnTo>
                      <a:pt x="236" y="422"/>
                    </a:lnTo>
                    <a:lnTo>
                      <a:pt x="233" y="421"/>
                    </a:lnTo>
                    <a:lnTo>
                      <a:pt x="232" y="418"/>
                    </a:lnTo>
                    <a:lnTo>
                      <a:pt x="230" y="416"/>
                    </a:lnTo>
                    <a:lnTo>
                      <a:pt x="228" y="410"/>
                    </a:lnTo>
                    <a:lnTo>
                      <a:pt x="228" y="405"/>
                    </a:lnTo>
                    <a:lnTo>
                      <a:pt x="228" y="392"/>
                    </a:lnTo>
                    <a:lnTo>
                      <a:pt x="230" y="377"/>
                    </a:lnTo>
                    <a:lnTo>
                      <a:pt x="245" y="361"/>
                    </a:lnTo>
                    <a:lnTo>
                      <a:pt x="261" y="346"/>
                    </a:lnTo>
                    <a:lnTo>
                      <a:pt x="276" y="330"/>
                    </a:lnTo>
                    <a:lnTo>
                      <a:pt x="290" y="315"/>
                    </a:lnTo>
                    <a:lnTo>
                      <a:pt x="296" y="311"/>
                    </a:lnTo>
                    <a:lnTo>
                      <a:pt x="302" y="307"/>
                    </a:lnTo>
                    <a:lnTo>
                      <a:pt x="309" y="304"/>
                    </a:lnTo>
                    <a:lnTo>
                      <a:pt x="315" y="302"/>
                    </a:lnTo>
                    <a:lnTo>
                      <a:pt x="320" y="299"/>
                    </a:lnTo>
                    <a:lnTo>
                      <a:pt x="323" y="294"/>
                    </a:lnTo>
                    <a:lnTo>
                      <a:pt x="324" y="291"/>
                    </a:lnTo>
                    <a:lnTo>
                      <a:pt x="324" y="287"/>
                    </a:lnTo>
                    <a:lnTo>
                      <a:pt x="324" y="283"/>
                    </a:lnTo>
                    <a:lnTo>
                      <a:pt x="323" y="278"/>
                    </a:lnTo>
                    <a:lnTo>
                      <a:pt x="322" y="277"/>
                    </a:lnTo>
                    <a:lnTo>
                      <a:pt x="302" y="283"/>
                    </a:lnTo>
                    <a:lnTo>
                      <a:pt x="274" y="296"/>
                    </a:lnTo>
                    <a:lnTo>
                      <a:pt x="267" y="299"/>
                    </a:lnTo>
                    <a:lnTo>
                      <a:pt x="261" y="300"/>
                    </a:lnTo>
                    <a:lnTo>
                      <a:pt x="256" y="300"/>
                    </a:lnTo>
                    <a:lnTo>
                      <a:pt x="252" y="300"/>
                    </a:lnTo>
                    <a:lnTo>
                      <a:pt x="249" y="298"/>
                    </a:lnTo>
                    <a:lnTo>
                      <a:pt x="246" y="295"/>
                    </a:lnTo>
                    <a:lnTo>
                      <a:pt x="248" y="290"/>
                    </a:lnTo>
                    <a:lnTo>
                      <a:pt x="249" y="282"/>
                    </a:lnTo>
                    <a:lnTo>
                      <a:pt x="252" y="273"/>
                    </a:lnTo>
                    <a:lnTo>
                      <a:pt x="253" y="264"/>
                    </a:lnTo>
                    <a:lnTo>
                      <a:pt x="253" y="258"/>
                    </a:lnTo>
                    <a:lnTo>
                      <a:pt x="250" y="252"/>
                    </a:lnTo>
                    <a:lnTo>
                      <a:pt x="248" y="248"/>
                    </a:lnTo>
                    <a:lnTo>
                      <a:pt x="244" y="245"/>
                    </a:lnTo>
                    <a:lnTo>
                      <a:pt x="240" y="241"/>
                    </a:lnTo>
                    <a:lnTo>
                      <a:pt x="235" y="238"/>
                    </a:lnTo>
                    <a:lnTo>
                      <a:pt x="226" y="234"/>
                    </a:lnTo>
                    <a:lnTo>
                      <a:pt x="218" y="230"/>
                    </a:lnTo>
                    <a:lnTo>
                      <a:pt x="215" y="228"/>
                    </a:lnTo>
                    <a:lnTo>
                      <a:pt x="215" y="225"/>
                    </a:lnTo>
                    <a:lnTo>
                      <a:pt x="215" y="221"/>
                    </a:lnTo>
                    <a:lnTo>
                      <a:pt x="218" y="216"/>
                    </a:lnTo>
                    <a:lnTo>
                      <a:pt x="228" y="204"/>
                    </a:lnTo>
                    <a:lnTo>
                      <a:pt x="241" y="193"/>
                    </a:lnTo>
                    <a:lnTo>
                      <a:pt x="245" y="186"/>
                    </a:lnTo>
                    <a:lnTo>
                      <a:pt x="248" y="180"/>
                    </a:lnTo>
                    <a:lnTo>
                      <a:pt x="249" y="176"/>
                    </a:lnTo>
                    <a:lnTo>
                      <a:pt x="248" y="172"/>
                    </a:lnTo>
                    <a:lnTo>
                      <a:pt x="248" y="168"/>
                    </a:lnTo>
                    <a:lnTo>
                      <a:pt x="245" y="164"/>
                    </a:lnTo>
                    <a:lnTo>
                      <a:pt x="243" y="158"/>
                    </a:lnTo>
                    <a:lnTo>
                      <a:pt x="241" y="154"/>
                    </a:lnTo>
                    <a:lnTo>
                      <a:pt x="243" y="150"/>
                    </a:lnTo>
                    <a:lnTo>
                      <a:pt x="245" y="147"/>
                    </a:lnTo>
                    <a:lnTo>
                      <a:pt x="249" y="145"/>
                    </a:lnTo>
                    <a:lnTo>
                      <a:pt x="253" y="145"/>
                    </a:lnTo>
                    <a:lnTo>
                      <a:pt x="259" y="144"/>
                    </a:lnTo>
                    <a:lnTo>
                      <a:pt x="265" y="144"/>
                    </a:lnTo>
                    <a:lnTo>
                      <a:pt x="279" y="144"/>
                    </a:lnTo>
                    <a:lnTo>
                      <a:pt x="292" y="145"/>
                    </a:lnTo>
                    <a:lnTo>
                      <a:pt x="302" y="145"/>
                    </a:lnTo>
                    <a:lnTo>
                      <a:pt x="309" y="142"/>
                    </a:lnTo>
                    <a:lnTo>
                      <a:pt x="303" y="133"/>
                    </a:lnTo>
                    <a:lnTo>
                      <a:pt x="294" y="120"/>
                    </a:lnTo>
                    <a:lnTo>
                      <a:pt x="290" y="112"/>
                    </a:lnTo>
                    <a:lnTo>
                      <a:pt x="289" y="106"/>
                    </a:lnTo>
                    <a:lnTo>
                      <a:pt x="289" y="103"/>
                    </a:lnTo>
                    <a:lnTo>
                      <a:pt x="289" y="102"/>
                    </a:lnTo>
                    <a:lnTo>
                      <a:pt x="292" y="100"/>
                    </a:lnTo>
                    <a:lnTo>
                      <a:pt x="294" y="98"/>
                    </a:lnTo>
                    <a:lnTo>
                      <a:pt x="305" y="98"/>
                    </a:lnTo>
                    <a:lnTo>
                      <a:pt x="319" y="100"/>
                    </a:lnTo>
                    <a:lnTo>
                      <a:pt x="335" y="101"/>
                    </a:lnTo>
                    <a:lnTo>
                      <a:pt x="345" y="105"/>
                    </a:lnTo>
                    <a:lnTo>
                      <a:pt x="354" y="110"/>
                    </a:lnTo>
                    <a:lnTo>
                      <a:pt x="362" y="112"/>
                    </a:lnTo>
                    <a:lnTo>
                      <a:pt x="368" y="115"/>
                    </a:lnTo>
                    <a:lnTo>
                      <a:pt x="373" y="115"/>
                    </a:lnTo>
                    <a:lnTo>
                      <a:pt x="377" y="114"/>
                    </a:lnTo>
                    <a:lnTo>
                      <a:pt x="381" y="112"/>
                    </a:lnTo>
                    <a:lnTo>
                      <a:pt x="385" y="109"/>
                    </a:lnTo>
                    <a:lnTo>
                      <a:pt x="388" y="106"/>
                    </a:lnTo>
                    <a:lnTo>
                      <a:pt x="393" y="98"/>
                    </a:lnTo>
                    <a:lnTo>
                      <a:pt x="398" y="90"/>
                    </a:lnTo>
                    <a:lnTo>
                      <a:pt x="402" y="87"/>
                    </a:lnTo>
                    <a:lnTo>
                      <a:pt x="406" y="84"/>
                    </a:lnTo>
                    <a:lnTo>
                      <a:pt x="411" y="81"/>
                    </a:lnTo>
                    <a:lnTo>
                      <a:pt x="416" y="80"/>
                    </a:lnTo>
                    <a:lnTo>
                      <a:pt x="424" y="81"/>
                    </a:lnTo>
                    <a:lnTo>
                      <a:pt x="430" y="83"/>
                    </a:lnTo>
                    <a:lnTo>
                      <a:pt x="438" y="87"/>
                    </a:lnTo>
                    <a:lnTo>
                      <a:pt x="445" y="92"/>
                    </a:lnTo>
                    <a:lnTo>
                      <a:pt x="459" y="101"/>
                    </a:lnTo>
                    <a:lnTo>
                      <a:pt x="471" y="110"/>
                    </a:lnTo>
                    <a:lnTo>
                      <a:pt x="482" y="114"/>
                    </a:lnTo>
                    <a:lnTo>
                      <a:pt x="495" y="118"/>
                    </a:lnTo>
                    <a:lnTo>
                      <a:pt x="511" y="122"/>
                    </a:lnTo>
                    <a:lnTo>
                      <a:pt x="525" y="125"/>
                    </a:lnTo>
                    <a:lnTo>
                      <a:pt x="541" y="129"/>
                    </a:lnTo>
                    <a:lnTo>
                      <a:pt x="553" y="133"/>
                    </a:lnTo>
                    <a:lnTo>
                      <a:pt x="559" y="137"/>
                    </a:lnTo>
                    <a:lnTo>
                      <a:pt x="564" y="140"/>
                    </a:lnTo>
                    <a:lnTo>
                      <a:pt x="568" y="144"/>
                    </a:lnTo>
                    <a:lnTo>
                      <a:pt x="572" y="147"/>
                    </a:lnTo>
                    <a:lnTo>
                      <a:pt x="579" y="159"/>
                    </a:lnTo>
                    <a:lnTo>
                      <a:pt x="586" y="169"/>
                    </a:lnTo>
                    <a:lnTo>
                      <a:pt x="592" y="176"/>
                    </a:lnTo>
                    <a:lnTo>
                      <a:pt x="599" y="181"/>
                    </a:lnTo>
                    <a:lnTo>
                      <a:pt x="605" y="184"/>
                    </a:lnTo>
                    <a:lnTo>
                      <a:pt x="610" y="185"/>
                    </a:lnTo>
                    <a:lnTo>
                      <a:pt x="614" y="185"/>
                    </a:lnTo>
                    <a:lnTo>
                      <a:pt x="620" y="182"/>
                    </a:lnTo>
                    <a:lnTo>
                      <a:pt x="622" y="179"/>
                    </a:lnTo>
                    <a:lnTo>
                      <a:pt x="626" y="173"/>
                    </a:lnTo>
                    <a:lnTo>
                      <a:pt x="629" y="167"/>
                    </a:lnTo>
                    <a:lnTo>
                      <a:pt x="631" y="159"/>
                    </a:lnTo>
                    <a:lnTo>
                      <a:pt x="634" y="141"/>
                    </a:lnTo>
                    <a:lnTo>
                      <a:pt x="635" y="120"/>
                    </a:lnTo>
                    <a:lnTo>
                      <a:pt x="636" y="118"/>
                    </a:lnTo>
                    <a:lnTo>
                      <a:pt x="636" y="115"/>
                    </a:lnTo>
                    <a:lnTo>
                      <a:pt x="636" y="112"/>
                    </a:lnTo>
                    <a:lnTo>
                      <a:pt x="635" y="110"/>
                    </a:lnTo>
                    <a:lnTo>
                      <a:pt x="631" y="105"/>
                    </a:lnTo>
                    <a:lnTo>
                      <a:pt x="629" y="101"/>
                    </a:lnTo>
                    <a:lnTo>
                      <a:pt x="626" y="96"/>
                    </a:lnTo>
                    <a:lnTo>
                      <a:pt x="626" y="92"/>
                    </a:lnTo>
                    <a:lnTo>
                      <a:pt x="627" y="88"/>
                    </a:lnTo>
                    <a:lnTo>
                      <a:pt x="630" y="83"/>
                    </a:lnTo>
                    <a:lnTo>
                      <a:pt x="631" y="77"/>
                    </a:lnTo>
                    <a:lnTo>
                      <a:pt x="631" y="72"/>
                    </a:lnTo>
                    <a:lnTo>
                      <a:pt x="630" y="67"/>
                    </a:lnTo>
                    <a:lnTo>
                      <a:pt x="629" y="62"/>
                    </a:lnTo>
                    <a:lnTo>
                      <a:pt x="626" y="57"/>
                    </a:lnTo>
                    <a:lnTo>
                      <a:pt x="626" y="52"/>
                    </a:lnTo>
                    <a:lnTo>
                      <a:pt x="626" y="46"/>
                    </a:lnTo>
                    <a:lnTo>
                      <a:pt x="629" y="41"/>
                    </a:lnTo>
                    <a:lnTo>
                      <a:pt x="634" y="39"/>
                    </a:lnTo>
                    <a:lnTo>
                      <a:pt x="640" y="37"/>
                    </a:lnTo>
                    <a:lnTo>
                      <a:pt x="647" y="36"/>
                    </a:lnTo>
                    <a:lnTo>
                      <a:pt x="652" y="36"/>
                    </a:lnTo>
                    <a:lnTo>
                      <a:pt x="666" y="35"/>
                    </a:lnTo>
                    <a:lnTo>
                      <a:pt x="680" y="32"/>
                    </a:lnTo>
                    <a:lnTo>
                      <a:pt x="712" y="27"/>
                    </a:lnTo>
                    <a:lnTo>
                      <a:pt x="731" y="22"/>
                    </a:lnTo>
                    <a:lnTo>
                      <a:pt x="740" y="19"/>
                    </a:lnTo>
                    <a:lnTo>
                      <a:pt x="749" y="15"/>
                    </a:lnTo>
                    <a:lnTo>
                      <a:pt x="759" y="10"/>
                    </a:lnTo>
                    <a:lnTo>
                      <a:pt x="772" y="2"/>
                    </a:lnTo>
                    <a:lnTo>
                      <a:pt x="776" y="0"/>
                    </a:lnTo>
                    <a:lnTo>
                      <a:pt x="780" y="0"/>
                    </a:lnTo>
                    <a:lnTo>
                      <a:pt x="784" y="0"/>
                    </a:lnTo>
                    <a:lnTo>
                      <a:pt x="787" y="1"/>
                    </a:lnTo>
                    <a:lnTo>
                      <a:pt x="792" y="5"/>
                    </a:lnTo>
                    <a:lnTo>
                      <a:pt x="796" y="11"/>
                    </a:lnTo>
                    <a:lnTo>
                      <a:pt x="798" y="19"/>
                    </a:lnTo>
                    <a:lnTo>
                      <a:pt x="801" y="27"/>
                    </a:lnTo>
                    <a:lnTo>
                      <a:pt x="804" y="33"/>
                    </a:lnTo>
                    <a:lnTo>
                      <a:pt x="807" y="37"/>
                    </a:lnTo>
                    <a:lnTo>
                      <a:pt x="826" y="39"/>
                    </a:lnTo>
                    <a:lnTo>
                      <a:pt x="844" y="41"/>
                    </a:lnTo>
                    <a:lnTo>
                      <a:pt x="846" y="44"/>
                    </a:lnTo>
                    <a:lnTo>
                      <a:pt x="846" y="48"/>
                    </a:lnTo>
                    <a:lnTo>
                      <a:pt x="848" y="53"/>
                    </a:lnTo>
                    <a:lnTo>
                      <a:pt x="848" y="59"/>
                    </a:lnTo>
                    <a:lnTo>
                      <a:pt x="848" y="65"/>
                    </a:lnTo>
                    <a:lnTo>
                      <a:pt x="849" y="70"/>
                    </a:lnTo>
                    <a:lnTo>
                      <a:pt x="851" y="75"/>
                    </a:lnTo>
                    <a:lnTo>
                      <a:pt x="855" y="80"/>
                    </a:lnTo>
                    <a:lnTo>
                      <a:pt x="864" y="84"/>
                    </a:lnTo>
                    <a:lnTo>
                      <a:pt x="871" y="87"/>
                    </a:lnTo>
                    <a:lnTo>
                      <a:pt x="879" y="89"/>
                    </a:lnTo>
                    <a:lnTo>
                      <a:pt x="886" y="90"/>
                    </a:lnTo>
                    <a:lnTo>
                      <a:pt x="893" y="92"/>
                    </a:lnTo>
                    <a:lnTo>
                      <a:pt x="901" y="96"/>
                    </a:lnTo>
                    <a:lnTo>
                      <a:pt x="908" y="102"/>
                    </a:lnTo>
                    <a:lnTo>
                      <a:pt x="918" y="112"/>
                    </a:lnTo>
                    <a:lnTo>
                      <a:pt x="933" y="137"/>
                    </a:lnTo>
                    <a:lnTo>
                      <a:pt x="954" y="168"/>
                    </a:lnTo>
                    <a:lnTo>
                      <a:pt x="964" y="184"/>
                    </a:lnTo>
                    <a:lnTo>
                      <a:pt x="975" y="197"/>
                    </a:lnTo>
                    <a:lnTo>
                      <a:pt x="980" y="202"/>
                    </a:lnTo>
                    <a:lnTo>
                      <a:pt x="985" y="207"/>
                    </a:lnTo>
                    <a:lnTo>
                      <a:pt x="990" y="210"/>
                    </a:lnTo>
                    <a:lnTo>
                      <a:pt x="995" y="212"/>
                    </a:lnTo>
                    <a:lnTo>
                      <a:pt x="1020" y="219"/>
                    </a:lnTo>
                    <a:lnTo>
                      <a:pt x="1044" y="223"/>
                    </a:lnTo>
                    <a:lnTo>
                      <a:pt x="1070" y="226"/>
                    </a:lnTo>
                    <a:lnTo>
                      <a:pt x="1096" y="230"/>
                    </a:lnTo>
                    <a:lnTo>
                      <a:pt x="1122" y="234"/>
                    </a:lnTo>
                    <a:lnTo>
                      <a:pt x="1148" y="239"/>
                    </a:lnTo>
                    <a:lnTo>
                      <a:pt x="1174" y="246"/>
                    </a:lnTo>
                    <a:lnTo>
                      <a:pt x="1200" y="254"/>
                    </a:lnTo>
                    <a:lnTo>
                      <a:pt x="1222" y="265"/>
                    </a:lnTo>
                    <a:lnTo>
                      <a:pt x="1248" y="281"/>
                    </a:lnTo>
                    <a:lnTo>
                      <a:pt x="1261" y="287"/>
                    </a:lnTo>
                    <a:lnTo>
                      <a:pt x="1272" y="293"/>
                    </a:lnTo>
                    <a:lnTo>
                      <a:pt x="1279" y="295"/>
                    </a:lnTo>
                    <a:lnTo>
                      <a:pt x="1284" y="296"/>
                    </a:lnTo>
                    <a:lnTo>
                      <a:pt x="1289" y="296"/>
                    </a:lnTo>
                    <a:lnTo>
                      <a:pt x="1295" y="296"/>
                    </a:lnTo>
                    <a:lnTo>
                      <a:pt x="1305" y="296"/>
                    </a:lnTo>
                    <a:lnTo>
                      <a:pt x="1318" y="298"/>
                    </a:lnTo>
                    <a:lnTo>
                      <a:pt x="1331" y="300"/>
                    </a:lnTo>
                    <a:lnTo>
                      <a:pt x="1344" y="303"/>
                    </a:lnTo>
                    <a:lnTo>
                      <a:pt x="1355" y="305"/>
                    </a:lnTo>
                    <a:lnTo>
                      <a:pt x="1366" y="308"/>
                    </a:lnTo>
                    <a:lnTo>
                      <a:pt x="1372" y="308"/>
                    </a:lnTo>
                    <a:lnTo>
                      <a:pt x="1376" y="308"/>
                    </a:lnTo>
                    <a:lnTo>
                      <a:pt x="1375" y="295"/>
                    </a:lnTo>
                    <a:lnTo>
                      <a:pt x="1372" y="285"/>
                    </a:lnTo>
                    <a:lnTo>
                      <a:pt x="1372" y="281"/>
                    </a:lnTo>
                    <a:lnTo>
                      <a:pt x="1375" y="277"/>
                    </a:lnTo>
                    <a:lnTo>
                      <a:pt x="1380" y="276"/>
                    </a:lnTo>
                    <a:lnTo>
                      <a:pt x="1388" y="274"/>
                    </a:lnTo>
                    <a:lnTo>
                      <a:pt x="1399" y="274"/>
                    </a:lnTo>
                    <a:lnTo>
                      <a:pt x="1407" y="277"/>
                    </a:lnTo>
                    <a:lnTo>
                      <a:pt x="1414" y="280"/>
                    </a:lnTo>
                    <a:lnTo>
                      <a:pt x="1418" y="283"/>
                    </a:lnTo>
                    <a:lnTo>
                      <a:pt x="1420" y="287"/>
                    </a:lnTo>
                    <a:lnTo>
                      <a:pt x="1421" y="293"/>
                    </a:lnTo>
                    <a:lnTo>
                      <a:pt x="1423" y="298"/>
                    </a:lnTo>
                    <a:lnTo>
                      <a:pt x="1421" y="303"/>
                    </a:lnTo>
                    <a:lnTo>
                      <a:pt x="1420" y="315"/>
                    </a:lnTo>
                    <a:lnTo>
                      <a:pt x="1420" y="326"/>
                    </a:lnTo>
                    <a:lnTo>
                      <a:pt x="1421" y="331"/>
                    </a:lnTo>
                    <a:lnTo>
                      <a:pt x="1424" y="337"/>
                    </a:lnTo>
                    <a:lnTo>
                      <a:pt x="1427" y="342"/>
                    </a:lnTo>
                    <a:lnTo>
                      <a:pt x="1433" y="344"/>
                    </a:lnTo>
                    <a:lnTo>
                      <a:pt x="1554" y="407"/>
                    </a:lnTo>
                    <a:lnTo>
                      <a:pt x="1582" y="421"/>
                    </a:lnTo>
                    <a:lnTo>
                      <a:pt x="1608" y="435"/>
                    </a:lnTo>
                    <a:lnTo>
                      <a:pt x="1634" y="449"/>
                    </a:lnTo>
                    <a:lnTo>
                      <a:pt x="1659" y="465"/>
                    </a:lnTo>
                    <a:lnTo>
                      <a:pt x="1706" y="495"/>
                    </a:lnTo>
                    <a:lnTo>
                      <a:pt x="1753" y="522"/>
                    </a:lnTo>
                    <a:lnTo>
                      <a:pt x="1776" y="533"/>
                    </a:lnTo>
                    <a:lnTo>
                      <a:pt x="1801" y="545"/>
                    </a:lnTo>
                    <a:lnTo>
                      <a:pt x="1827" y="556"/>
                    </a:lnTo>
                    <a:lnTo>
                      <a:pt x="1853" y="563"/>
                    </a:lnTo>
                    <a:lnTo>
                      <a:pt x="1880" y="570"/>
                    </a:lnTo>
                    <a:lnTo>
                      <a:pt x="1910" y="575"/>
                    </a:lnTo>
                    <a:lnTo>
                      <a:pt x="1941" y="578"/>
                    </a:lnTo>
                    <a:lnTo>
                      <a:pt x="1975" y="578"/>
                    </a:lnTo>
                    <a:lnTo>
                      <a:pt x="1986" y="578"/>
                    </a:lnTo>
                    <a:lnTo>
                      <a:pt x="1997" y="581"/>
                    </a:lnTo>
                    <a:lnTo>
                      <a:pt x="2008" y="585"/>
                    </a:lnTo>
                    <a:lnTo>
                      <a:pt x="2017" y="590"/>
                    </a:lnTo>
                    <a:lnTo>
                      <a:pt x="2026" y="594"/>
                    </a:lnTo>
                    <a:lnTo>
                      <a:pt x="2036" y="598"/>
                    </a:lnTo>
                    <a:lnTo>
                      <a:pt x="2038" y="598"/>
                    </a:lnTo>
                    <a:lnTo>
                      <a:pt x="2042" y="600"/>
                    </a:lnTo>
                    <a:lnTo>
                      <a:pt x="2046" y="598"/>
                    </a:lnTo>
                    <a:lnTo>
                      <a:pt x="2048" y="597"/>
                    </a:lnTo>
                    <a:lnTo>
                      <a:pt x="2055" y="593"/>
                    </a:lnTo>
                    <a:lnTo>
                      <a:pt x="2061" y="592"/>
                    </a:lnTo>
                    <a:lnTo>
                      <a:pt x="2069" y="590"/>
                    </a:lnTo>
                    <a:lnTo>
                      <a:pt x="2077" y="590"/>
                    </a:lnTo>
                    <a:lnTo>
                      <a:pt x="2093" y="594"/>
                    </a:lnTo>
                    <a:lnTo>
                      <a:pt x="2108" y="600"/>
                    </a:lnTo>
                    <a:lnTo>
                      <a:pt x="2121" y="606"/>
                    </a:lnTo>
                    <a:lnTo>
                      <a:pt x="2131" y="614"/>
                    </a:lnTo>
                    <a:lnTo>
                      <a:pt x="2134" y="616"/>
                    </a:lnTo>
                    <a:lnTo>
                      <a:pt x="2137" y="620"/>
                    </a:lnTo>
                    <a:lnTo>
                      <a:pt x="2137" y="623"/>
                    </a:lnTo>
                    <a:lnTo>
                      <a:pt x="2137" y="625"/>
                    </a:lnTo>
                    <a:lnTo>
                      <a:pt x="2125" y="637"/>
                    </a:lnTo>
                    <a:lnTo>
                      <a:pt x="2116" y="647"/>
                    </a:lnTo>
                    <a:lnTo>
                      <a:pt x="2111" y="657"/>
                    </a:lnTo>
                    <a:lnTo>
                      <a:pt x="2108" y="663"/>
                    </a:lnTo>
                    <a:lnTo>
                      <a:pt x="2109" y="668"/>
                    </a:lnTo>
                    <a:lnTo>
                      <a:pt x="2111" y="671"/>
                    </a:lnTo>
                    <a:lnTo>
                      <a:pt x="2116" y="673"/>
                    </a:lnTo>
                    <a:lnTo>
                      <a:pt x="2122" y="675"/>
                    </a:lnTo>
                    <a:lnTo>
                      <a:pt x="2138" y="676"/>
                    </a:lnTo>
                    <a:lnTo>
                      <a:pt x="2156" y="675"/>
                    </a:lnTo>
                    <a:lnTo>
                      <a:pt x="2174" y="675"/>
                    </a:lnTo>
                    <a:lnTo>
                      <a:pt x="2190" y="676"/>
                    </a:lnTo>
                    <a:lnTo>
                      <a:pt x="2199" y="681"/>
                    </a:lnTo>
                    <a:lnTo>
                      <a:pt x="2209" y="689"/>
                    </a:lnTo>
                    <a:lnTo>
                      <a:pt x="2221" y="699"/>
                    </a:lnTo>
                    <a:lnTo>
                      <a:pt x="2232" y="711"/>
                    </a:lnTo>
                    <a:lnTo>
                      <a:pt x="2244" y="720"/>
                    </a:lnTo>
                    <a:lnTo>
                      <a:pt x="2253" y="728"/>
                    </a:lnTo>
                    <a:lnTo>
                      <a:pt x="2258" y="729"/>
                    </a:lnTo>
                    <a:lnTo>
                      <a:pt x="2262" y="729"/>
                    </a:lnTo>
                    <a:lnTo>
                      <a:pt x="2266" y="728"/>
                    </a:lnTo>
                    <a:lnTo>
                      <a:pt x="2269" y="724"/>
                    </a:lnTo>
                    <a:lnTo>
                      <a:pt x="2275" y="715"/>
                    </a:lnTo>
                    <a:lnTo>
                      <a:pt x="2280" y="707"/>
                    </a:lnTo>
                    <a:lnTo>
                      <a:pt x="2286" y="701"/>
                    </a:lnTo>
                    <a:lnTo>
                      <a:pt x="2291" y="697"/>
                    </a:lnTo>
                    <a:lnTo>
                      <a:pt x="2296" y="694"/>
                    </a:lnTo>
                    <a:lnTo>
                      <a:pt x="2300" y="692"/>
                    </a:lnTo>
                    <a:lnTo>
                      <a:pt x="2304" y="692"/>
                    </a:lnTo>
                    <a:lnTo>
                      <a:pt x="2309" y="693"/>
                    </a:lnTo>
                    <a:lnTo>
                      <a:pt x="2318" y="697"/>
                    </a:lnTo>
                    <a:lnTo>
                      <a:pt x="2328" y="702"/>
                    </a:lnTo>
                    <a:lnTo>
                      <a:pt x="2341" y="707"/>
                    </a:lnTo>
                    <a:lnTo>
                      <a:pt x="2357" y="711"/>
                    </a:lnTo>
                    <a:lnTo>
                      <a:pt x="2371" y="721"/>
                    </a:lnTo>
                    <a:lnTo>
                      <a:pt x="2384" y="729"/>
                    </a:lnTo>
                    <a:lnTo>
                      <a:pt x="2396" y="734"/>
                    </a:lnTo>
                    <a:lnTo>
                      <a:pt x="2407" y="739"/>
                    </a:lnTo>
                    <a:lnTo>
                      <a:pt x="2419" y="746"/>
                    </a:lnTo>
                    <a:lnTo>
                      <a:pt x="2429" y="752"/>
                    </a:lnTo>
                    <a:lnTo>
                      <a:pt x="2435" y="758"/>
                    </a:lnTo>
                    <a:lnTo>
                      <a:pt x="2440" y="764"/>
                    </a:lnTo>
                    <a:lnTo>
                      <a:pt x="2445" y="771"/>
                    </a:lnTo>
                    <a:lnTo>
                      <a:pt x="2449" y="778"/>
                    </a:lnTo>
                    <a:lnTo>
                      <a:pt x="2455" y="787"/>
                    </a:lnTo>
                    <a:lnTo>
                      <a:pt x="2463" y="795"/>
                    </a:lnTo>
                    <a:lnTo>
                      <a:pt x="2473" y="803"/>
                    </a:lnTo>
                    <a:lnTo>
                      <a:pt x="2484" y="811"/>
                    </a:lnTo>
                    <a:lnTo>
                      <a:pt x="2506" y="825"/>
                    </a:lnTo>
                    <a:lnTo>
                      <a:pt x="2527" y="837"/>
                    </a:lnTo>
                    <a:lnTo>
                      <a:pt x="2537" y="842"/>
                    </a:lnTo>
                    <a:lnTo>
                      <a:pt x="2547" y="844"/>
                    </a:lnTo>
                    <a:lnTo>
                      <a:pt x="2558" y="846"/>
                    </a:lnTo>
                    <a:lnTo>
                      <a:pt x="2568" y="846"/>
                    </a:lnTo>
                    <a:lnTo>
                      <a:pt x="2578" y="843"/>
                    </a:lnTo>
                    <a:lnTo>
                      <a:pt x="2589" y="840"/>
                    </a:lnTo>
                    <a:lnTo>
                      <a:pt x="2599" y="838"/>
                    </a:lnTo>
                    <a:lnTo>
                      <a:pt x="2609" y="834"/>
                    </a:lnTo>
                    <a:lnTo>
                      <a:pt x="2630" y="826"/>
                    </a:lnTo>
                    <a:lnTo>
                      <a:pt x="2650" y="821"/>
                    </a:lnTo>
                    <a:lnTo>
                      <a:pt x="2659" y="821"/>
                    </a:lnTo>
                    <a:lnTo>
                      <a:pt x="2669" y="821"/>
                    </a:lnTo>
                    <a:lnTo>
                      <a:pt x="2678" y="824"/>
                    </a:lnTo>
                    <a:lnTo>
                      <a:pt x="2687" y="828"/>
                    </a:lnTo>
                    <a:lnTo>
                      <a:pt x="2687" y="828"/>
                    </a:lnTo>
                    <a:close/>
                  </a:path>
                </a:pathLst>
              </a:custGeom>
              <a:solidFill>
                <a:srgbClr val="0094CA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3" name="Freeform 240">
                <a:extLst>
                  <a:ext uri="{FF2B5EF4-FFF2-40B4-BE49-F238E27FC236}">
                    <a16:creationId xmlns:a16="http://schemas.microsoft.com/office/drawing/2014/main" id="{A89AC20B-B1F5-A448-A501-91539718CF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3800" y="4911474"/>
                <a:ext cx="704995" cy="1038626"/>
              </a:xfrm>
              <a:custGeom>
                <a:avLst/>
                <a:gdLst/>
                <a:ahLst/>
                <a:cxnLst>
                  <a:cxn ang="0">
                    <a:pos x="954" y="13"/>
                  </a:cxn>
                  <a:cxn ang="0">
                    <a:pos x="1034" y="9"/>
                  </a:cxn>
                  <a:cxn ang="0">
                    <a:pos x="999" y="82"/>
                  </a:cxn>
                  <a:cxn ang="0">
                    <a:pos x="1043" y="153"/>
                  </a:cxn>
                  <a:cxn ang="0">
                    <a:pos x="1129" y="145"/>
                  </a:cxn>
                  <a:cxn ang="0">
                    <a:pos x="1246" y="231"/>
                  </a:cxn>
                  <a:cxn ang="0">
                    <a:pos x="1354" y="219"/>
                  </a:cxn>
                  <a:cxn ang="0">
                    <a:pos x="1459" y="272"/>
                  </a:cxn>
                  <a:cxn ang="0">
                    <a:pos x="1478" y="345"/>
                  </a:cxn>
                  <a:cxn ang="0">
                    <a:pos x="1504" y="443"/>
                  </a:cxn>
                  <a:cxn ang="0">
                    <a:pos x="1543" y="507"/>
                  </a:cxn>
                  <a:cxn ang="0">
                    <a:pos x="1476" y="586"/>
                  </a:cxn>
                  <a:cxn ang="0">
                    <a:pos x="1305" y="639"/>
                  </a:cxn>
                  <a:cxn ang="0">
                    <a:pos x="1274" y="698"/>
                  </a:cxn>
                  <a:cxn ang="0">
                    <a:pos x="1248" y="844"/>
                  </a:cxn>
                  <a:cxn ang="0">
                    <a:pos x="1170" y="916"/>
                  </a:cxn>
                  <a:cxn ang="0">
                    <a:pos x="1126" y="964"/>
                  </a:cxn>
                  <a:cxn ang="0">
                    <a:pos x="1101" y="1107"/>
                  </a:cxn>
                  <a:cxn ang="0">
                    <a:pos x="919" y="1202"/>
                  </a:cxn>
                  <a:cxn ang="0">
                    <a:pos x="919" y="1292"/>
                  </a:cxn>
                  <a:cxn ang="0">
                    <a:pos x="932" y="1421"/>
                  </a:cxn>
                  <a:cxn ang="0">
                    <a:pos x="960" y="1494"/>
                  </a:cxn>
                  <a:cxn ang="0">
                    <a:pos x="816" y="1674"/>
                  </a:cxn>
                  <a:cxn ang="0">
                    <a:pos x="821" y="1838"/>
                  </a:cxn>
                  <a:cxn ang="0">
                    <a:pos x="876" y="1876"/>
                  </a:cxn>
                  <a:cxn ang="0">
                    <a:pos x="801" y="1923"/>
                  </a:cxn>
                  <a:cxn ang="0">
                    <a:pos x="737" y="1933"/>
                  </a:cxn>
                  <a:cxn ang="0">
                    <a:pos x="675" y="2015"/>
                  </a:cxn>
                  <a:cxn ang="0">
                    <a:pos x="605" y="2116"/>
                  </a:cxn>
                  <a:cxn ang="0">
                    <a:pos x="533" y="2269"/>
                  </a:cxn>
                  <a:cxn ang="0">
                    <a:pos x="421" y="2296"/>
                  </a:cxn>
                  <a:cxn ang="0">
                    <a:pos x="302" y="2204"/>
                  </a:cxn>
                  <a:cxn ang="0">
                    <a:pos x="206" y="2155"/>
                  </a:cxn>
                  <a:cxn ang="0">
                    <a:pos x="44" y="2143"/>
                  </a:cxn>
                  <a:cxn ang="0">
                    <a:pos x="12" y="2117"/>
                  </a:cxn>
                  <a:cxn ang="0">
                    <a:pos x="100" y="1987"/>
                  </a:cxn>
                  <a:cxn ang="0">
                    <a:pos x="191" y="1779"/>
                  </a:cxn>
                  <a:cxn ang="0">
                    <a:pos x="191" y="1719"/>
                  </a:cxn>
                  <a:cxn ang="0">
                    <a:pos x="258" y="1653"/>
                  </a:cxn>
                  <a:cxn ang="0">
                    <a:pos x="279" y="1535"/>
                  </a:cxn>
                  <a:cxn ang="0">
                    <a:pos x="303" y="1544"/>
                  </a:cxn>
                  <a:cxn ang="0">
                    <a:pos x="372" y="1564"/>
                  </a:cxn>
                  <a:cxn ang="0">
                    <a:pos x="362" y="1513"/>
                  </a:cxn>
                  <a:cxn ang="0">
                    <a:pos x="316" y="1520"/>
                  </a:cxn>
                  <a:cxn ang="0">
                    <a:pos x="272" y="1495"/>
                  </a:cxn>
                  <a:cxn ang="0">
                    <a:pos x="179" y="1503"/>
                  </a:cxn>
                  <a:cxn ang="0">
                    <a:pos x="140" y="1446"/>
                  </a:cxn>
                  <a:cxn ang="0">
                    <a:pos x="161" y="1381"/>
                  </a:cxn>
                  <a:cxn ang="0">
                    <a:pos x="257" y="1375"/>
                  </a:cxn>
                  <a:cxn ang="0">
                    <a:pos x="275" y="1331"/>
                  </a:cxn>
                  <a:cxn ang="0">
                    <a:pos x="134" y="1327"/>
                  </a:cxn>
                  <a:cxn ang="0">
                    <a:pos x="141" y="1249"/>
                  </a:cxn>
                  <a:cxn ang="0">
                    <a:pos x="206" y="1171"/>
                  </a:cxn>
                  <a:cxn ang="0">
                    <a:pos x="239" y="1109"/>
                  </a:cxn>
                  <a:cxn ang="0">
                    <a:pos x="262" y="1053"/>
                  </a:cxn>
                  <a:cxn ang="0">
                    <a:pos x="349" y="977"/>
                  </a:cxn>
                  <a:cxn ang="0">
                    <a:pos x="410" y="888"/>
                  </a:cxn>
                  <a:cxn ang="0">
                    <a:pos x="666" y="548"/>
                  </a:cxn>
                  <a:cxn ang="0">
                    <a:pos x="635" y="526"/>
                  </a:cxn>
                  <a:cxn ang="0">
                    <a:pos x="684" y="408"/>
                  </a:cxn>
                  <a:cxn ang="0">
                    <a:pos x="761" y="110"/>
                  </a:cxn>
                  <a:cxn ang="0">
                    <a:pos x="801" y="51"/>
                  </a:cxn>
                </a:cxnLst>
                <a:rect l="0" t="0" r="r" b="b"/>
                <a:pathLst>
                  <a:path w="1550" h="2298">
                    <a:moveTo>
                      <a:pt x="799" y="47"/>
                    </a:moveTo>
                    <a:lnTo>
                      <a:pt x="850" y="27"/>
                    </a:lnTo>
                    <a:lnTo>
                      <a:pt x="876" y="16"/>
                    </a:lnTo>
                    <a:lnTo>
                      <a:pt x="890" y="5"/>
                    </a:lnTo>
                    <a:lnTo>
                      <a:pt x="898" y="4"/>
                    </a:lnTo>
                    <a:lnTo>
                      <a:pt x="908" y="3"/>
                    </a:lnTo>
                    <a:lnTo>
                      <a:pt x="921" y="5"/>
                    </a:lnTo>
                    <a:lnTo>
                      <a:pt x="939" y="11"/>
                    </a:lnTo>
                    <a:lnTo>
                      <a:pt x="954" y="13"/>
                    </a:lnTo>
                    <a:lnTo>
                      <a:pt x="967" y="13"/>
                    </a:lnTo>
                    <a:lnTo>
                      <a:pt x="978" y="12"/>
                    </a:lnTo>
                    <a:lnTo>
                      <a:pt x="989" y="9"/>
                    </a:lnTo>
                    <a:lnTo>
                      <a:pt x="1000" y="7"/>
                    </a:lnTo>
                    <a:lnTo>
                      <a:pt x="1012" y="3"/>
                    </a:lnTo>
                    <a:lnTo>
                      <a:pt x="1024" y="2"/>
                    </a:lnTo>
                    <a:lnTo>
                      <a:pt x="1037" y="0"/>
                    </a:lnTo>
                    <a:lnTo>
                      <a:pt x="1037" y="4"/>
                    </a:lnTo>
                    <a:lnTo>
                      <a:pt x="1034" y="9"/>
                    </a:lnTo>
                    <a:lnTo>
                      <a:pt x="1030" y="15"/>
                    </a:lnTo>
                    <a:lnTo>
                      <a:pt x="1026" y="21"/>
                    </a:lnTo>
                    <a:lnTo>
                      <a:pt x="1016" y="33"/>
                    </a:lnTo>
                    <a:lnTo>
                      <a:pt x="1008" y="42"/>
                    </a:lnTo>
                    <a:lnTo>
                      <a:pt x="1005" y="47"/>
                    </a:lnTo>
                    <a:lnTo>
                      <a:pt x="1003" y="53"/>
                    </a:lnTo>
                    <a:lnTo>
                      <a:pt x="1000" y="60"/>
                    </a:lnTo>
                    <a:lnTo>
                      <a:pt x="999" y="68"/>
                    </a:lnTo>
                    <a:lnTo>
                      <a:pt x="999" y="82"/>
                    </a:lnTo>
                    <a:lnTo>
                      <a:pt x="1002" y="97"/>
                    </a:lnTo>
                    <a:lnTo>
                      <a:pt x="1005" y="112"/>
                    </a:lnTo>
                    <a:lnTo>
                      <a:pt x="1012" y="125"/>
                    </a:lnTo>
                    <a:lnTo>
                      <a:pt x="1016" y="131"/>
                    </a:lnTo>
                    <a:lnTo>
                      <a:pt x="1020" y="136"/>
                    </a:lnTo>
                    <a:lnTo>
                      <a:pt x="1025" y="141"/>
                    </a:lnTo>
                    <a:lnTo>
                      <a:pt x="1029" y="145"/>
                    </a:lnTo>
                    <a:lnTo>
                      <a:pt x="1037" y="151"/>
                    </a:lnTo>
                    <a:lnTo>
                      <a:pt x="1043" y="153"/>
                    </a:lnTo>
                    <a:lnTo>
                      <a:pt x="1048" y="156"/>
                    </a:lnTo>
                    <a:lnTo>
                      <a:pt x="1055" y="157"/>
                    </a:lnTo>
                    <a:lnTo>
                      <a:pt x="1065" y="157"/>
                    </a:lnTo>
                    <a:lnTo>
                      <a:pt x="1075" y="154"/>
                    </a:lnTo>
                    <a:lnTo>
                      <a:pt x="1086" y="152"/>
                    </a:lnTo>
                    <a:lnTo>
                      <a:pt x="1097" y="148"/>
                    </a:lnTo>
                    <a:lnTo>
                      <a:pt x="1109" y="145"/>
                    </a:lnTo>
                    <a:lnTo>
                      <a:pt x="1123" y="144"/>
                    </a:lnTo>
                    <a:lnTo>
                      <a:pt x="1129" y="145"/>
                    </a:lnTo>
                    <a:lnTo>
                      <a:pt x="1134" y="148"/>
                    </a:lnTo>
                    <a:lnTo>
                      <a:pt x="1141" y="151"/>
                    </a:lnTo>
                    <a:lnTo>
                      <a:pt x="1148" y="154"/>
                    </a:lnTo>
                    <a:lnTo>
                      <a:pt x="1164" y="165"/>
                    </a:lnTo>
                    <a:lnTo>
                      <a:pt x="1179" y="176"/>
                    </a:lnTo>
                    <a:lnTo>
                      <a:pt x="1208" y="202"/>
                    </a:lnTo>
                    <a:lnTo>
                      <a:pt x="1230" y="222"/>
                    </a:lnTo>
                    <a:lnTo>
                      <a:pt x="1237" y="227"/>
                    </a:lnTo>
                    <a:lnTo>
                      <a:pt x="1246" y="231"/>
                    </a:lnTo>
                    <a:lnTo>
                      <a:pt x="1255" y="233"/>
                    </a:lnTo>
                    <a:lnTo>
                      <a:pt x="1265" y="233"/>
                    </a:lnTo>
                    <a:lnTo>
                      <a:pt x="1285" y="231"/>
                    </a:lnTo>
                    <a:lnTo>
                      <a:pt x="1306" y="226"/>
                    </a:lnTo>
                    <a:lnTo>
                      <a:pt x="1315" y="223"/>
                    </a:lnTo>
                    <a:lnTo>
                      <a:pt x="1325" y="220"/>
                    </a:lnTo>
                    <a:lnTo>
                      <a:pt x="1336" y="219"/>
                    </a:lnTo>
                    <a:lnTo>
                      <a:pt x="1345" y="219"/>
                    </a:lnTo>
                    <a:lnTo>
                      <a:pt x="1354" y="219"/>
                    </a:lnTo>
                    <a:lnTo>
                      <a:pt x="1363" y="223"/>
                    </a:lnTo>
                    <a:lnTo>
                      <a:pt x="1371" y="227"/>
                    </a:lnTo>
                    <a:lnTo>
                      <a:pt x="1377" y="235"/>
                    </a:lnTo>
                    <a:lnTo>
                      <a:pt x="1393" y="239"/>
                    </a:lnTo>
                    <a:lnTo>
                      <a:pt x="1406" y="244"/>
                    </a:lnTo>
                    <a:lnTo>
                      <a:pt x="1419" y="252"/>
                    </a:lnTo>
                    <a:lnTo>
                      <a:pt x="1432" y="258"/>
                    </a:lnTo>
                    <a:lnTo>
                      <a:pt x="1445" y="266"/>
                    </a:lnTo>
                    <a:lnTo>
                      <a:pt x="1459" y="272"/>
                    </a:lnTo>
                    <a:lnTo>
                      <a:pt x="1473" y="277"/>
                    </a:lnTo>
                    <a:lnTo>
                      <a:pt x="1487" y="283"/>
                    </a:lnTo>
                    <a:lnTo>
                      <a:pt x="1490" y="289"/>
                    </a:lnTo>
                    <a:lnTo>
                      <a:pt x="1490" y="297"/>
                    </a:lnTo>
                    <a:lnTo>
                      <a:pt x="1489" y="302"/>
                    </a:lnTo>
                    <a:lnTo>
                      <a:pt x="1487" y="309"/>
                    </a:lnTo>
                    <a:lnTo>
                      <a:pt x="1483" y="320"/>
                    </a:lnTo>
                    <a:lnTo>
                      <a:pt x="1480" y="334"/>
                    </a:lnTo>
                    <a:lnTo>
                      <a:pt x="1478" y="345"/>
                    </a:lnTo>
                    <a:lnTo>
                      <a:pt x="1477" y="357"/>
                    </a:lnTo>
                    <a:lnTo>
                      <a:pt x="1476" y="369"/>
                    </a:lnTo>
                    <a:lnTo>
                      <a:pt x="1476" y="382"/>
                    </a:lnTo>
                    <a:lnTo>
                      <a:pt x="1477" y="395"/>
                    </a:lnTo>
                    <a:lnTo>
                      <a:pt x="1478" y="408"/>
                    </a:lnTo>
                    <a:lnTo>
                      <a:pt x="1482" y="419"/>
                    </a:lnTo>
                    <a:lnTo>
                      <a:pt x="1487" y="426"/>
                    </a:lnTo>
                    <a:lnTo>
                      <a:pt x="1495" y="436"/>
                    </a:lnTo>
                    <a:lnTo>
                      <a:pt x="1504" y="443"/>
                    </a:lnTo>
                    <a:lnTo>
                      <a:pt x="1515" y="450"/>
                    </a:lnTo>
                    <a:lnTo>
                      <a:pt x="1525" y="456"/>
                    </a:lnTo>
                    <a:lnTo>
                      <a:pt x="1534" y="464"/>
                    </a:lnTo>
                    <a:lnTo>
                      <a:pt x="1542" y="472"/>
                    </a:lnTo>
                    <a:lnTo>
                      <a:pt x="1544" y="477"/>
                    </a:lnTo>
                    <a:lnTo>
                      <a:pt x="1547" y="482"/>
                    </a:lnTo>
                    <a:lnTo>
                      <a:pt x="1548" y="487"/>
                    </a:lnTo>
                    <a:lnTo>
                      <a:pt x="1550" y="494"/>
                    </a:lnTo>
                    <a:lnTo>
                      <a:pt x="1543" y="507"/>
                    </a:lnTo>
                    <a:lnTo>
                      <a:pt x="1538" y="520"/>
                    </a:lnTo>
                    <a:lnTo>
                      <a:pt x="1530" y="534"/>
                    </a:lnTo>
                    <a:lnTo>
                      <a:pt x="1522" y="547"/>
                    </a:lnTo>
                    <a:lnTo>
                      <a:pt x="1512" y="559"/>
                    </a:lnTo>
                    <a:lnTo>
                      <a:pt x="1502" y="570"/>
                    </a:lnTo>
                    <a:lnTo>
                      <a:pt x="1495" y="574"/>
                    </a:lnTo>
                    <a:lnTo>
                      <a:pt x="1490" y="579"/>
                    </a:lnTo>
                    <a:lnTo>
                      <a:pt x="1483" y="582"/>
                    </a:lnTo>
                    <a:lnTo>
                      <a:pt x="1476" y="586"/>
                    </a:lnTo>
                    <a:lnTo>
                      <a:pt x="1451" y="595"/>
                    </a:lnTo>
                    <a:lnTo>
                      <a:pt x="1428" y="604"/>
                    </a:lnTo>
                    <a:lnTo>
                      <a:pt x="1404" y="610"/>
                    </a:lnTo>
                    <a:lnTo>
                      <a:pt x="1377" y="616"/>
                    </a:lnTo>
                    <a:lnTo>
                      <a:pt x="1364" y="618"/>
                    </a:lnTo>
                    <a:lnTo>
                      <a:pt x="1349" y="622"/>
                    </a:lnTo>
                    <a:lnTo>
                      <a:pt x="1333" y="626"/>
                    </a:lnTo>
                    <a:lnTo>
                      <a:pt x="1318" y="632"/>
                    </a:lnTo>
                    <a:lnTo>
                      <a:pt x="1305" y="639"/>
                    </a:lnTo>
                    <a:lnTo>
                      <a:pt x="1292" y="648"/>
                    </a:lnTo>
                    <a:lnTo>
                      <a:pt x="1287" y="653"/>
                    </a:lnTo>
                    <a:lnTo>
                      <a:pt x="1281" y="658"/>
                    </a:lnTo>
                    <a:lnTo>
                      <a:pt x="1278" y="665"/>
                    </a:lnTo>
                    <a:lnTo>
                      <a:pt x="1275" y="671"/>
                    </a:lnTo>
                    <a:lnTo>
                      <a:pt x="1274" y="678"/>
                    </a:lnTo>
                    <a:lnTo>
                      <a:pt x="1272" y="684"/>
                    </a:lnTo>
                    <a:lnTo>
                      <a:pt x="1272" y="692"/>
                    </a:lnTo>
                    <a:lnTo>
                      <a:pt x="1274" y="698"/>
                    </a:lnTo>
                    <a:lnTo>
                      <a:pt x="1275" y="713"/>
                    </a:lnTo>
                    <a:lnTo>
                      <a:pt x="1275" y="727"/>
                    </a:lnTo>
                    <a:lnTo>
                      <a:pt x="1272" y="746"/>
                    </a:lnTo>
                    <a:lnTo>
                      <a:pt x="1268" y="766"/>
                    </a:lnTo>
                    <a:lnTo>
                      <a:pt x="1265" y="784"/>
                    </a:lnTo>
                    <a:lnTo>
                      <a:pt x="1261" y="803"/>
                    </a:lnTo>
                    <a:lnTo>
                      <a:pt x="1257" y="816"/>
                    </a:lnTo>
                    <a:lnTo>
                      <a:pt x="1253" y="829"/>
                    </a:lnTo>
                    <a:lnTo>
                      <a:pt x="1248" y="844"/>
                    </a:lnTo>
                    <a:lnTo>
                      <a:pt x="1243" y="858"/>
                    </a:lnTo>
                    <a:lnTo>
                      <a:pt x="1235" y="872"/>
                    </a:lnTo>
                    <a:lnTo>
                      <a:pt x="1227" y="885"/>
                    </a:lnTo>
                    <a:lnTo>
                      <a:pt x="1219" y="895"/>
                    </a:lnTo>
                    <a:lnTo>
                      <a:pt x="1210" y="904"/>
                    </a:lnTo>
                    <a:lnTo>
                      <a:pt x="1200" y="910"/>
                    </a:lnTo>
                    <a:lnTo>
                      <a:pt x="1191" y="914"/>
                    </a:lnTo>
                    <a:lnTo>
                      <a:pt x="1180" y="915"/>
                    </a:lnTo>
                    <a:lnTo>
                      <a:pt x="1170" y="916"/>
                    </a:lnTo>
                    <a:lnTo>
                      <a:pt x="1161" y="917"/>
                    </a:lnTo>
                    <a:lnTo>
                      <a:pt x="1152" y="917"/>
                    </a:lnTo>
                    <a:lnTo>
                      <a:pt x="1144" y="920"/>
                    </a:lnTo>
                    <a:lnTo>
                      <a:pt x="1136" y="924"/>
                    </a:lnTo>
                    <a:lnTo>
                      <a:pt x="1132" y="929"/>
                    </a:lnTo>
                    <a:lnTo>
                      <a:pt x="1130" y="934"/>
                    </a:lnTo>
                    <a:lnTo>
                      <a:pt x="1127" y="941"/>
                    </a:lnTo>
                    <a:lnTo>
                      <a:pt x="1126" y="947"/>
                    </a:lnTo>
                    <a:lnTo>
                      <a:pt x="1126" y="964"/>
                    </a:lnTo>
                    <a:lnTo>
                      <a:pt x="1127" y="982"/>
                    </a:lnTo>
                    <a:lnTo>
                      <a:pt x="1130" y="1000"/>
                    </a:lnTo>
                    <a:lnTo>
                      <a:pt x="1131" y="1018"/>
                    </a:lnTo>
                    <a:lnTo>
                      <a:pt x="1132" y="1035"/>
                    </a:lnTo>
                    <a:lnTo>
                      <a:pt x="1131" y="1048"/>
                    </a:lnTo>
                    <a:lnTo>
                      <a:pt x="1127" y="1061"/>
                    </a:lnTo>
                    <a:lnTo>
                      <a:pt x="1121" y="1077"/>
                    </a:lnTo>
                    <a:lnTo>
                      <a:pt x="1112" y="1091"/>
                    </a:lnTo>
                    <a:lnTo>
                      <a:pt x="1101" y="1107"/>
                    </a:lnTo>
                    <a:lnTo>
                      <a:pt x="1078" y="1136"/>
                    </a:lnTo>
                    <a:lnTo>
                      <a:pt x="1059" y="1160"/>
                    </a:lnTo>
                    <a:lnTo>
                      <a:pt x="1033" y="1191"/>
                    </a:lnTo>
                    <a:lnTo>
                      <a:pt x="930" y="1166"/>
                    </a:lnTo>
                    <a:lnTo>
                      <a:pt x="926" y="1177"/>
                    </a:lnTo>
                    <a:lnTo>
                      <a:pt x="923" y="1186"/>
                    </a:lnTo>
                    <a:lnTo>
                      <a:pt x="920" y="1191"/>
                    </a:lnTo>
                    <a:lnTo>
                      <a:pt x="919" y="1196"/>
                    </a:lnTo>
                    <a:lnTo>
                      <a:pt x="919" y="1202"/>
                    </a:lnTo>
                    <a:lnTo>
                      <a:pt x="919" y="1209"/>
                    </a:lnTo>
                    <a:lnTo>
                      <a:pt x="920" y="1219"/>
                    </a:lnTo>
                    <a:lnTo>
                      <a:pt x="920" y="1230"/>
                    </a:lnTo>
                    <a:lnTo>
                      <a:pt x="919" y="1240"/>
                    </a:lnTo>
                    <a:lnTo>
                      <a:pt x="917" y="1250"/>
                    </a:lnTo>
                    <a:lnTo>
                      <a:pt x="916" y="1261"/>
                    </a:lnTo>
                    <a:lnTo>
                      <a:pt x="916" y="1271"/>
                    </a:lnTo>
                    <a:lnTo>
                      <a:pt x="916" y="1281"/>
                    </a:lnTo>
                    <a:lnTo>
                      <a:pt x="919" y="1292"/>
                    </a:lnTo>
                    <a:lnTo>
                      <a:pt x="924" y="1306"/>
                    </a:lnTo>
                    <a:lnTo>
                      <a:pt x="926" y="1320"/>
                    </a:lnTo>
                    <a:lnTo>
                      <a:pt x="928" y="1333"/>
                    </a:lnTo>
                    <a:lnTo>
                      <a:pt x="928" y="1346"/>
                    </a:lnTo>
                    <a:lnTo>
                      <a:pt x="928" y="1372"/>
                    </a:lnTo>
                    <a:lnTo>
                      <a:pt x="926" y="1401"/>
                    </a:lnTo>
                    <a:lnTo>
                      <a:pt x="926" y="1407"/>
                    </a:lnTo>
                    <a:lnTo>
                      <a:pt x="929" y="1414"/>
                    </a:lnTo>
                    <a:lnTo>
                      <a:pt x="932" y="1421"/>
                    </a:lnTo>
                    <a:lnTo>
                      <a:pt x="936" y="1428"/>
                    </a:lnTo>
                    <a:lnTo>
                      <a:pt x="945" y="1441"/>
                    </a:lnTo>
                    <a:lnTo>
                      <a:pt x="954" y="1452"/>
                    </a:lnTo>
                    <a:lnTo>
                      <a:pt x="961" y="1465"/>
                    </a:lnTo>
                    <a:lnTo>
                      <a:pt x="965" y="1476"/>
                    </a:lnTo>
                    <a:lnTo>
                      <a:pt x="967" y="1481"/>
                    </a:lnTo>
                    <a:lnTo>
                      <a:pt x="967" y="1485"/>
                    </a:lnTo>
                    <a:lnTo>
                      <a:pt x="964" y="1490"/>
                    </a:lnTo>
                    <a:lnTo>
                      <a:pt x="960" y="1494"/>
                    </a:lnTo>
                    <a:lnTo>
                      <a:pt x="889" y="1555"/>
                    </a:lnTo>
                    <a:lnTo>
                      <a:pt x="875" y="1568"/>
                    </a:lnTo>
                    <a:lnTo>
                      <a:pt x="863" y="1581"/>
                    </a:lnTo>
                    <a:lnTo>
                      <a:pt x="851" y="1594"/>
                    </a:lnTo>
                    <a:lnTo>
                      <a:pt x="842" y="1608"/>
                    </a:lnTo>
                    <a:lnTo>
                      <a:pt x="834" y="1622"/>
                    </a:lnTo>
                    <a:lnTo>
                      <a:pt x="827" y="1639"/>
                    </a:lnTo>
                    <a:lnTo>
                      <a:pt x="821" y="1656"/>
                    </a:lnTo>
                    <a:lnTo>
                      <a:pt x="816" y="1674"/>
                    </a:lnTo>
                    <a:lnTo>
                      <a:pt x="810" y="1704"/>
                    </a:lnTo>
                    <a:lnTo>
                      <a:pt x="805" y="1734"/>
                    </a:lnTo>
                    <a:lnTo>
                      <a:pt x="801" y="1765"/>
                    </a:lnTo>
                    <a:lnTo>
                      <a:pt x="799" y="1794"/>
                    </a:lnTo>
                    <a:lnTo>
                      <a:pt x="801" y="1806"/>
                    </a:lnTo>
                    <a:lnTo>
                      <a:pt x="803" y="1816"/>
                    </a:lnTo>
                    <a:lnTo>
                      <a:pt x="809" y="1824"/>
                    </a:lnTo>
                    <a:lnTo>
                      <a:pt x="815" y="1832"/>
                    </a:lnTo>
                    <a:lnTo>
                      <a:pt x="821" y="1838"/>
                    </a:lnTo>
                    <a:lnTo>
                      <a:pt x="831" y="1844"/>
                    </a:lnTo>
                    <a:lnTo>
                      <a:pt x="838" y="1848"/>
                    </a:lnTo>
                    <a:lnTo>
                      <a:pt x="846" y="1851"/>
                    </a:lnTo>
                    <a:lnTo>
                      <a:pt x="854" y="1855"/>
                    </a:lnTo>
                    <a:lnTo>
                      <a:pt x="862" y="1859"/>
                    </a:lnTo>
                    <a:lnTo>
                      <a:pt x="867" y="1862"/>
                    </a:lnTo>
                    <a:lnTo>
                      <a:pt x="872" y="1867"/>
                    </a:lnTo>
                    <a:lnTo>
                      <a:pt x="875" y="1871"/>
                    </a:lnTo>
                    <a:lnTo>
                      <a:pt x="876" y="1876"/>
                    </a:lnTo>
                    <a:lnTo>
                      <a:pt x="875" y="1883"/>
                    </a:lnTo>
                    <a:lnTo>
                      <a:pt x="869" y="1890"/>
                    </a:lnTo>
                    <a:lnTo>
                      <a:pt x="860" y="1902"/>
                    </a:lnTo>
                    <a:lnTo>
                      <a:pt x="853" y="1911"/>
                    </a:lnTo>
                    <a:lnTo>
                      <a:pt x="844" y="1917"/>
                    </a:lnTo>
                    <a:lnTo>
                      <a:pt x="834" y="1921"/>
                    </a:lnTo>
                    <a:lnTo>
                      <a:pt x="825" y="1924"/>
                    </a:lnTo>
                    <a:lnTo>
                      <a:pt x="814" y="1924"/>
                    </a:lnTo>
                    <a:lnTo>
                      <a:pt x="801" y="1923"/>
                    </a:lnTo>
                    <a:lnTo>
                      <a:pt x="787" y="1921"/>
                    </a:lnTo>
                    <a:lnTo>
                      <a:pt x="779" y="1920"/>
                    </a:lnTo>
                    <a:lnTo>
                      <a:pt x="771" y="1920"/>
                    </a:lnTo>
                    <a:lnTo>
                      <a:pt x="764" y="1921"/>
                    </a:lnTo>
                    <a:lnTo>
                      <a:pt x="758" y="1923"/>
                    </a:lnTo>
                    <a:lnTo>
                      <a:pt x="752" y="1924"/>
                    </a:lnTo>
                    <a:lnTo>
                      <a:pt x="746" y="1927"/>
                    </a:lnTo>
                    <a:lnTo>
                      <a:pt x="741" y="1930"/>
                    </a:lnTo>
                    <a:lnTo>
                      <a:pt x="737" y="1933"/>
                    </a:lnTo>
                    <a:lnTo>
                      <a:pt x="728" y="1942"/>
                    </a:lnTo>
                    <a:lnTo>
                      <a:pt x="720" y="1951"/>
                    </a:lnTo>
                    <a:lnTo>
                      <a:pt x="713" y="1962"/>
                    </a:lnTo>
                    <a:lnTo>
                      <a:pt x="705" y="1973"/>
                    </a:lnTo>
                    <a:lnTo>
                      <a:pt x="701" y="1982"/>
                    </a:lnTo>
                    <a:lnTo>
                      <a:pt x="697" y="1989"/>
                    </a:lnTo>
                    <a:lnTo>
                      <a:pt x="692" y="1997"/>
                    </a:lnTo>
                    <a:lnTo>
                      <a:pt x="687" y="2003"/>
                    </a:lnTo>
                    <a:lnTo>
                      <a:pt x="675" y="2015"/>
                    </a:lnTo>
                    <a:lnTo>
                      <a:pt x="662" y="2026"/>
                    </a:lnTo>
                    <a:lnTo>
                      <a:pt x="649" y="2038"/>
                    </a:lnTo>
                    <a:lnTo>
                      <a:pt x="638" y="2050"/>
                    </a:lnTo>
                    <a:lnTo>
                      <a:pt x="631" y="2056"/>
                    </a:lnTo>
                    <a:lnTo>
                      <a:pt x="626" y="2063"/>
                    </a:lnTo>
                    <a:lnTo>
                      <a:pt x="622" y="2070"/>
                    </a:lnTo>
                    <a:lnTo>
                      <a:pt x="618" y="2078"/>
                    </a:lnTo>
                    <a:lnTo>
                      <a:pt x="612" y="2096"/>
                    </a:lnTo>
                    <a:lnTo>
                      <a:pt x="605" y="2116"/>
                    </a:lnTo>
                    <a:lnTo>
                      <a:pt x="600" y="2138"/>
                    </a:lnTo>
                    <a:lnTo>
                      <a:pt x="596" y="2160"/>
                    </a:lnTo>
                    <a:lnTo>
                      <a:pt x="592" y="2183"/>
                    </a:lnTo>
                    <a:lnTo>
                      <a:pt x="591" y="2205"/>
                    </a:lnTo>
                    <a:lnTo>
                      <a:pt x="588" y="2226"/>
                    </a:lnTo>
                    <a:lnTo>
                      <a:pt x="588" y="2245"/>
                    </a:lnTo>
                    <a:lnTo>
                      <a:pt x="569" y="2252"/>
                    </a:lnTo>
                    <a:lnTo>
                      <a:pt x="551" y="2259"/>
                    </a:lnTo>
                    <a:lnTo>
                      <a:pt x="533" y="2269"/>
                    </a:lnTo>
                    <a:lnTo>
                      <a:pt x="514" y="2278"/>
                    </a:lnTo>
                    <a:lnTo>
                      <a:pt x="495" y="2285"/>
                    </a:lnTo>
                    <a:lnTo>
                      <a:pt x="477" y="2292"/>
                    </a:lnTo>
                    <a:lnTo>
                      <a:pt x="467" y="2294"/>
                    </a:lnTo>
                    <a:lnTo>
                      <a:pt x="456" y="2297"/>
                    </a:lnTo>
                    <a:lnTo>
                      <a:pt x="447" y="2298"/>
                    </a:lnTo>
                    <a:lnTo>
                      <a:pt x="435" y="2298"/>
                    </a:lnTo>
                    <a:lnTo>
                      <a:pt x="429" y="2298"/>
                    </a:lnTo>
                    <a:lnTo>
                      <a:pt x="421" y="2296"/>
                    </a:lnTo>
                    <a:lnTo>
                      <a:pt x="413" y="2292"/>
                    </a:lnTo>
                    <a:lnTo>
                      <a:pt x="406" y="2288"/>
                    </a:lnTo>
                    <a:lnTo>
                      <a:pt x="389" y="2276"/>
                    </a:lnTo>
                    <a:lnTo>
                      <a:pt x="373" y="2262"/>
                    </a:lnTo>
                    <a:lnTo>
                      <a:pt x="356" y="2248"/>
                    </a:lnTo>
                    <a:lnTo>
                      <a:pt x="341" y="2232"/>
                    </a:lnTo>
                    <a:lnTo>
                      <a:pt x="327" y="2219"/>
                    </a:lnTo>
                    <a:lnTo>
                      <a:pt x="312" y="2209"/>
                    </a:lnTo>
                    <a:lnTo>
                      <a:pt x="302" y="2204"/>
                    </a:lnTo>
                    <a:lnTo>
                      <a:pt x="292" y="2199"/>
                    </a:lnTo>
                    <a:lnTo>
                      <a:pt x="281" y="2196"/>
                    </a:lnTo>
                    <a:lnTo>
                      <a:pt x="271" y="2192"/>
                    </a:lnTo>
                    <a:lnTo>
                      <a:pt x="259" y="2190"/>
                    </a:lnTo>
                    <a:lnTo>
                      <a:pt x="249" y="2186"/>
                    </a:lnTo>
                    <a:lnTo>
                      <a:pt x="239" y="2179"/>
                    </a:lnTo>
                    <a:lnTo>
                      <a:pt x="228" y="2173"/>
                    </a:lnTo>
                    <a:lnTo>
                      <a:pt x="216" y="2164"/>
                    </a:lnTo>
                    <a:lnTo>
                      <a:pt x="206" y="2155"/>
                    </a:lnTo>
                    <a:lnTo>
                      <a:pt x="196" y="2147"/>
                    </a:lnTo>
                    <a:lnTo>
                      <a:pt x="184" y="2142"/>
                    </a:lnTo>
                    <a:lnTo>
                      <a:pt x="172" y="2136"/>
                    </a:lnTo>
                    <a:lnTo>
                      <a:pt x="161" y="2133"/>
                    </a:lnTo>
                    <a:lnTo>
                      <a:pt x="148" y="2131"/>
                    </a:lnTo>
                    <a:lnTo>
                      <a:pt x="132" y="2131"/>
                    </a:lnTo>
                    <a:lnTo>
                      <a:pt x="104" y="2135"/>
                    </a:lnTo>
                    <a:lnTo>
                      <a:pt x="65" y="2140"/>
                    </a:lnTo>
                    <a:lnTo>
                      <a:pt x="44" y="2143"/>
                    </a:lnTo>
                    <a:lnTo>
                      <a:pt x="25" y="2144"/>
                    </a:lnTo>
                    <a:lnTo>
                      <a:pt x="17" y="2144"/>
                    </a:lnTo>
                    <a:lnTo>
                      <a:pt x="11" y="2143"/>
                    </a:lnTo>
                    <a:lnTo>
                      <a:pt x="4" y="2142"/>
                    </a:lnTo>
                    <a:lnTo>
                      <a:pt x="0" y="2140"/>
                    </a:lnTo>
                    <a:lnTo>
                      <a:pt x="0" y="2135"/>
                    </a:lnTo>
                    <a:lnTo>
                      <a:pt x="3" y="2130"/>
                    </a:lnTo>
                    <a:lnTo>
                      <a:pt x="7" y="2123"/>
                    </a:lnTo>
                    <a:lnTo>
                      <a:pt x="12" y="2117"/>
                    </a:lnTo>
                    <a:lnTo>
                      <a:pt x="25" y="2101"/>
                    </a:lnTo>
                    <a:lnTo>
                      <a:pt x="40" y="2085"/>
                    </a:lnTo>
                    <a:lnTo>
                      <a:pt x="55" y="2066"/>
                    </a:lnTo>
                    <a:lnTo>
                      <a:pt x="69" y="2048"/>
                    </a:lnTo>
                    <a:lnTo>
                      <a:pt x="74" y="2038"/>
                    </a:lnTo>
                    <a:lnTo>
                      <a:pt x="78" y="2029"/>
                    </a:lnTo>
                    <a:lnTo>
                      <a:pt x="82" y="2020"/>
                    </a:lnTo>
                    <a:lnTo>
                      <a:pt x="83" y="2011"/>
                    </a:lnTo>
                    <a:lnTo>
                      <a:pt x="100" y="1987"/>
                    </a:lnTo>
                    <a:lnTo>
                      <a:pt x="119" y="1958"/>
                    </a:lnTo>
                    <a:lnTo>
                      <a:pt x="140" y="1924"/>
                    </a:lnTo>
                    <a:lnTo>
                      <a:pt x="158" y="1886"/>
                    </a:lnTo>
                    <a:lnTo>
                      <a:pt x="167" y="1868"/>
                    </a:lnTo>
                    <a:lnTo>
                      <a:pt x="174" y="1849"/>
                    </a:lnTo>
                    <a:lnTo>
                      <a:pt x="180" y="1831"/>
                    </a:lnTo>
                    <a:lnTo>
                      <a:pt x="185" y="1813"/>
                    </a:lnTo>
                    <a:lnTo>
                      <a:pt x="189" y="1796"/>
                    </a:lnTo>
                    <a:lnTo>
                      <a:pt x="191" y="1779"/>
                    </a:lnTo>
                    <a:lnTo>
                      <a:pt x="191" y="1765"/>
                    </a:lnTo>
                    <a:lnTo>
                      <a:pt x="188" y="1750"/>
                    </a:lnTo>
                    <a:lnTo>
                      <a:pt x="185" y="1744"/>
                    </a:lnTo>
                    <a:lnTo>
                      <a:pt x="185" y="1737"/>
                    </a:lnTo>
                    <a:lnTo>
                      <a:pt x="185" y="1732"/>
                    </a:lnTo>
                    <a:lnTo>
                      <a:pt x="185" y="1728"/>
                    </a:lnTo>
                    <a:lnTo>
                      <a:pt x="187" y="1724"/>
                    </a:lnTo>
                    <a:lnTo>
                      <a:pt x="188" y="1722"/>
                    </a:lnTo>
                    <a:lnTo>
                      <a:pt x="191" y="1719"/>
                    </a:lnTo>
                    <a:lnTo>
                      <a:pt x="193" y="1717"/>
                    </a:lnTo>
                    <a:lnTo>
                      <a:pt x="200" y="1713"/>
                    </a:lnTo>
                    <a:lnTo>
                      <a:pt x="207" y="1709"/>
                    </a:lnTo>
                    <a:lnTo>
                      <a:pt x="215" y="1702"/>
                    </a:lnTo>
                    <a:lnTo>
                      <a:pt x="222" y="1695"/>
                    </a:lnTo>
                    <a:lnTo>
                      <a:pt x="229" y="1684"/>
                    </a:lnTo>
                    <a:lnTo>
                      <a:pt x="240" y="1674"/>
                    </a:lnTo>
                    <a:lnTo>
                      <a:pt x="249" y="1665"/>
                    </a:lnTo>
                    <a:lnTo>
                      <a:pt x="258" y="1653"/>
                    </a:lnTo>
                    <a:lnTo>
                      <a:pt x="263" y="1645"/>
                    </a:lnTo>
                    <a:lnTo>
                      <a:pt x="268" y="1638"/>
                    </a:lnTo>
                    <a:lnTo>
                      <a:pt x="271" y="1629"/>
                    </a:lnTo>
                    <a:lnTo>
                      <a:pt x="273" y="1621"/>
                    </a:lnTo>
                    <a:lnTo>
                      <a:pt x="276" y="1604"/>
                    </a:lnTo>
                    <a:lnTo>
                      <a:pt x="277" y="1587"/>
                    </a:lnTo>
                    <a:lnTo>
                      <a:pt x="277" y="1569"/>
                    </a:lnTo>
                    <a:lnTo>
                      <a:pt x="277" y="1552"/>
                    </a:lnTo>
                    <a:lnTo>
                      <a:pt x="279" y="1535"/>
                    </a:lnTo>
                    <a:lnTo>
                      <a:pt x="283" y="1518"/>
                    </a:lnTo>
                    <a:lnTo>
                      <a:pt x="284" y="1520"/>
                    </a:lnTo>
                    <a:lnTo>
                      <a:pt x="285" y="1521"/>
                    </a:lnTo>
                    <a:lnTo>
                      <a:pt x="288" y="1522"/>
                    </a:lnTo>
                    <a:lnTo>
                      <a:pt x="289" y="1525"/>
                    </a:lnTo>
                    <a:lnTo>
                      <a:pt x="292" y="1531"/>
                    </a:lnTo>
                    <a:lnTo>
                      <a:pt x="293" y="1537"/>
                    </a:lnTo>
                    <a:lnTo>
                      <a:pt x="298" y="1541"/>
                    </a:lnTo>
                    <a:lnTo>
                      <a:pt x="303" y="1544"/>
                    </a:lnTo>
                    <a:lnTo>
                      <a:pt x="310" y="1547"/>
                    </a:lnTo>
                    <a:lnTo>
                      <a:pt x="315" y="1550"/>
                    </a:lnTo>
                    <a:lnTo>
                      <a:pt x="327" y="1556"/>
                    </a:lnTo>
                    <a:lnTo>
                      <a:pt x="343" y="1564"/>
                    </a:lnTo>
                    <a:lnTo>
                      <a:pt x="353" y="1566"/>
                    </a:lnTo>
                    <a:lnTo>
                      <a:pt x="360" y="1569"/>
                    </a:lnTo>
                    <a:lnTo>
                      <a:pt x="367" y="1570"/>
                    </a:lnTo>
                    <a:lnTo>
                      <a:pt x="373" y="1570"/>
                    </a:lnTo>
                    <a:lnTo>
                      <a:pt x="372" y="1564"/>
                    </a:lnTo>
                    <a:lnTo>
                      <a:pt x="369" y="1557"/>
                    </a:lnTo>
                    <a:lnTo>
                      <a:pt x="367" y="1553"/>
                    </a:lnTo>
                    <a:lnTo>
                      <a:pt x="364" y="1550"/>
                    </a:lnTo>
                    <a:lnTo>
                      <a:pt x="362" y="1544"/>
                    </a:lnTo>
                    <a:lnTo>
                      <a:pt x="359" y="1539"/>
                    </a:lnTo>
                    <a:lnTo>
                      <a:pt x="359" y="1533"/>
                    </a:lnTo>
                    <a:lnTo>
                      <a:pt x="360" y="1524"/>
                    </a:lnTo>
                    <a:lnTo>
                      <a:pt x="362" y="1517"/>
                    </a:lnTo>
                    <a:lnTo>
                      <a:pt x="362" y="1513"/>
                    </a:lnTo>
                    <a:lnTo>
                      <a:pt x="362" y="1509"/>
                    </a:lnTo>
                    <a:lnTo>
                      <a:pt x="360" y="1508"/>
                    </a:lnTo>
                    <a:lnTo>
                      <a:pt x="358" y="1507"/>
                    </a:lnTo>
                    <a:lnTo>
                      <a:pt x="356" y="1507"/>
                    </a:lnTo>
                    <a:lnTo>
                      <a:pt x="354" y="1507"/>
                    </a:lnTo>
                    <a:lnTo>
                      <a:pt x="350" y="1508"/>
                    </a:lnTo>
                    <a:lnTo>
                      <a:pt x="337" y="1516"/>
                    </a:lnTo>
                    <a:lnTo>
                      <a:pt x="323" y="1521"/>
                    </a:lnTo>
                    <a:lnTo>
                      <a:pt x="316" y="1520"/>
                    </a:lnTo>
                    <a:lnTo>
                      <a:pt x="311" y="1517"/>
                    </a:lnTo>
                    <a:lnTo>
                      <a:pt x="308" y="1513"/>
                    </a:lnTo>
                    <a:lnTo>
                      <a:pt x="306" y="1508"/>
                    </a:lnTo>
                    <a:lnTo>
                      <a:pt x="303" y="1503"/>
                    </a:lnTo>
                    <a:lnTo>
                      <a:pt x="299" y="1499"/>
                    </a:lnTo>
                    <a:lnTo>
                      <a:pt x="294" y="1495"/>
                    </a:lnTo>
                    <a:lnTo>
                      <a:pt x="288" y="1493"/>
                    </a:lnTo>
                    <a:lnTo>
                      <a:pt x="280" y="1494"/>
                    </a:lnTo>
                    <a:lnTo>
                      <a:pt x="272" y="1495"/>
                    </a:lnTo>
                    <a:lnTo>
                      <a:pt x="263" y="1498"/>
                    </a:lnTo>
                    <a:lnTo>
                      <a:pt x="255" y="1502"/>
                    </a:lnTo>
                    <a:lnTo>
                      <a:pt x="240" y="1508"/>
                    </a:lnTo>
                    <a:lnTo>
                      <a:pt x="224" y="1513"/>
                    </a:lnTo>
                    <a:lnTo>
                      <a:pt x="215" y="1513"/>
                    </a:lnTo>
                    <a:lnTo>
                      <a:pt x="207" y="1513"/>
                    </a:lnTo>
                    <a:lnTo>
                      <a:pt x="200" y="1512"/>
                    </a:lnTo>
                    <a:lnTo>
                      <a:pt x="193" y="1509"/>
                    </a:lnTo>
                    <a:lnTo>
                      <a:pt x="179" y="1503"/>
                    </a:lnTo>
                    <a:lnTo>
                      <a:pt x="165" y="1496"/>
                    </a:lnTo>
                    <a:lnTo>
                      <a:pt x="135" y="1487"/>
                    </a:lnTo>
                    <a:lnTo>
                      <a:pt x="119" y="1481"/>
                    </a:lnTo>
                    <a:lnTo>
                      <a:pt x="118" y="1478"/>
                    </a:lnTo>
                    <a:lnTo>
                      <a:pt x="117" y="1476"/>
                    </a:lnTo>
                    <a:lnTo>
                      <a:pt x="118" y="1473"/>
                    </a:lnTo>
                    <a:lnTo>
                      <a:pt x="119" y="1469"/>
                    </a:lnTo>
                    <a:lnTo>
                      <a:pt x="127" y="1460"/>
                    </a:lnTo>
                    <a:lnTo>
                      <a:pt x="140" y="1446"/>
                    </a:lnTo>
                    <a:lnTo>
                      <a:pt x="144" y="1441"/>
                    </a:lnTo>
                    <a:lnTo>
                      <a:pt x="148" y="1436"/>
                    </a:lnTo>
                    <a:lnTo>
                      <a:pt x="150" y="1429"/>
                    </a:lnTo>
                    <a:lnTo>
                      <a:pt x="153" y="1423"/>
                    </a:lnTo>
                    <a:lnTo>
                      <a:pt x="156" y="1408"/>
                    </a:lnTo>
                    <a:lnTo>
                      <a:pt x="157" y="1394"/>
                    </a:lnTo>
                    <a:lnTo>
                      <a:pt x="157" y="1389"/>
                    </a:lnTo>
                    <a:lnTo>
                      <a:pt x="159" y="1385"/>
                    </a:lnTo>
                    <a:lnTo>
                      <a:pt x="161" y="1381"/>
                    </a:lnTo>
                    <a:lnTo>
                      <a:pt x="165" y="1379"/>
                    </a:lnTo>
                    <a:lnTo>
                      <a:pt x="172" y="1376"/>
                    </a:lnTo>
                    <a:lnTo>
                      <a:pt x="182" y="1375"/>
                    </a:lnTo>
                    <a:lnTo>
                      <a:pt x="204" y="1377"/>
                    </a:lnTo>
                    <a:lnTo>
                      <a:pt x="220" y="1381"/>
                    </a:lnTo>
                    <a:lnTo>
                      <a:pt x="233" y="1381"/>
                    </a:lnTo>
                    <a:lnTo>
                      <a:pt x="245" y="1380"/>
                    </a:lnTo>
                    <a:lnTo>
                      <a:pt x="251" y="1377"/>
                    </a:lnTo>
                    <a:lnTo>
                      <a:pt x="257" y="1375"/>
                    </a:lnTo>
                    <a:lnTo>
                      <a:pt x="262" y="1372"/>
                    </a:lnTo>
                    <a:lnTo>
                      <a:pt x="266" y="1368"/>
                    </a:lnTo>
                    <a:lnTo>
                      <a:pt x="273" y="1357"/>
                    </a:lnTo>
                    <a:lnTo>
                      <a:pt x="280" y="1349"/>
                    </a:lnTo>
                    <a:lnTo>
                      <a:pt x="283" y="1342"/>
                    </a:lnTo>
                    <a:lnTo>
                      <a:pt x="284" y="1337"/>
                    </a:lnTo>
                    <a:lnTo>
                      <a:pt x="283" y="1333"/>
                    </a:lnTo>
                    <a:lnTo>
                      <a:pt x="280" y="1332"/>
                    </a:lnTo>
                    <a:lnTo>
                      <a:pt x="275" y="1331"/>
                    </a:lnTo>
                    <a:lnTo>
                      <a:pt x="268" y="1331"/>
                    </a:lnTo>
                    <a:lnTo>
                      <a:pt x="236" y="1337"/>
                    </a:lnTo>
                    <a:lnTo>
                      <a:pt x="204" y="1342"/>
                    </a:lnTo>
                    <a:lnTo>
                      <a:pt x="187" y="1342"/>
                    </a:lnTo>
                    <a:lnTo>
                      <a:pt x="172" y="1341"/>
                    </a:lnTo>
                    <a:lnTo>
                      <a:pt x="161" y="1338"/>
                    </a:lnTo>
                    <a:lnTo>
                      <a:pt x="149" y="1336"/>
                    </a:lnTo>
                    <a:lnTo>
                      <a:pt x="141" y="1332"/>
                    </a:lnTo>
                    <a:lnTo>
                      <a:pt x="134" y="1327"/>
                    </a:lnTo>
                    <a:lnTo>
                      <a:pt x="128" y="1322"/>
                    </a:lnTo>
                    <a:lnTo>
                      <a:pt x="125" y="1315"/>
                    </a:lnTo>
                    <a:lnTo>
                      <a:pt x="123" y="1309"/>
                    </a:lnTo>
                    <a:lnTo>
                      <a:pt x="122" y="1301"/>
                    </a:lnTo>
                    <a:lnTo>
                      <a:pt x="123" y="1292"/>
                    </a:lnTo>
                    <a:lnTo>
                      <a:pt x="126" y="1283"/>
                    </a:lnTo>
                    <a:lnTo>
                      <a:pt x="130" y="1272"/>
                    </a:lnTo>
                    <a:lnTo>
                      <a:pt x="135" y="1261"/>
                    </a:lnTo>
                    <a:lnTo>
                      <a:pt x="141" y="1249"/>
                    </a:lnTo>
                    <a:lnTo>
                      <a:pt x="149" y="1237"/>
                    </a:lnTo>
                    <a:lnTo>
                      <a:pt x="158" y="1227"/>
                    </a:lnTo>
                    <a:lnTo>
                      <a:pt x="166" y="1218"/>
                    </a:lnTo>
                    <a:lnTo>
                      <a:pt x="176" y="1209"/>
                    </a:lnTo>
                    <a:lnTo>
                      <a:pt x="185" y="1201"/>
                    </a:lnTo>
                    <a:lnTo>
                      <a:pt x="193" y="1192"/>
                    </a:lnTo>
                    <a:lnTo>
                      <a:pt x="201" y="1182"/>
                    </a:lnTo>
                    <a:lnTo>
                      <a:pt x="204" y="1177"/>
                    </a:lnTo>
                    <a:lnTo>
                      <a:pt x="206" y="1171"/>
                    </a:lnTo>
                    <a:lnTo>
                      <a:pt x="209" y="1165"/>
                    </a:lnTo>
                    <a:lnTo>
                      <a:pt x="210" y="1158"/>
                    </a:lnTo>
                    <a:lnTo>
                      <a:pt x="218" y="1145"/>
                    </a:lnTo>
                    <a:lnTo>
                      <a:pt x="226" y="1132"/>
                    </a:lnTo>
                    <a:lnTo>
                      <a:pt x="229" y="1129"/>
                    </a:lnTo>
                    <a:lnTo>
                      <a:pt x="233" y="1125"/>
                    </a:lnTo>
                    <a:lnTo>
                      <a:pt x="236" y="1120"/>
                    </a:lnTo>
                    <a:lnTo>
                      <a:pt x="239" y="1114"/>
                    </a:lnTo>
                    <a:lnTo>
                      <a:pt x="239" y="1109"/>
                    </a:lnTo>
                    <a:lnTo>
                      <a:pt x="239" y="1103"/>
                    </a:lnTo>
                    <a:lnTo>
                      <a:pt x="237" y="1091"/>
                    </a:lnTo>
                    <a:lnTo>
                      <a:pt x="232" y="1079"/>
                    </a:lnTo>
                    <a:lnTo>
                      <a:pt x="229" y="1074"/>
                    </a:lnTo>
                    <a:lnTo>
                      <a:pt x="228" y="1073"/>
                    </a:lnTo>
                    <a:lnTo>
                      <a:pt x="231" y="1069"/>
                    </a:lnTo>
                    <a:lnTo>
                      <a:pt x="237" y="1060"/>
                    </a:lnTo>
                    <a:lnTo>
                      <a:pt x="249" y="1059"/>
                    </a:lnTo>
                    <a:lnTo>
                      <a:pt x="262" y="1053"/>
                    </a:lnTo>
                    <a:lnTo>
                      <a:pt x="273" y="1047"/>
                    </a:lnTo>
                    <a:lnTo>
                      <a:pt x="285" y="1040"/>
                    </a:lnTo>
                    <a:lnTo>
                      <a:pt x="307" y="1024"/>
                    </a:lnTo>
                    <a:lnTo>
                      <a:pt x="327" y="1007"/>
                    </a:lnTo>
                    <a:lnTo>
                      <a:pt x="332" y="1003"/>
                    </a:lnTo>
                    <a:lnTo>
                      <a:pt x="337" y="998"/>
                    </a:lnTo>
                    <a:lnTo>
                      <a:pt x="341" y="993"/>
                    </a:lnTo>
                    <a:lnTo>
                      <a:pt x="343" y="987"/>
                    </a:lnTo>
                    <a:lnTo>
                      <a:pt x="349" y="977"/>
                    </a:lnTo>
                    <a:lnTo>
                      <a:pt x="353" y="967"/>
                    </a:lnTo>
                    <a:lnTo>
                      <a:pt x="355" y="956"/>
                    </a:lnTo>
                    <a:lnTo>
                      <a:pt x="359" y="946"/>
                    </a:lnTo>
                    <a:lnTo>
                      <a:pt x="364" y="936"/>
                    </a:lnTo>
                    <a:lnTo>
                      <a:pt x="372" y="925"/>
                    </a:lnTo>
                    <a:lnTo>
                      <a:pt x="385" y="912"/>
                    </a:lnTo>
                    <a:lnTo>
                      <a:pt x="398" y="901"/>
                    </a:lnTo>
                    <a:lnTo>
                      <a:pt x="404" y="894"/>
                    </a:lnTo>
                    <a:lnTo>
                      <a:pt x="410" y="888"/>
                    </a:lnTo>
                    <a:lnTo>
                      <a:pt x="415" y="880"/>
                    </a:lnTo>
                    <a:lnTo>
                      <a:pt x="420" y="871"/>
                    </a:lnTo>
                    <a:lnTo>
                      <a:pt x="556" y="670"/>
                    </a:lnTo>
                    <a:lnTo>
                      <a:pt x="570" y="653"/>
                    </a:lnTo>
                    <a:lnTo>
                      <a:pt x="588" y="634"/>
                    </a:lnTo>
                    <a:lnTo>
                      <a:pt x="609" y="613"/>
                    </a:lnTo>
                    <a:lnTo>
                      <a:pt x="630" y="592"/>
                    </a:lnTo>
                    <a:lnTo>
                      <a:pt x="649" y="570"/>
                    </a:lnTo>
                    <a:lnTo>
                      <a:pt x="666" y="548"/>
                    </a:lnTo>
                    <a:lnTo>
                      <a:pt x="673" y="538"/>
                    </a:lnTo>
                    <a:lnTo>
                      <a:pt x="678" y="529"/>
                    </a:lnTo>
                    <a:lnTo>
                      <a:pt x="680" y="518"/>
                    </a:lnTo>
                    <a:lnTo>
                      <a:pt x="682" y="509"/>
                    </a:lnTo>
                    <a:lnTo>
                      <a:pt x="680" y="508"/>
                    </a:lnTo>
                    <a:lnTo>
                      <a:pt x="670" y="512"/>
                    </a:lnTo>
                    <a:lnTo>
                      <a:pt x="654" y="518"/>
                    </a:lnTo>
                    <a:lnTo>
                      <a:pt x="641" y="524"/>
                    </a:lnTo>
                    <a:lnTo>
                      <a:pt x="635" y="526"/>
                    </a:lnTo>
                    <a:lnTo>
                      <a:pt x="638" y="517"/>
                    </a:lnTo>
                    <a:lnTo>
                      <a:pt x="641" y="505"/>
                    </a:lnTo>
                    <a:lnTo>
                      <a:pt x="644" y="500"/>
                    </a:lnTo>
                    <a:lnTo>
                      <a:pt x="647" y="495"/>
                    </a:lnTo>
                    <a:lnTo>
                      <a:pt x="649" y="491"/>
                    </a:lnTo>
                    <a:lnTo>
                      <a:pt x="652" y="490"/>
                    </a:lnTo>
                    <a:lnTo>
                      <a:pt x="658" y="469"/>
                    </a:lnTo>
                    <a:lnTo>
                      <a:pt x="671" y="439"/>
                    </a:lnTo>
                    <a:lnTo>
                      <a:pt x="684" y="408"/>
                    </a:lnTo>
                    <a:lnTo>
                      <a:pt x="693" y="385"/>
                    </a:lnTo>
                    <a:lnTo>
                      <a:pt x="733" y="220"/>
                    </a:lnTo>
                    <a:lnTo>
                      <a:pt x="740" y="200"/>
                    </a:lnTo>
                    <a:lnTo>
                      <a:pt x="752" y="170"/>
                    </a:lnTo>
                    <a:lnTo>
                      <a:pt x="757" y="156"/>
                    </a:lnTo>
                    <a:lnTo>
                      <a:pt x="761" y="143"/>
                    </a:lnTo>
                    <a:lnTo>
                      <a:pt x="763" y="132"/>
                    </a:lnTo>
                    <a:lnTo>
                      <a:pt x="763" y="125"/>
                    </a:lnTo>
                    <a:lnTo>
                      <a:pt x="761" y="110"/>
                    </a:lnTo>
                    <a:lnTo>
                      <a:pt x="758" y="100"/>
                    </a:lnTo>
                    <a:lnTo>
                      <a:pt x="759" y="91"/>
                    </a:lnTo>
                    <a:lnTo>
                      <a:pt x="762" y="84"/>
                    </a:lnTo>
                    <a:lnTo>
                      <a:pt x="767" y="78"/>
                    </a:lnTo>
                    <a:lnTo>
                      <a:pt x="775" y="72"/>
                    </a:lnTo>
                    <a:lnTo>
                      <a:pt x="785" y="64"/>
                    </a:lnTo>
                    <a:lnTo>
                      <a:pt x="798" y="55"/>
                    </a:lnTo>
                    <a:lnTo>
                      <a:pt x="799" y="53"/>
                    </a:lnTo>
                    <a:lnTo>
                      <a:pt x="801" y="51"/>
                    </a:lnTo>
                    <a:lnTo>
                      <a:pt x="801" y="49"/>
                    </a:lnTo>
                    <a:lnTo>
                      <a:pt x="799" y="47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4" name="Freeform 241">
                <a:extLst>
                  <a:ext uri="{FF2B5EF4-FFF2-40B4-BE49-F238E27FC236}">
                    <a16:creationId xmlns:a16="http://schemas.microsoft.com/office/drawing/2014/main" id="{4BEBA585-1E2D-D143-9F7F-D370F55C59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3800" y="4911474"/>
                <a:ext cx="704995" cy="1038626"/>
              </a:xfrm>
              <a:custGeom>
                <a:avLst/>
                <a:gdLst/>
                <a:ahLst/>
                <a:cxnLst>
                  <a:cxn ang="0">
                    <a:pos x="954" y="13"/>
                  </a:cxn>
                  <a:cxn ang="0">
                    <a:pos x="1034" y="9"/>
                  </a:cxn>
                  <a:cxn ang="0">
                    <a:pos x="999" y="82"/>
                  </a:cxn>
                  <a:cxn ang="0">
                    <a:pos x="1043" y="153"/>
                  </a:cxn>
                  <a:cxn ang="0">
                    <a:pos x="1129" y="145"/>
                  </a:cxn>
                  <a:cxn ang="0">
                    <a:pos x="1246" y="231"/>
                  </a:cxn>
                  <a:cxn ang="0">
                    <a:pos x="1354" y="219"/>
                  </a:cxn>
                  <a:cxn ang="0">
                    <a:pos x="1459" y="272"/>
                  </a:cxn>
                  <a:cxn ang="0">
                    <a:pos x="1478" y="345"/>
                  </a:cxn>
                  <a:cxn ang="0">
                    <a:pos x="1504" y="443"/>
                  </a:cxn>
                  <a:cxn ang="0">
                    <a:pos x="1543" y="507"/>
                  </a:cxn>
                  <a:cxn ang="0">
                    <a:pos x="1476" y="586"/>
                  </a:cxn>
                  <a:cxn ang="0">
                    <a:pos x="1305" y="639"/>
                  </a:cxn>
                  <a:cxn ang="0">
                    <a:pos x="1274" y="698"/>
                  </a:cxn>
                  <a:cxn ang="0">
                    <a:pos x="1248" y="844"/>
                  </a:cxn>
                  <a:cxn ang="0">
                    <a:pos x="1170" y="916"/>
                  </a:cxn>
                  <a:cxn ang="0">
                    <a:pos x="1126" y="964"/>
                  </a:cxn>
                  <a:cxn ang="0">
                    <a:pos x="1101" y="1107"/>
                  </a:cxn>
                  <a:cxn ang="0">
                    <a:pos x="919" y="1202"/>
                  </a:cxn>
                  <a:cxn ang="0">
                    <a:pos x="919" y="1292"/>
                  </a:cxn>
                  <a:cxn ang="0">
                    <a:pos x="932" y="1421"/>
                  </a:cxn>
                  <a:cxn ang="0">
                    <a:pos x="960" y="1494"/>
                  </a:cxn>
                  <a:cxn ang="0">
                    <a:pos x="816" y="1674"/>
                  </a:cxn>
                  <a:cxn ang="0">
                    <a:pos x="821" y="1838"/>
                  </a:cxn>
                  <a:cxn ang="0">
                    <a:pos x="876" y="1876"/>
                  </a:cxn>
                  <a:cxn ang="0">
                    <a:pos x="801" y="1923"/>
                  </a:cxn>
                  <a:cxn ang="0">
                    <a:pos x="737" y="1933"/>
                  </a:cxn>
                  <a:cxn ang="0">
                    <a:pos x="675" y="2015"/>
                  </a:cxn>
                  <a:cxn ang="0">
                    <a:pos x="605" y="2116"/>
                  </a:cxn>
                  <a:cxn ang="0">
                    <a:pos x="551" y="2259"/>
                  </a:cxn>
                  <a:cxn ang="0">
                    <a:pos x="429" y="2298"/>
                  </a:cxn>
                  <a:cxn ang="0">
                    <a:pos x="312" y="2209"/>
                  </a:cxn>
                  <a:cxn ang="0">
                    <a:pos x="216" y="2164"/>
                  </a:cxn>
                  <a:cxn ang="0">
                    <a:pos x="65" y="2140"/>
                  </a:cxn>
                  <a:cxn ang="0">
                    <a:pos x="7" y="2123"/>
                  </a:cxn>
                  <a:cxn ang="0">
                    <a:pos x="83" y="2011"/>
                  </a:cxn>
                  <a:cxn ang="0">
                    <a:pos x="189" y="1796"/>
                  </a:cxn>
                  <a:cxn ang="0">
                    <a:pos x="188" y="1722"/>
                  </a:cxn>
                  <a:cxn ang="0">
                    <a:pos x="249" y="1665"/>
                  </a:cxn>
                  <a:cxn ang="0">
                    <a:pos x="277" y="1552"/>
                  </a:cxn>
                  <a:cxn ang="0">
                    <a:pos x="298" y="1541"/>
                  </a:cxn>
                  <a:cxn ang="0">
                    <a:pos x="373" y="1570"/>
                  </a:cxn>
                  <a:cxn ang="0">
                    <a:pos x="362" y="1517"/>
                  </a:cxn>
                  <a:cxn ang="0">
                    <a:pos x="323" y="1521"/>
                  </a:cxn>
                  <a:cxn ang="0">
                    <a:pos x="280" y="1494"/>
                  </a:cxn>
                  <a:cxn ang="0">
                    <a:pos x="193" y="1509"/>
                  </a:cxn>
                  <a:cxn ang="0">
                    <a:pos x="127" y="1460"/>
                  </a:cxn>
                  <a:cxn ang="0">
                    <a:pos x="159" y="1385"/>
                  </a:cxn>
                  <a:cxn ang="0">
                    <a:pos x="251" y="1377"/>
                  </a:cxn>
                  <a:cxn ang="0">
                    <a:pos x="280" y="1332"/>
                  </a:cxn>
                  <a:cxn ang="0">
                    <a:pos x="141" y="1332"/>
                  </a:cxn>
                  <a:cxn ang="0">
                    <a:pos x="135" y="1261"/>
                  </a:cxn>
                  <a:cxn ang="0">
                    <a:pos x="204" y="1177"/>
                  </a:cxn>
                  <a:cxn ang="0">
                    <a:pos x="239" y="1114"/>
                  </a:cxn>
                  <a:cxn ang="0">
                    <a:pos x="249" y="1059"/>
                  </a:cxn>
                  <a:cxn ang="0">
                    <a:pos x="343" y="987"/>
                  </a:cxn>
                  <a:cxn ang="0">
                    <a:pos x="404" y="894"/>
                  </a:cxn>
                  <a:cxn ang="0">
                    <a:pos x="649" y="570"/>
                  </a:cxn>
                  <a:cxn ang="0">
                    <a:pos x="641" y="524"/>
                  </a:cxn>
                  <a:cxn ang="0">
                    <a:pos x="671" y="439"/>
                  </a:cxn>
                  <a:cxn ang="0">
                    <a:pos x="763" y="125"/>
                  </a:cxn>
                  <a:cxn ang="0">
                    <a:pos x="799" y="53"/>
                  </a:cxn>
                </a:cxnLst>
                <a:rect l="0" t="0" r="r" b="b"/>
                <a:pathLst>
                  <a:path w="1550" h="2298">
                    <a:moveTo>
                      <a:pt x="799" y="47"/>
                    </a:moveTo>
                    <a:lnTo>
                      <a:pt x="850" y="27"/>
                    </a:lnTo>
                    <a:lnTo>
                      <a:pt x="876" y="16"/>
                    </a:lnTo>
                    <a:lnTo>
                      <a:pt x="890" y="5"/>
                    </a:lnTo>
                    <a:lnTo>
                      <a:pt x="898" y="4"/>
                    </a:lnTo>
                    <a:lnTo>
                      <a:pt x="908" y="3"/>
                    </a:lnTo>
                    <a:lnTo>
                      <a:pt x="921" y="5"/>
                    </a:lnTo>
                    <a:lnTo>
                      <a:pt x="939" y="11"/>
                    </a:lnTo>
                    <a:lnTo>
                      <a:pt x="954" y="13"/>
                    </a:lnTo>
                    <a:lnTo>
                      <a:pt x="967" y="13"/>
                    </a:lnTo>
                    <a:lnTo>
                      <a:pt x="978" y="12"/>
                    </a:lnTo>
                    <a:lnTo>
                      <a:pt x="989" y="9"/>
                    </a:lnTo>
                    <a:lnTo>
                      <a:pt x="1000" y="7"/>
                    </a:lnTo>
                    <a:lnTo>
                      <a:pt x="1012" y="3"/>
                    </a:lnTo>
                    <a:lnTo>
                      <a:pt x="1024" y="2"/>
                    </a:lnTo>
                    <a:lnTo>
                      <a:pt x="1037" y="0"/>
                    </a:lnTo>
                    <a:lnTo>
                      <a:pt x="1037" y="4"/>
                    </a:lnTo>
                    <a:lnTo>
                      <a:pt x="1034" y="9"/>
                    </a:lnTo>
                    <a:lnTo>
                      <a:pt x="1030" y="15"/>
                    </a:lnTo>
                    <a:lnTo>
                      <a:pt x="1026" y="21"/>
                    </a:lnTo>
                    <a:lnTo>
                      <a:pt x="1016" y="33"/>
                    </a:lnTo>
                    <a:lnTo>
                      <a:pt x="1008" y="42"/>
                    </a:lnTo>
                    <a:lnTo>
                      <a:pt x="1005" y="47"/>
                    </a:lnTo>
                    <a:lnTo>
                      <a:pt x="1003" y="53"/>
                    </a:lnTo>
                    <a:lnTo>
                      <a:pt x="1000" y="60"/>
                    </a:lnTo>
                    <a:lnTo>
                      <a:pt x="999" y="68"/>
                    </a:lnTo>
                    <a:lnTo>
                      <a:pt x="999" y="82"/>
                    </a:lnTo>
                    <a:lnTo>
                      <a:pt x="1002" y="97"/>
                    </a:lnTo>
                    <a:lnTo>
                      <a:pt x="1005" y="112"/>
                    </a:lnTo>
                    <a:lnTo>
                      <a:pt x="1012" y="125"/>
                    </a:lnTo>
                    <a:lnTo>
                      <a:pt x="1016" y="131"/>
                    </a:lnTo>
                    <a:lnTo>
                      <a:pt x="1020" y="136"/>
                    </a:lnTo>
                    <a:lnTo>
                      <a:pt x="1025" y="141"/>
                    </a:lnTo>
                    <a:lnTo>
                      <a:pt x="1029" y="145"/>
                    </a:lnTo>
                    <a:lnTo>
                      <a:pt x="1037" y="151"/>
                    </a:lnTo>
                    <a:lnTo>
                      <a:pt x="1043" y="153"/>
                    </a:lnTo>
                    <a:lnTo>
                      <a:pt x="1048" y="156"/>
                    </a:lnTo>
                    <a:lnTo>
                      <a:pt x="1055" y="157"/>
                    </a:lnTo>
                    <a:lnTo>
                      <a:pt x="1065" y="157"/>
                    </a:lnTo>
                    <a:lnTo>
                      <a:pt x="1075" y="154"/>
                    </a:lnTo>
                    <a:lnTo>
                      <a:pt x="1086" y="152"/>
                    </a:lnTo>
                    <a:lnTo>
                      <a:pt x="1097" y="148"/>
                    </a:lnTo>
                    <a:lnTo>
                      <a:pt x="1109" y="145"/>
                    </a:lnTo>
                    <a:lnTo>
                      <a:pt x="1123" y="144"/>
                    </a:lnTo>
                    <a:lnTo>
                      <a:pt x="1129" y="145"/>
                    </a:lnTo>
                    <a:lnTo>
                      <a:pt x="1134" y="148"/>
                    </a:lnTo>
                    <a:lnTo>
                      <a:pt x="1141" y="151"/>
                    </a:lnTo>
                    <a:lnTo>
                      <a:pt x="1148" y="154"/>
                    </a:lnTo>
                    <a:lnTo>
                      <a:pt x="1164" y="165"/>
                    </a:lnTo>
                    <a:lnTo>
                      <a:pt x="1179" y="176"/>
                    </a:lnTo>
                    <a:lnTo>
                      <a:pt x="1208" y="202"/>
                    </a:lnTo>
                    <a:lnTo>
                      <a:pt x="1230" y="222"/>
                    </a:lnTo>
                    <a:lnTo>
                      <a:pt x="1237" y="227"/>
                    </a:lnTo>
                    <a:lnTo>
                      <a:pt x="1246" y="231"/>
                    </a:lnTo>
                    <a:lnTo>
                      <a:pt x="1255" y="233"/>
                    </a:lnTo>
                    <a:lnTo>
                      <a:pt x="1265" y="233"/>
                    </a:lnTo>
                    <a:lnTo>
                      <a:pt x="1285" y="231"/>
                    </a:lnTo>
                    <a:lnTo>
                      <a:pt x="1306" y="226"/>
                    </a:lnTo>
                    <a:lnTo>
                      <a:pt x="1315" y="223"/>
                    </a:lnTo>
                    <a:lnTo>
                      <a:pt x="1325" y="220"/>
                    </a:lnTo>
                    <a:lnTo>
                      <a:pt x="1336" y="219"/>
                    </a:lnTo>
                    <a:lnTo>
                      <a:pt x="1345" y="219"/>
                    </a:lnTo>
                    <a:lnTo>
                      <a:pt x="1354" y="219"/>
                    </a:lnTo>
                    <a:lnTo>
                      <a:pt x="1363" y="223"/>
                    </a:lnTo>
                    <a:lnTo>
                      <a:pt x="1371" y="227"/>
                    </a:lnTo>
                    <a:lnTo>
                      <a:pt x="1377" y="235"/>
                    </a:lnTo>
                    <a:lnTo>
                      <a:pt x="1393" y="239"/>
                    </a:lnTo>
                    <a:lnTo>
                      <a:pt x="1406" y="244"/>
                    </a:lnTo>
                    <a:lnTo>
                      <a:pt x="1419" y="252"/>
                    </a:lnTo>
                    <a:lnTo>
                      <a:pt x="1432" y="258"/>
                    </a:lnTo>
                    <a:lnTo>
                      <a:pt x="1445" y="266"/>
                    </a:lnTo>
                    <a:lnTo>
                      <a:pt x="1459" y="272"/>
                    </a:lnTo>
                    <a:lnTo>
                      <a:pt x="1473" y="277"/>
                    </a:lnTo>
                    <a:lnTo>
                      <a:pt x="1487" y="283"/>
                    </a:lnTo>
                    <a:lnTo>
                      <a:pt x="1490" y="289"/>
                    </a:lnTo>
                    <a:lnTo>
                      <a:pt x="1490" y="297"/>
                    </a:lnTo>
                    <a:lnTo>
                      <a:pt x="1489" y="302"/>
                    </a:lnTo>
                    <a:lnTo>
                      <a:pt x="1487" y="309"/>
                    </a:lnTo>
                    <a:lnTo>
                      <a:pt x="1483" y="320"/>
                    </a:lnTo>
                    <a:lnTo>
                      <a:pt x="1480" y="334"/>
                    </a:lnTo>
                    <a:lnTo>
                      <a:pt x="1478" y="345"/>
                    </a:lnTo>
                    <a:lnTo>
                      <a:pt x="1477" y="357"/>
                    </a:lnTo>
                    <a:lnTo>
                      <a:pt x="1476" y="369"/>
                    </a:lnTo>
                    <a:lnTo>
                      <a:pt x="1476" y="382"/>
                    </a:lnTo>
                    <a:lnTo>
                      <a:pt x="1477" y="395"/>
                    </a:lnTo>
                    <a:lnTo>
                      <a:pt x="1478" y="408"/>
                    </a:lnTo>
                    <a:lnTo>
                      <a:pt x="1482" y="419"/>
                    </a:lnTo>
                    <a:lnTo>
                      <a:pt x="1487" y="426"/>
                    </a:lnTo>
                    <a:lnTo>
                      <a:pt x="1495" y="436"/>
                    </a:lnTo>
                    <a:lnTo>
                      <a:pt x="1504" y="443"/>
                    </a:lnTo>
                    <a:lnTo>
                      <a:pt x="1515" y="450"/>
                    </a:lnTo>
                    <a:lnTo>
                      <a:pt x="1525" y="456"/>
                    </a:lnTo>
                    <a:lnTo>
                      <a:pt x="1534" y="464"/>
                    </a:lnTo>
                    <a:lnTo>
                      <a:pt x="1542" y="472"/>
                    </a:lnTo>
                    <a:lnTo>
                      <a:pt x="1544" y="477"/>
                    </a:lnTo>
                    <a:lnTo>
                      <a:pt x="1547" y="482"/>
                    </a:lnTo>
                    <a:lnTo>
                      <a:pt x="1548" y="487"/>
                    </a:lnTo>
                    <a:lnTo>
                      <a:pt x="1550" y="494"/>
                    </a:lnTo>
                    <a:lnTo>
                      <a:pt x="1543" y="507"/>
                    </a:lnTo>
                    <a:lnTo>
                      <a:pt x="1538" y="520"/>
                    </a:lnTo>
                    <a:lnTo>
                      <a:pt x="1530" y="534"/>
                    </a:lnTo>
                    <a:lnTo>
                      <a:pt x="1522" y="547"/>
                    </a:lnTo>
                    <a:lnTo>
                      <a:pt x="1512" y="559"/>
                    </a:lnTo>
                    <a:lnTo>
                      <a:pt x="1502" y="570"/>
                    </a:lnTo>
                    <a:lnTo>
                      <a:pt x="1495" y="574"/>
                    </a:lnTo>
                    <a:lnTo>
                      <a:pt x="1490" y="579"/>
                    </a:lnTo>
                    <a:lnTo>
                      <a:pt x="1483" y="582"/>
                    </a:lnTo>
                    <a:lnTo>
                      <a:pt x="1476" y="586"/>
                    </a:lnTo>
                    <a:lnTo>
                      <a:pt x="1451" y="595"/>
                    </a:lnTo>
                    <a:lnTo>
                      <a:pt x="1428" y="604"/>
                    </a:lnTo>
                    <a:lnTo>
                      <a:pt x="1404" y="610"/>
                    </a:lnTo>
                    <a:lnTo>
                      <a:pt x="1377" y="616"/>
                    </a:lnTo>
                    <a:lnTo>
                      <a:pt x="1364" y="618"/>
                    </a:lnTo>
                    <a:lnTo>
                      <a:pt x="1349" y="622"/>
                    </a:lnTo>
                    <a:lnTo>
                      <a:pt x="1333" y="626"/>
                    </a:lnTo>
                    <a:lnTo>
                      <a:pt x="1318" y="632"/>
                    </a:lnTo>
                    <a:lnTo>
                      <a:pt x="1305" y="639"/>
                    </a:lnTo>
                    <a:lnTo>
                      <a:pt x="1292" y="648"/>
                    </a:lnTo>
                    <a:lnTo>
                      <a:pt x="1287" y="653"/>
                    </a:lnTo>
                    <a:lnTo>
                      <a:pt x="1281" y="658"/>
                    </a:lnTo>
                    <a:lnTo>
                      <a:pt x="1278" y="665"/>
                    </a:lnTo>
                    <a:lnTo>
                      <a:pt x="1275" y="671"/>
                    </a:lnTo>
                    <a:lnTo>
                      <a:pt x="1274" y="678"/>
                    </a:lnTo>
                    <a:lnTo>
                      <a:pt x="1272" y="684"/>
                    </a:lnTo>
                    <a:lnTo>
                      <a:pt x="1272" y="692"/>
                    </a:lnTo>
                    <a:lnTo>
                      <a:pt x="1274" y="698"/>
                    </a:lnTo>
                    <a:lnTo>
                      <a:pt x="1275" y="713"/>
                    </a:lnTo>
                    <a:lnTo>
                      <a:pt x="1275" y="727"/>
                    </a:lnTo>
                    <a:lnTo>
                      <a:pt x="1272" y="746"/>
                    </a:lnTo>
                    <a:lnTo>
                      <a:pt x="1268" y="766"/>
                    </a:lnTo>
                    <a:lnTo>
                      <a:pt x="1265" y="784"/>
                    </a:lnTo>
                    <a:lnTo>
                      <a:pt x="1261" y="803"/>
                    </a:lnTo>
                    <a:lnTo>
                      <a:pt x="1257" y="816"/>
                    </a:lnTo>
                    <a:lnTo>
                      <a:pt x="1253" y="829"/>
                    </a:lnTo>
                    <a:lnTo>
                      <a:pt x="1248" y="844"/>
                    </a:lnTo>
                    <a:lnTo>
                      <a:pt x="1243" y="858"/>
                    </a:lnTo>
                    <a:lnTo>
                      <a:pt x="1235" y="872"/>
                    </a:lnTo>
                    <a:lnTo>
                      <a:pt x="1227" y="885"/>
                    </a:lnTo>
                    <a:lnTo>
                      <a:pt x="1219" y="895"/>
                    </a:lnTo>
                    <a:lnTo>
                      <a:pt x="1210" y="904"/>
                    </a:lnTo>
                    <a:lnTo>
                      <a:pt x="1200" y="910"/>
                    </a:lnTo>
                    <a:lnTo>
                      <a:pt x="1191" y="914"/>
                    </a:lnTo>
                    <a:lnTo>
                      <a:pt x="1180" y="915"/>
                    </a:lnTo>
                    <a:lnTo>
                      <a:pt x="1170" y="916"/>
                    </a:lnTo>
                    <a:lnTo>
                      <a:pt x="1161" y="917"/>
                    </a:lnTo>
                    <a:lnTo>
                      <a:pt x="1152" y="917"/>
                    </a:lnTo>
                    <a:lnTo>
                      <a:pt x="1144" y="920"/>
                    </a:lnTo>
                    <a:lnTo>
                      <a:pt x="1136" y="924"/>
                    </a:lnTo>
                    <a:lnTo>
                      <a:pt x="1132" y="929"/>
                    </a:lnTo>
                    <a:lnTo>
                      <a:pt x="1130" y="934"/>
                    </a:lnTo>
                    <a:lnTo>
                      <a:pt x="1127" y="941"/>
                    </a:lnTo>
                    <a:lnTo>
                      <a:pt x="1126" y="947"/>
                    </a:lnTo>
                    <a:lnTo>
                      <a:pt x="1126" y="964"/>
                    </a:lnTo>
                    <a:lnTo>
                      <a:pt x="1127" y="982"/>
                    </a:lnTo>
                    <a:lnTo>
                      <a:pt x="1130" y="1000"/>
                    </a:lnTo>
                    <a:lnTo>
                      <a:pt x="1131" y="1018"/>
                    </a:lnTo>
                    <a:lnTo>
                      <a:pt x="1132" y="1035"/>
                    </a:lnTo>
                    <a:lnTo>
                      <a:pt x="1131" y="1048"/>
                    </a:lnTo>
                    <a:lnTo>
                      <a:pt x="1127" y="1061"/>
                    </a:lnTo>
                    <a:lnTo>
                      <a:pt x="1121" y="1077"/>
                    </a:lnTo>
                    <a:lnTo>
                      <a:pt x="1112" y="1091"/>
                    </a:lnTo>
                    <a:lnTo>
                      <a:pt x="1101" y="1107"/>
                    </a:lnTo>
                    <a:lnTo>
                      <a:pt x="1078" y="1136"/>
                    </a:lnTo>
                    <a:lnTo>
                      <a:pt x="1059" y="1160"/>
                    </a:lnTo>
                    <a:lnTo>
                      <a:pt x="1033" y="1191"/>
                    </a:lnTo>
                    <a:lnTo>
                      <a:pt x="930" y="1166"/>
                    </a:lnTo>
                    <a:lnTo>
                      <a:pt x="926" y="1177"/>
                    </a:lnTo>
                    <a:lnTo>
                      <a:pt x="923" y="1186"/>
                    </a:lnTo>
                    <a:lnTo>
                      <a:pt x="920" y="1191"/>
                    </a:lnTo>
                    <a:lnTo>
                      <a:pt x="919" y="1196"/>
                    </a:lnTo>
                    <a:lnTo>
                      <a:pt x="919" y="1202"/>
                    </a:lnTo>
                    <a:lnTo>
                      <a:pt x="919" y="1209"/>
                    </a:lnTo>
                    <a:lnTo>
                      <a:pt x="920" y="1219"/>
                    </a:lnTo>
                    <a:lnTo>
                      <a:pt x="920" y="1230"/>
                    </a:lnTo>
                    <a:lnTo>
                      <a:pt x="919" y="1240"/>
                    </a:lnTo>
                    <a:lnTo>
                      <a:pt x="917" y="1250"/>
                    </a:lnTo>
                    <a:lnTo>
                      <a:pt x="916" y="1261"/>
                    </a:lnTo>
                    <a:lnTo>
                      <a:pt x="916" y="1271"/>
                    </a:lnTo>
                    <a:lnTo>
                      <a:pt x="916" y="1281"/>
                    </a:lnTo>
                    <a:lnTo>
                      <a:pt x="919" y="1292"/>
                    </a:lnTo>
                    <a:lnTo>
                      <a:pt x="924" y="1306"/>
                    </a:lnTo>
                    <a:lnTo>
                      <a:pt x="926" y="1320"/>
                    </a:lnTo>
                    <a:lnTo>
                      <a:pt x="928" y="1333"/>
                    </a:lnTo>
                    <a:lnTo>
                      <a:pt x="928" y="1346"/>
                    </a:lnTo>
                    <a:lnTo>
                      <a:pt x="928" y="1372"/>
                    </a:lnTo>
                    <a:lnTo>
                      <a:pt x="926" y="1401"/>
                    </a:lnTo>
                    <a:lnTo>
                      <a:pt x="926" y="1407"/>
                    </a:lnTo>
                    <a:lnTo>
                      <a:pt x="929" y="1414"/>
                    </a:lnTo>
                    <a:lnTo>
                      <a:pt x="932" y="1421"/>
                    </a:lnTo>
                    <a:lnTo>
                      <a:pt x="936" y="1428"/>
                    </a:lnTo>
                    <a:lnTo>
                      <a:pt x="945" y="1441"/>
                    </a:lnTo>
                    <a:lnTo>
                      <a:pt x="954" y="1452"/>
                    </a:lnTo>
                    <a:lnTo>
                      <a:pt x="961" y="1465"/>
                    </a:lnTo>
                    <a:lnTo>
                      <a:pt x="965" y="1476"/>
                    </a:lnTo>
                    <a:lnTo>
                      <a:pt x="967" y="1481"/>
                    </a:lnTo>
                    <a:lnTo>
                      <a:pt x="967" y="1485"/>
                    </a:lnTo>
                    <a:lnTo>
                      <a:pt x="964" y="1490"/>
                    </a:lnTo>
                    <a:lnTo>
                      <a:pt x="960" y="1494"/>
                    </a:lnTo>
                    <a:lnTo>
                      <a:pt x="889" y="1555"/>
                    </a:lnTo>
                    <a:lnTo>
                      <a:pt x="875" y="1568"/>
                    </a:lnTo>
                    <a:lnTo>
                      <a:pt x="863" y="1581"/>
                    </a:lnTo>
                    <a:lnTo>
                      <a:pt x="851" y="1594"/>
                    </a:lnTo>
                    <a:lnTo>
                      <a:pt x="842" y="1608"/>
                    </a:lnTo>
                    <a:lnTo>
                      <a:pt x="834" y="1622"/>
                    </a:lnTo>
                    <a:lnTo>
                      <a:pt x="827" y="1639"/>
                    </a:lnTo>
                    <a:lnTo>
                      <a:pt x="821" y="1656"/>
                    </a:lnTo>
                    <a:lnTo>
                      <a:pt x="816" y="1674"/>
                    </a:lnTo>
                    <a:lnTo>
                      <a:pt x="810" y="1704"/>
                    </a:lnTo>
                    <a:lnTo>
                      <a:pt x="805" y="1734"/>
                    </a:lnTo>
                    <a:lnTo>
                      <a:pt x="801" y="1765"/>
                    </a:lnTo>
                    <a:lnTo>
                      <a:pt x="799" y="1794"/>
                    </a:lnTo>
                    <a:lnTo>
                      <a:pt x="801" y="1806"/>
                    </a:lnTo>
                    <a:lnTo>
                      <a:pt x="803" y="1816"/>
                    </a:lnTo>
                    <a:lnTo>
                      <a:pt x="809" y="1824"/>
                    </a:lnTo>
                    <a:lnTo>
                      <a:pt x="815" y="1832"/>
                    </a:lnTo>
                    <a:lnTo>
                      <a:pt x="821" y="1838"/>
                    </a:lnTo>
                    <a:lnTo>
                      <a:pt x="831" y="1844"/>
                    </a:lnTo>
                    <a:lnTo>
                      <a:pt x="838" y="1848"/>
                    </a:lnTo>
                    <a:lnTo>
                      <a:pt x="846" y="1851"/>
                    </a:lnTo>
                    <a:lnTo>
                      <a:pt x="854" y="1855"/>
                    </a:lnTo>
                    <a:lnTo>
                      <a:pt x="862" y="1859"/>
                    </a:lnTo>
                    <a:lnTo>
                      <a:pt x="867" y="1862"/>
                    </a:lnTo>
                    <a:lnTo>
                      <a:pt x="872" y="1867"/>
                    </a:lnTo>
                    <a:lnTo>
                      <a:pt x="875" y="1871"/>
                    </a:lnTo>
                    <a:lnTo>
                      <a:pt x="876" y="1876"/>
                    </a:lnTo>
                    <a:lnTo>
                      <a:pt x="875" y="1883"/>
                    </a:lnTo>
                    <a:lnTo>
                      <a:pt x="869" y="1890"/>
                    </a:lnTo>
                    <a:lnTo>
                      <a:pt x="860" y="1902"/>
                    </a:lnTo>
                    <a:lnTo>
                      <a:pt x="853" y="1911"/>
                    </a:lnTo>
                    <a:lnTo>
                      <a:pt x="844" y="1917"/>
                    </a:lnTo>
                    <a:lnTo>
                      <a:pt x="834" y="1921"/>
                    </a:lnTo>
                    <a:lnTo>
                      <a:pt x="825" y="1924"/>
                    </a:lnTo>
                    <a:lnTo>
                      <a:pt x="814" y="1924"/>
                    </a:lnTo>
                    <a:lnTo>
                      <a:pt x="801" y="1923"/>
                    </a:lnTo>
                    <a:lnTo>
                      <a:pt x="787" y="1921"/>
                    </a:lnTo>
                    <a:lnTo>
                      <a:pt x="779" y="1920"/>
                    </a:lnTo>
                    <a:lnTo>
                      <a:pt x="771" y="1920"/>
                    </a:lnTo>
                    <a:lnTo>
                      <a:pt x="764" y="1921"/>
                    </a:lnTo>
                    <a:lnTo>
                      <a:pt x="758" y="1923"/>
                    </a:lnTo>
                    <a:lnTo>
                      <a:pt x="752" y="1924"/>
                    </a:lnTo>
                    <a:lnTo>
                      <a:pt x="746" y="1927"/>
                    </a:lnTo>
                    <a:lnTo>
                      <a:pt x="741" y="1930"/>
                    </a:lnTo>
                    <a:lnTo>
                      <a:pt x="737" y="1933"/>
                    </a:lnTo>
                    <a:lnTo>
                      <a:pt x="728" y="1942"/>
                    </a:lnTo>
                    <a:lnTo>
                      <a:pt x="720" y="1951"/>
                    </a:lnTo>
                    <a:lnTo>
                      <a:pt x="713" y="1962"/>
                    </a:lnTo>
                    <a:lnTo>
                      <a:pt x="705" y="1973"/>
                    </a:lnTo>
                    <a:lnTo>
                      <a:pt x="701" y="1982"/>
                    </a:lnTo>
                    <a:lnTo>
                      <a:pt x="697" y="1989"/>
                    </a:lnTo>
                    <a:lnTo>
                      <a:pt x="692" y="1997"/>
                    </a:lnTo>
                    <a:lnTo>
                      <a:pt x="687" y="2003"/>
                    </a:lnTo>
                    <a:lnTo>
                      <a:pt x="675" y="2015"/>
                    </a:lnTo>
                    <a:lnTo>
                      <a:pt x="662" y="2026"/>
                    </a:lnTo>
                    <a:lnTo>
                      <a:pt x="649" y="2038"/>
                    </a:lnTo>
                    <a:lnTo>
                      <a:pt x="638" y="2050"/>
                    </a:lnTo>
                    <a:lnTo>
                      <a:pt x="631" y="2056"/>
                    </a:lnTo>
                    <a:lnTo>
                      <a:pt x="626" y="2063"/>
                    </a:lnTo>
                    <a:lnTo>
                      <a:pt x="622" y="2070"/>
                    </a:lnTo>
                    <a:lnTo>
                      <a:pt x="618" y="2078"/>
                    </a:lnTo>
                    <a:lnTo>
                      <a:pt x="612" y="2096"/>
                    </a:lnTo>
                    <a:lnTo>
                      <a:pt x="605" y="2116"/>
                    </a:lnTo>
                    <a:lnTo>
                      <a:pt x="600" y="2138"/>
                    </a:lnTo>
                    <a:lnTo>
                      <a:pt x="596" y="2160"/>
                    </a:lnTo>
                    <a:lnTo>
                      <a:pt x="592" y="2183"/>
                    </a:lnTo>
                    <a:lnTo>
                      <a:pt x="591" y="2205"/>
                    </a:lnTo>
                    <a:lnTo>
                      <a:pt x="588" y="2226"/>
                    </a:lnTo>
                    <a:lnTo>
                      <a:pt x="588" y="2245"/>
                    </a:lnTo>
                    <a:lnTo>
                      <a:pt x="588" y="2245"/>
                    </a:lnTo>
                    <a:lnTo>
                      <a:pt x="569" y="2252"/>
                    </a:lnTo>
                    <a:lnTo>
                      <a:pt x="551" y="2259"/>
                    </a:lnTo>
                    <a:lnTo>
                      <a:pt x="533" y="2269"/>
                    </a:lnTo>
                    <a:lnTo>
                      <a:pt x="514" y="2278"/>
                    </a:lnTo>
                    <a:lnTo>
                      <a:pt x="495" y="2285"/>
                    </a:lnTo>
                    <a:lnTo>
                      <a:pt x="477" y="2292"/>
                    </a:lnTo>
                    <a:lnTo>
                      <a:pt x="467" y="2294"/>
                    </a:lnTo>
                    <a:lnTo>
                      <a:pt x="456" y="2297"/>
                    </a:lnTo>
                    <a:lnTo>
                      <a:pt x="447" y="2298"/>
                    </a:lnTo>
                    <a:lnTo>
                      <a:pt x="435" y="2298"/>
                    </a:lnTo>
                    <a:lnTo>
                      <a:pt x="429" y="2298"/>
                    </a:lnTo>
                    <a:lnTo>
                      <a:pt x="421" y="2296"/>
                    </a:lnTo>
                    <a:lnTo>
                      <a:pt x="413" y="2292"/>
                    </a:lnTo>
                    <a:lnTo>
                      <a:pt x="406" y="2288"/>
                    </a:lnTo>
                    <a:lnTo>
                      <a:pt x="389" y="2276"/>
                    </a:lnTo>
                    <a:lnTo>
                      <a:pt x="373" y="2262"/>
                    </a:lnTo>
                    <a:lnTo>
                      <a:pt x="356" y="2248"/>
                    </a:lnTo>
                    <a:lnTo>
                      <a:pt x="341" y="2232"/>
                    </a:lnTo>
                    <a:lnTo>
                      <a:pt x="327" y="2219"/>
                    </a:lnTo>
                    <a:lnTo>
                      <a:pt x="312" y="2209"/>
                    </a:lnTo>
                    <a:lnTo>
                      <a:pt x="302" y="2204"/>
                    </a:lnTo>
                    <a:lnTo>
                      <a:pt x="292" y="2199"/>
                    </a:lnTo>
                    <a:lnTo>
                      <a:pt x="281" y="2196"/>
                    </a:lnTo>
                    <a:lnTo>
                      <a:pt x="271" y="2192"/>
                    </a:lnTo>
                    <a:lnTo>
                      <a:pt x="259" y="2190"/>
                    </a:lnTo>
                    <a:lnTo>
                      <a:pt x="249" y="2186"/>
                    </a:lnTo>
                    <a:lnTo>
                      <a:pt x="239" y="2179"/>
                    </a:lnTo>
                    <a:lnTo>
                      <a:pt x="228" y="2173"/>
                    </a:lnTo>
                    <a:lnTo>
                      <a:pt x="216" y="2164"/>
                    </a:lnTo>
                    <a:lnTo>
                      <a:pt x="206" y="2155"/>
                    </a:lnTo>
                    <a:lnTo>
                      <a:pt x="196" y="2147"/>
                    </a:lnTo>
                    <a:lnTo>
                      <a:pt x="184" y="2142"/>
                    </a:lnTo>
                    <a:lnTo>
                      <a:pt x="172" y="2136"/>
                    </a:lnTo>
                    <a:lnTo>
                      <a:pt x="161" y="2133"/>
                    </a:lnTo>
                    <a:lnTo>
                      <a:pt x="148" y="2131"/>
                    </a:lnTo>
                    <a:lnTo>
                      <a:pt x="132" y="2131"/>
                    </a:lnTo>
                    <a:lnTo>
                      <a:pt x="104" y="2135"/>
                    </a:lnTo>
                    <a:lnTo>
                      <a:pt x="65" y="2140"/>
                    </a:lnTo>
                    <a:lnTo>
                      <a:pt x="44" y="2143"/>
                    </a:lnTo>
                    <a:lnTo>
                      <a:pt x="25" y="2144"/>
                    </a:lnTo>
                    <a:lnTo>
                      <a:pt x="17" y="2144"/>
                    </a:lnTo>
                    <a:lnTo>
                      <a:pt x="11" y="2143"/>
                    </a:lnTo>
                    <a:lnTo>
                      <a:pt x="4" y="2142"/>
                    </a:lnTo>
                    <a:lnTo>
                      <a:pt x="0" y="2140"/>
                    </a:lnTo>
                    <a:lnTo>
                      <a:pt x="0" y="2135"/>
                    </a:lnTo>
                    <a:lnTo>
                      <a:pt x="3" y="2130"/>
                    </a:lnTo>
                    <a:lnTo>
                      <a:pt x="7" y="2123"/>
                    </a:lnTo>
                    <a:lnTo>
                      <a:pt x="12" y="2117"/>
                    </a:lnTo>
                    <a:lnTo>
                      <a:pt x="25" y="2101"/>
                    </a:lnTo>
                    <a:lnTo>
                      <a:pt x="40" y="2085"/>
                    </a:lnTo>
                    <a:lnTo>
                      <a:pt x="55" y="2066"/>
                    </a:lnTo>
                    <a:lnTo>
                      <a:pt x="69" y="2048"/>
                    </a:lnTo>
                    <a:lnTo>
                      <a:pt x="74" y="2038"/>
                    </a:lnTo>
                    <a:lnTo>
                      <a:pt x="78" y="2029"/>
                    </a:lnTo>
                    <a:lnTo>
                      <a:pt x="82" y="2020"/>
                    </a:lnTo>
                    <a:lnTo>
                      <a:pt x="83" y="2011"/>
                    </a:lnTo>
                    <a:lnTo>
                      <a:pt x="100" y="1987"/>
                    </a:lnTo>
                    <a:lnTo>
                      <a:pt x="119" y="1958"/>
                    </a:lnTo>
                    <a:lnTo>
                      <a:pt x="140" y="1924"/>
                    </a:lnTo>
                    <a:lnTo>
                      <a:pt x="158" y="1886"/>
                    </a:lnTo>
                    <a:lnTo>
                      <a:pt x="167" y="1868"/>
                    </a:lnTo>
                    <a:lnTo>
                      <a:pt x="174" y="1849"/>
                    </a:lnTo>
                    <a:lnTo>
                      <a:pt x="180" y="1831"/>
                    </a:lnTo>
                    <a:lnTo>
                      <a:pt x="185" y="1813"/>
                    </a:lnTo>
                    <a:lnTo>
                      <a:pt x="189" y="1796"/>
                    </a:lnTo>
                    <a:lnTo>
                      <a:pt x="191" y="1779"/>
                    </a:lnTo>
                    <a:lnTo>
                      <a:pt x="191" y="1765"/>
                    </a:lnTo>
                    <a:lnTo>
                      <a:pt x="188" y="1750"/>
                    </a:lnTo>
                    <a:lnTo>
                      <a:pt x="185" y="1744"/>
                    </a:lnTo>
                    <a:lnTo>
                      <a:pt x="185" y="1737"/>
                    </a:lnTo>
                    <a:lnTo>
                      <a:pt x="185" y="1732"/>
                    </a:lnTo>
                    <a:lnTo>
                      <a:pt x="185" y="1728"/>
                    </a:lnTo>
                    <a:lnTo>
                      <a:pt x="187" y="1724"/>
                    </a:lnTo>
                    <a:lnTo>
                      <a:pt x="188" y="1722"/>
                    </a:lnTo>
                    <a:lnTo>
                      <a:pt x="191" y="1719"/>
                    </a:lnTo>
                    <a:lnTo>
                      <a:pt x="193" y="1717"/>
                    </a:lnTo>
                    <a:lnTo>
                      <a:pt x="200" y="1713"/>
                    </a:lnTo>
                    <a:lnTo>
                      <a:pt x="207" y="1709"/>
                    </a:lnTo>
                    <a:lnTo>
                      <a:pt x="215" y="1702"/>
                    </a:lnTo>
                    <a:lnTo>
                      <a:pt x="222" y="1695"/>
                    </a:lnTo>
                    <a:lnTo>
                      <a:pt x="229" y="1684"/>
                    </a:lnTo>
                    <a:lnTo>
                      <a:pt x="240" y="1674"/>
                    </a:lnTo>
                    <a:lnTo>
                      <a:pt x="249" y="1665"/>
                    </a:lnTo>
                    <a:lnTo>
                      <a:pt x="258" y="1653"/>
                    </a:lnTo>
                    <a:lnTo>
                      <a:pt x="263" y="1645"/>
                    </a:lnTo>
                    <a:lnTo>
                      <a:pt x="268" y="1638"/>
                    </a:lnTo>
                    <a:lnTo>
                      <a:pt x="271" y="1629"/>
                    </a:lnTo>
                    <a:lnTo>
                      <a:pt x="273" y="1621"/>
                    </a:lnTo>
                    <a:lnTo>
                      <a:pt x="276" y="1604"/>
                    </a:lnTo>
                    <a:lnTo>
                      <a:pt x="277" y="1587"/>
                    </a:lnTo>
                    <a:lnTo>
                      <a:pt x="277" y="1569"/>
                    </a:lnTo>
                    <a:lnTo>
                      <a:pt x="277" y="1552"/>
                    </a:lnTo>
                    <a:lnTo>
                      <a:pt x="279" y="1535"/>
                    </a:lnTo>
                    <a:lnTo>
                      <a:pt x="283" y="1518"/>
                    </a:lnTo>
                    <a:lnTo>
                      <a:pt x="284" y="1520"/>
                    </a:lnTo>
                    <a:lnTo>
                      <a:pt x="285" y="1521"/>
                    </a:lnTo>
                    <a:lnTo>
                      <a:pt x="288" y="1522"/>
                    </a:lnTo>
                    <a:lnTo>
                      <a:pt x="289" y="1525"/>
                    </a:lnTo>
                    <a:lnTo>
                      <a:pt x="292" y="1531"/>
                    </a:lnTo>
                    <a:lnTo>
                      <a:pt x="293" y="1537"/>
                    </a:lnTo>
                    <a:lnTo>
                      <a:pt x="298" y="1541"/>
                    </a:lnTo>
                    <a:lnTo>
                      <a:pt x="303" y="1544"/>
                    </a:lnTo>
                    <a:lnTo>
                      <a:pt x="310" y="1547"/>
                    </a:lnTo>
                    <a:lnTo>
                      <a:pt x="315" y="1550"/>
                    </a:lnTo>
                    <a:lnTo>
                      <a:pt x="327" y="1556"/>
                    </a:lnTo>
                    <a:lnTo>
                      <a:pt x="343" y="1564"/>
                    </a:lnTo>
                    <a:lnTo>
                      <a:pt x="353" y="1566"/>
                    </a:lnTo>
                    <a:lnTo>
                      <a:pt x="360" y="1569"/>
                    </a:lnTo>
                    <a:lnTo>
                      <a:pt x="367" y="1570"/>
                    </a:lnTo>
                    <a:lnTo>
                      <a:pt x="373" y="1570"/>
                    </a:lnTo>
                    <a:lnTo>
                      <a:pt x="372" y="1564"/>
                    </a:lnTo>
                    <a:lnTo>
                      <a:pt x="369" y="1557"/>
                    </a:lnTo>
                    <a:lnTo>
                      <a:pt x="367" y="1553"/>
                    </a:lnTo>
                    <a:lnTo>
                      <a:pt x="364" y="1550"/>
                    </a:lnTo>
                    <a:lnTo>
                      <a:pt x="362" y="1544"/>
                    </a:lnTo>
                    <a:lnTo>
                      <a:pt x="359" y="1539"/>
                    </a:lnTo>
                    <a:lnTo>
                      <a:pt x="359" y="1533"/>
                    </a:lnTo>
                    <a:lnTo>
                      <a:pt x="360" y="1524"/>
                    </a:lnTo>
                    <a:lnTo>
                      <a:pt x="362" y="1517"/>
                    </a:lnTo>
                    <a:lnTo>
                      <a:pt x="362" y="1513"/>
                    </a:lnTo>
                    <a:lnTo>
                      <a:pt x="362" y="1509"/>
                    </a:lnTo>
                    <a:lnTo>
                      <a:pt x="360" y="1508"/>
                    </a:lnTo>
                    <a:lnTo>
                      <a:pt x="358" y="1507"/>
                    </a:lnTo>
                    <a:lnTo>
                      <a:pt x="356" y="1507"/>
                    </a:lnTo>
                    <a:lnTo>
                      <a:pt x="354" y="1507"/>
                    </a:lnTo>
                    <a:lnTo>
                      <a:pt x="350" y="1508"/>
                    </a:lnTo>
                    <a:lnTo>
                      <a:pt x="337" y="1516"/>
                    </a:lnTo>
                    <a:lnTo>
                      <a:pt x="323" y="1521"/>
                    </a:lnTo>
                    <a:lnTo>
                      <a:pt x="316" y="1520"/>
                    </a:lnTo>
                    <a:lnTo>
                      <a:pt x="311" y="1517"/>
                    </a:lnTo>
                    <a:lnTo>
                      <a:pt x="308" y="1513"/>
                    </a:lnTo>
                    <a:lnTo>
                      <a:pt x="306" y="1508"/>
                    </a:lnTo>
                    <a:lnTo>
                      <a:pt x="303" y="1503"/>
                    </a:lnTo>
                    <a:lnTo>
                      <a:pt x="299" y="1499"/>
                    </a:lnTo>
                    <a:lnTo>
                      <a:pt x="294" y="1495"/>
                    </a:lnTo>
                    <a:lnTo>
                      <a:pt x="288" y="1493"/>
                    </a:lnTo>
                    <a:lnTo>
                      <a:pt x="280" y="1494"/>
                    </a:lnTo>
                    <a:lnTo>
                      <a:pt x="272" y="1495"/>
                    </a:lnTo>
                    <a:lnTo>
                      <a:pt x="263" y="1498"/>
                    </a:lnTo>
                    <a:lnTo>
                      <a:pt x="255" y="1502"/>
                    </a:lnTo>
                    <a:lnTo>
                      <a:pt x="240" y="1508"/>
                    </a:lnTo>
                    <a:lnTo>
                      <a:pt x="224" y="1513"/>
                    </a:lnTo>
                    <a:lnTo>
                      <a:pt x="215" y="1513"/>
                    </a:lnTo>
                    <a:lnTo>
                      <a:pt x="207" y="1513"/>
                    </a:lnTo>
                    <a:lnTo>
                      <a:pt x="200" y="1512"/>
                    </a:lnTo>
                    <a:lnTo>
                      <a:pt x="193" y="1509"/>
                    </a:lnTo>
                    <a:lnTo>
                      <a:pt x="179" y="1503"/>
                    </a:lnTo>
                    <a:lnTo>
                      <a:pt x="165" y="1496"/>
                    </a:lnTo>
                    <a:lnTo>
                      <a:pt x="135" y="1487"/>
                    </a:lnTo>
                    <a:lnTo>
                      <a:pt x="119" y="1481"/>
                    </a:lnTo>
                    <a:lnTo>
                      <a:pt x="118" y="1478"/>
                    </a:lnTo>
                    <a:lnTo>
                      <a:pt x="117" y="1476"/>
                    </a:lnTo>
                    <a:lnTo>
                      <a:pt x="118" y="1473"/>
                    </a:lnTo>
                    <a:lnTo>
                      <a:pt x="119" y="1469"/>
                    </a:lnTo>
                    <a:lnTo>
                      <a:pt x="127" y="1460"/>
                    </a:lnTo>
                    <a:lnTo>
                      <a:pt x="140" y="1446"/>
                    </a:lnTo>
                    <a:lnTo>
                      <a:pt x="144" y="1441"/>
                    </a:lnTo>
                    <a:lnTo>
                      <a:pt x="148" y="1436"/>
                    </a:lnTo>
                    <a:lnTo>
                      <a:pt x="150" y="1429"/>
                    </a:lnTo>
                    <a:lnTo>
                      <a:pt x="153" y="1423"/>
                    </a:lnTo>
                    <a:lnTo>
                      <a:pt x="156" y="1408"/>
                    </a:lnTo>
                    <a:lnTo>
                      <a:pt x="157" y="1394"/>
                    </a:lnTo>
                    <a:lnTo>
                      <a:pt x="157" y="1389"/>
                    </a:lnTo>
                    <a:lnTo>
                      <a:pt x="159" y="1385"/>
                    </a:lnTo>
                    <a:lnTo>
                      <a:pt x="161" y="1381"/>
                    </a:lnTo>
                    <a:lnTo>
                      <a:pt x="165" y="1379"/>
                    </a:lnTo>
                    <a:lnTo>
                      <a:pt x="172" y="1376"/>
                    </a:lnTo>
                    <a:lnTo>
                      <a:pt x="182" y="1375"/>
                    </a:lnTo>
                    <a:lnTo>
                      <a:pt x="204" y="1377"/>
                    </a:lnTo>
                    <a:lnTo>
                      <a:pt x="220" y="1381"/>
                    </a:lnTo>
                    <a:lnTo>
                      <a:pt x="233" y="1381"/>
                    </a:lnTo>
                    <a:lnTo>
                      <a:pt x="245" y="1380"/>
                    </a:lnTo>
                    <a:lnTo>
                      <a:pt x="251" y="1377"/>
                    </a:lnTo>
                    <a:lnTo>
                      <a:pt x="257" y="1375"/>
                    </a:lnTo>
                    <a:lnTo>
                      <a:pt x="262" y="1372"/>
                    </a:lnTo>
                    <a:lnTo>
                      <a:pt x="266" y="1368"/>
                    </a:lnTo>
                    <a:lnTo>
                      <a:pt x="273" y="1357"/>
                    </a:lnTo>
                    <a:lnTo>
                      <a:pt x="280" y="1349"/>
                    </a:lnTo>
                    <a:lnTo>
                      <a:pt x="283" y="1342"/>
                    </a:lnTo>
                    <a:lnTo>
                      <a:pt x="284" y="1337"/>
                    </a:lnTo>
                    <a:lnTo>
                      <a:pt x="283" y="1333"/>
                    </a:lnTo>
                    <a:lnTo>
                      <a:pt x="280" y="1332"/>
                    </a:lnTo>
                    <a:lnTo>
                      <a:pt x="275" y="1331"/>
                    </a:lnTo>
                    <a:lnTo>
                      <a:pt x="268" y="1331"/>
                    </a:lnTo>
                    <a:lnTo>
                      <a:pt x="236" y="1337"/>
                    </a:lnTo>
                    <a:lnTo>
                      <a:pt x="204" y="1342"/>
                    </a:lnTo>
                    <a:lnTo>
                      <a:pt x="187" y="1342"/>
                    </a:lnTo>
                    <a:lnTo>
                      <a:pt x="172" y="1341"/>
                    </a:lnTo>
                    <a:lnTo>
                      <a:pt x="161" y="1338"/>
                    </a:lnTo>
                    <a:lnTo>
                      <a:pt x="149" y="1336"/>
                    </a:lnTo>
                    <a:lnTo>
                      <a:pt x="141" y="1332"/>
                    </a:lnTo>
                    <a:lnTo>
                      <a:pt x="134" y="1327"/>
                    </a:lnTo>
                    <a:lnTo>
                      <a:pt x="128" y="1322"/>
                    </a:lnTo>
                    <a:lnTo>
                      <a:pt x="125" y="1315"/>
                    </a:lnTo>
                    <a:lnTo>
                      <a:pt x="123" y="1309"/>
                    </a:lnTo>
                    <a:lnTo>
                      <a:pt x="122" y="1301"/>
                    </a:lnTo>
                    <a:lnTo>
                      <a:pt x="123" y="1292"/>
                    </a:lnTo>
                    <a:lnTo>
                      <a:pt x="126" y="1283"/>
                    </a:lnTo>
                    <a:lnTo>
                      <a:pt x="130" y="1272"/>
                    </a:lnTo>
                    <a:lnTo>
                      <a:pt x="135" y="1261"/>
                    </a:lnTo>
                    <a:lnTo>
                      <a:pt x="141" y="1249"/>
                    </a:lnTo>
                    <a:lnTo>
                      <a:pt x="149" y="1237"/>
                    </a:lnTo>
                    <a:lnTo>
                      <a:pt x="158" y="1227"/>
                    </a:lnTo>
                    <a:lnTo>
                      <a:pt x="166" y="1218"/>
                    </a:lnTo>
                    <a:lnTo>
                      <a:pt x="176" y="1209"/>
                    </a:lnTo>
                    <a:lnTo>
                      <a:pt x="185" y="1201"/>
                    </a:lnTo>
                    <a:lnTo>
                      <a:pt x="193" y="1192"/>
                    </a:lnTo>
                    <a:lnTo>
                      <a:pt x="201" y="1182"/>
                    </a:lnTo>
                    <a:lnTo>
                      <a:pt x="204" y="1177"/>
                    </a:lnTo>
                    <a:lnTo>
                      <a:pt x="206" y="1171"/>
                    </a:lnTo>
                    <a:lnTo>
                      <a:pt x="209" y="1165"/>
                    </a:lnTo>
                    <a:lnTo>
                      <a:pt x="210" y="1158"/>
                    </a:lnTo>
                    <a:lnTo>
                      <a:pt x="218" y="1145"/>
                    </a:lnTo>
                    <a:lnTo>
                      <a:pt x="226" y="1132"/>
                    </a:lnTo>
                    <a:lnTo>
                      <a:pt x="229" y="1129"/>
                    </a:lnTo>
                    <a:lnTo>
                      <a:pt x="233" y="1125"/>
                    </a:lnTo>
                    <a:lnTo>
                      <a:pt x="236" y="1120"/>
                    </a:lnTo>
                    <a:lnTo>
                      <a:pt x="239" y="1114"/>
                    </a:lnTo>
                    <a:lnTo>
                      <a:pt x="239" y="1109"/>
                    </a:lnTo>
                    <a:lnTo>
                      <a:pt x="239" y="1103"/>
                    </a:lnTo>
                    <a:lnTo>
                      <a:pt x="237" y="1091"/>
                    </a:lnTo>
                    <a:lnTo>
                      <a:pt x="232" y="1079"/>
                    </a:lnTo>
                    <a:lnTo>
                      <a:pt x="229" y="1074"/>
                    </a:lnTo>
                    <a:lnTo>
                      <a:pt x="228" y="1073"/>
                    </a:lnTo>
                    <a:lnTo>
                      <a:pt x="231" y="1069"/>
                    </a:lnTo>
                    <a:lnTo>
                      <a:pt x="237" y="1060"/>
                    </a:lnTo>
                    <a:lnTo>
                      <a:pt x="249" y="1059"/>
                    </a:lnTo>
                    <a:lnTo>
                      <a:pt x="262" y="1053"/>
                    </a:lnTo>
                    <a:lnTo>
                      <a:pt x="273" y="1047"/>
                    </a:lnTo>
                    <a:lnTo>
                      <a:pt x="285" y="1040"/>
                    </a:lnTo>
                    <a:lnTo>
                      <a:pt x="307" y="1024"/>
                    </a:lnTo>
                    <a:lnTo>
                      <a:pt x="327" y="1007"/>
                    </a:lnTo>
                    <a:lnTo>
                      <a:pt x="332" y="1003"/>
                    </a:lnTo>
                    <a:lnTo>
                      <a:pt x="337" y="998"/>
                    </a:lnTo>
                    <a:lnTo>
                      <a:pt x="341" y="993"/>
                    </a:lnTo>
                    <a:lnTo>
                      <a:pt x="343" y="987"/>
                    </a:lnTo>
                    <a:lnTo>
                      <a:pt x="349" y="977"/>
                    </a:lnTo>
                    <a:lnTo>
                      <a:pt x="353" y="967"/>
                    </a:lnTo>
                    <a:lnTo>
                      <a:pt x="355" y="956"/>
                    </a:lnTo>
                    <a:lnTo>
                      <a:pt x="359" y="946"/>
                    </a:lnTo>
                    <a:lnTo>
                      <a:pt x="364" y="936"/>
                    </a:lnTo>
                    <a:lnTo>
                      <a:pt x="372" y="925"/>
                    </a:lnTo>
                    <a:lnTo>
                      <a:pt x="385" y="912"/>
                    </a:lnTo>
                    <a:lnTo>
                      <a:pt x="398" y="901"/>
                    </a:lnTo>
                    <a:lnTo>
                      <a:pt x="404" y="894"/>
                    </a:lnTo>
                    <a:lnTo>
                      <a:pt x="410" y="888"/>
                    </a:lnTo>
                    <a:lnTo>
                      <a:pt x="415" y="880"/>
                    </a:lnTo>
                    <a:lnTo>
                      <a:pt x="420" y="871"/>
                    </a:lnTo>
                    <a:lnTo>
                      <a:pt x="556" y="670"/>
                    </a:lnTo>
                    <a:lnTo>
                      <a:pt x="570" y="653"/>
                    </a:lnTo>
                    <a:lnTo>
                      <a:pt x="588" y="634"/>
                    </a:lnTo>
                    <a:lnTo>
                      <a:pt x="609" y="613"/>
                    </a:lnTo>
                    <a:lnTo>
                      <a:pt x="630" y="592"/>
                    </a:lnTo>
                    <a:lnTo>
                      <a:pt x="649" y="570"/>
                    </a:lnTo>
                    <a:lnTo>
                      <a:pt x="666" y="548"/>
                    </a:lnTo>
                    <a:lnTo>
                      <a:pt x="673" y="538"/>
                    </a:lnTo>
                    <a:lnTo>
                      <a:pt x="678" y="529"/>
                    </a:lnTo>
                    <a:lnTo>
                      <a:pt x="680" y="518"/>
                    </a:lnTo>
                    <a:lnTo>
                      <a:pt x="682" y="509"/>
                    </a:lnTo>
                    <a:lnTo>
                      <a:pt x="680" y="508"/>
                    </a:lnTo>
                    <a:lnTo>
                      <a:pt x="670" y="512"/>
                    </a:lnTo>
                    <a:lnTo>
                      <a:pt x="654" y="518"/>
                    </a:lnTo>
                    <a:lnTo>
                      <a:pt x="641" y="524"/>
                    </a:lnTo>
                    <a:lnTo>
                      <a:pt x="635" y="526"/>
                    </a:lnTo>
                    <a:lnTo>
                      <a:pt x="638" y="517"/>
                    </a:lnTo>
                    <a:lnTo>
                      <a:pt x="641" y="505"/>
                    </a:lnTo>
                    <a:lnTo>
                      <a:pt x="644" y="500"/>
                    </a:lnTo>
                    <a:lnTo>
                      <a:pt x="647" y="495"/>
                    </a:lnTo>
                    <a:lnTo>
                      <a:pt x="649" y="491"/>
                    </a:lnTo>
                    <a:lnTo>
                      <a:pt x="652" y="490"/>
                    </a:lnTo>
                    <a:lnTo>
                      <a:pt x="658" y="469"/>
                    </a:lnTo>
                    <a:lnTo>
                      <a:pt x="671" y="439"/>
                    </a:lnTo>
                    <a:lnTo>
                      <a:pt x="684" y="408"/>
                    </a:lnTo>
                    <a:lnTo>
                      <a:pt x="693" y="385"/>
                    </a:lnTo>
                    <a:lnTo>
                      <a:pt x="733" y="220"/>
                    </a:lnTo>
                    <a:lnTo>
                      <a:pt x="740" y="200"/>
                    </a:lnTo>
                    <a:lnTo>
                      <a:pt x="752" y="170"/>
                    </a:lnTo>
                    <a:lnTo>
                      <a:pt x="757" y="156"/>
                    </a:lnTo>
                    <a:lnTo>
                      <a:pt x="761" y="143"/>
                    </a:lnTo>
                    <a:lnTo>
                      <a:pt x="763" y="132"/>
                    </a:lnTo>
                    <a:lnTo>
                      <a:pt x="763" y="125"/>
                    </a:lnTo>
                    <a:lnTo>
                      <a:pt x="761" y="110"/>
                    </a:lnTo>
                    <a:lnTo>
                      <a:pt x="758" y="100"/>
                    </a:lnTo>
                    <a:lnTo>
                      <a:pt x="759" y="91"/>
                    </a:lnTo>
                    <a:lnTo>
                      <a:pt x="762" y="84"/>
                    </a:lnTo>
                    <a:lnTo>
                      <a:pt x="767" y="78"/>
                    </a:lnTo>
                    <a:lnTo>
                      <a:pt x="775" y="72"/>
                    </a:lnTo>
                    <a:lnTo>
                      <a:pt x="785" y="64"/>
                    </a:lnTo>
                    <a:lnTo>
                      <a:pt x="798" y="55"/>
                    </a:lnTo>
                    <a:lnTo>
                      <a:pt x="799" y="53"/>
                    </a:lnTo>
                    <a:lnTo>
                      <a:pt x="801" y="51"/>
                    </a:lnTo>
                    <a:lnTo>
                      <a:pt x="801" y="49"/>
                    </a:lnTo>
                    <a:lnTo>
                      <a:pt x="799" y="47"/>
                    </a:lnTo>
                    <a:lnTo>
                      <a:pt x="799" y="47"/>
                    </a:lnTo>
                    <a:close/>
                  </a:path>
                </a:pathLst>
              </a:custGeom>
              <a:solidFill>
                <a:srgbClr val="A6A6A6"/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5" name="Freeform 242">
                <a:extLst>
                  <a:ext uri="{FF2B5EF4-FFF2-40B4-BE49-F238E27FC236}">
                    <a16:creationId xmlns:a16="http://schemas.microsoft.com/office/drawing/2014/main" id="{FE3FED82-DC36-9940-8C2B-79642EC1E0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53862" y="5260090"/>
                <a:ext cx="67403" cy="57802"/>
              </a:xfrm>
              <a:custGeom>
                <a:avLst/>
                <a:gdLst/>
                <a:ahLst/>
                <a:cxnLst>
                  <a:cxn ang="0">
                    <a:pos x="24" y="3"/>
                  </a:cxn>
                  <a:cxn ang="0">
                    <a:pos x="17" y="12"/>
                  </a:cxn>
                  <a:cxn ang="0">
                    <a:pos x="9" y="21"/>
                  </a:cxn>
                  <a:cxn ang="0">
                    <a:pos x="5" y="26"/>
                  </a:cxn>
                  <a:cxn ang="0">
                    <a:pos x="2" y="31"/>
                  </a:cxn>
                  <a:cxn ang="0">
                    <a:pos x="1" y="37"/>
                  </a:cxn>
                  <a:cxn ang="0">
                    <a:pos x="0" y="43"/>
                  </a:cxn>
                  <a:cxn ang="0">
                    <a:pos x="0" y="55"/>
                  </a:cxn>
                  <a:cxn ang="0">
                    <a:pos x="0" y="68"/>
                  </a:cxn>
                  <a:cxn ang="0">
                    <a:pos x="1" y="81"/>
                  </a:cxn>
                  <a:cxn ang="0">
                    <a:pos x="4" y="92"/>
                  </a:cxn>
                  <a:cxn ang="0">
                    <a:pos x="5" y="97"/>
                  </a:cxn>
                  <a:cxn ang="0">
                    <a:pos x="7" y="104"/>
                  </a:cxn>
                  <a:cxn ang="0">
                    <a:pos x="10" y="108"/>
                  </a:cxn>
                  <a:cxn ang="0">
                    <a:pos x="14" y="113"/>
                  </a:cxn>
                  <a:cxn ang="0">
                    <a:pos x="18" y="117"/>
                  </a:cxn>
                  <a:cxn ang="0">
                    <a:pos x="23" y="121"/>
                  </a:cxn>
                  <a:cxn ang="0">
                    <a:pos x="30" y="123"/>
                  </a:cxn>
                  <a:cxn ang="0">
                    <a:pos x="36" y="126"/>
                  </a:cxn>
                  <a:cxn ang="0">
                    <a:pos x="42" y="127"/>
                  </a:cxn>
                  <a:cxn ang="0">
                    <a:pos x="49" y="127"/>
                  </a:cxn>
                  <a:cxn ang="0">
                    <a:pos x="57" y="126"/>
                  </a:cxn>
                  <a:cxn ang="0">
                    <a:pos x="64" y="123"/>
                  </a:cxn>
                  <a:cxn ang="0">
                    <a:pos x="80" y="117"/>
                  </a:cxn>
                  <a:cxn ang="0">
                    <a:pos x="93" y="112"/>
                  </a:cxn>
                  <a:cxn ang="0">
                    <a:pos x="105" y="107"/>
                  </a:cxn>
                  <a:cxn ang="0">
                    <a:pos x="116" y="103"/>
                  </a:cxn>
                  <a:cxn ang="0">
                    <a:pos x="129" y="101"/>
                  </a:cxn>
                  <a:cxn ang="0">
                    <a:pos x="142" y="101"/>
                  </a:cxn>
                  <a:cxn ang="0">
                    <a:pos x="146" y="82"/>
                  </a:cxn>
                  <a:cxn ang="0">
                    <a:pos x="140" y="63"/>
                  </a:cxn>
                  <a:cxn ang="0">
                    <a:pos x="132" y="44"/>
                  </a:cxn>
                  <a:cxn ang="0">
                    <a:pos x="128" y="35"/>
                  </a:cxn>
                  <a:cxn ang="0">
                    <a:pos x="121" y="28"/>
                  </a:cxn>
                  <a:cxn ang="0">
                    <a:pos x="115" y="21"/>
                  </a:cxn>
                  <a:cxn ang="0">
                    <a:pos x="107" y="15"/>
                  </a:cxn>
                  <a:cxn ang="0">
                    <a:pos x="97" y="9"/>
                  </a:cxn>
                  <a:cxn ang="0">
                    <a:pos x="87" y="6"/>
                  </a:cxn>
                  <a:cxn ang="0">
                    <a:pos x="76" y="3"/>
                  </a:cxn>
                  <a:cxn ang="0">
                    <a:pos x="66" y="2"/>
                  </a:cxn>
                  <a:cxn ang="0">
                    <a:pos x="46" y="0"/>
                  </a:cxn>
                  <a:cxn ang="0">
                    <a:pos x="24" y="0"/>
                  </a:cxn>
                  <a:cxn ang="0">
                    <a:pos x="24" y="2"/>
                  </a:cxn>
                  <a:cxn ang="0">
                    <a:pos x="24" y="3"/>
                  </a:cxn>
                </a:cxnLst>
                <a:rect l="0" t="0" r="r" b="b"/>
                <a:pathLst>
                  <a:path w="146" h="127">
                    <a:moveTo>
                      <a:pt x="24" y="3"/>
                    </a:moveTo>
                    <a:lnTo>
                      <a:pt x="17" y="12"/>
                    </a:lnTo>
                    <a:lnTo>
                      <a:pt x="9" y="21"/>
                    </a:lnTo>
                    <a:lnTo>
                      <a:pt x="5" y="26"/>
                    </a:lnTo>
                    <a:lnTo>
                      <a:pt x="2" y="31"/>
                    </a:lnTo>
                    <a:lnTo>
                      <a:pt x="1" y="37"/>
                    </a:lnTo>
                    <a:lnTo>
                      <a:pt x="0" y="43"/>
                    </a:lnTo>
                    <a:lnTo>
                      <a:pt x="0" y="55"/>
                    </a:lnTo>
                    <a:lnTo>
                      <a:pt x="0" y="68"/>
                    </a:lnTo>
                    <a:lnTo>
                      <a:pt x="1" y="81"/>
                    </a:lnTo>
                    <a:lnTo>
                      <a:pt x="4" y="92"/>
                    </a:lnTo>
                    <a:lnTo>
                      <a:pt x="5" y="97"/>
                    </a:lnTo>
                    <a:lnTo>
                      <a:pt x="7" y="104"/>
                    </a:lnTo>
                    <a:lnTo>
                      <a:pt x="10" y="108"/>
                    </a:lnTo>
                    <a:lnTo>
                      <a:pt x="14" y="113"/>
                    </a:lnTo>
                    <a:lnTo>
                      <a:pt x="18" y="117"/>
                    </a:lnTo>
                    <a:lnTo>
                      <a:pt x="23" y="121"/>
                    </a:lnTo>
                    <a:lnTo>
                      <a:pt x="30" y="123"/>
                    </a:lnTo>
                    <a:lnTo>
                      <a:pt x="36" y="126"/>
                    </a:lnTo>
                    <a:lnTo>
                      <a:pt x="42" y="127"/>
                    </a:lnTo>
                    <a:lnTo>
                      <a:pt x="49" y="127"/>
                    </a:lnTo>
                    <a:lnTo>
                      <a:pt x="57" y="126"/>
                    </a:lnTo>
                    <a:lnTo>
                      <a:pt x="64" y="123"/>
                    </a:lnTo>
                    <a:lnTo>
                      <a:pt x="80" y="117"/>
                    </a:lnTo>
                    <a:lnTo>
                      <a:pt x="93" y="112"/>
                    </a:lnTo>
                    <a:lnTo>
                      <a:pt x="105" y="107"/>
                    </a:lnTo>
                    <a:lnTo>
                      <a:pt x="116" y="103"/>
                    </a:lnTo>
                    <a:lnTo>
                      <a:pt x="129" y="101"/>
                    </a:lnTo>
                    <a:lnTo>
                      <a:pt x="142" y="101"/>
                    </a:lnTo>
                    <a:lnTo>
                      <a:pt x="146" y="82"/>
                    </a:lnTo>
                    <a:lnTo>
                      <a:pt x="140" y="63"/>
                    </a:lnTo>
                    <a:lnTo>
                      <a:pt x="132" y="44"/>
                    </a:lnTo>
                    <a:lnTo>
                      <a:pt x="128" y="35"/>
                    </a:lnTo>
                    <a:lnTo>
                      <a:pt x="121" y="28"/>
                    </a:lnTo>
                    <a:lnTo>
                      <a:pt x="115" y="21"/>
                    </a:lnTo>
                    <a:lnTo>
                      <a:pt x="107" y="15"/>
                    </a:lnTo>
                    <a:lnTo>
                      <a:pt x="97" y="9"/>
                    </a:lnTo>
                    <a:lnTo>
                      <a:pt x="87" y="6"/>
                    </a:lnTo>
                    <a:lnTo>
                      <a:pt x="76" y="3"/>
                    </a:lnTo>
                    <a:lnTo>
                      <a:pt x="66" y="2"/>
                    </a:lnTo>
                    <a:lnTo>
                      <a:pt x="46" y="0"/>
                    </a:lnTo>
                    <a:lnTo>
                      <a:pt x="24" y="0"/>
                    </a:lnTo>
                    <a:lnTo>
                      <a:pt x="24" y="2"/>
                    </a:lnTo>
                    <a:lnTo>
                      <a:pt x="24" y="3"/>
                    </a:lnTo>
                    <a:close/>
                  </a:path>
                </a:pathLst>
              </a:custGeom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  <p:sp>
            <p:nvSpPr>
              <p:cNvPr id="186" name="Freeform 243">
                <a:extLst>
                  <a:ext uri="{FF2B5EF4-FFF2-40B4-BE49-F238E27FC236}">
                    <a16:creationId xmlns:a16="http://schemas.microsoft.com/office/drawing/2014/main" id="{C18FB882-8679-984D-891E-C1D380550E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53862" y="5260090"/>
                <a:ext cx="67403" cy="57802"/>
              </a:xfrm>
              <a:custGeom>
                <a:avLst/>
                <a:gdLst/>
                <a:ahLst/>
                <a:cxnLst>
                  <a:cxn ang="0">
                    <a:pos x="24" y="3"/>
                  </a:cxn>
                  <a:cxn ang="0">
                    <a:pos x="17" y="12"/>
                  </a:cxn>
                  <a:cxn ang="0">
                    <a:pos x="9" y="21"/>
                  </a:cxn>
                  <a:cxn ang="0">
                    <a:pos x="5" y="26"/>
                  </a:cxn>
                  <a:cxn ang="0">
                    <a:pos x="2" y="31"/>
                  </a:cxn>
                  <a:cxn ang="0">
                    <a:pos x="1" y="37"/>
                  </a:cxn>
                  <a:cxn ang="0">
                    <a:pos x="0" y="43"/>
                  </a:cxn>
                  <a:cxn ang="0">
                    <a:pos x="0" y="55"/>
                  </a:cxn>
                  <a:cxn ang="0">
                    <a:pos x="0" y="68"/>
                  </a:cxn>
                  <a:cxn ang="0">
                    <a:pos x="1" y="81"/>
                  </a:cxn>
                  <a:cxn ang="0">
                    <a:pos x="4" y="92"/>
                  </a:cxn>
                  <a:cxn ang="0">
                    <a:pos x="5" y="97"/>
                  </a:cxn>
                  <a:cxn ang="0">
                    <a:pos x="7" y="104"/>
                  </a:cxn>
                  <a:cxn ang="0">
                    <a:pos x="10" y="108"/>
                  </a:cxn>
                  <a:cxn ang="0">
                    <a:pos x="14" y="113"/>
                  </a:cxn>
                  <a:cxn ang="0">
                    <a:pos x="18" y="117"/>
                  </a:cxn>
                  <a:cxn ang="0">
                    <a:pos x="23" y="121"/>
                  </a:cxn>
                  <a:cxn ang="0">
                    <a:pos x="30" y="123"/>
                  </a:cxn>
                  <a:cxn ang="0">
                    <a:pos x="36" y="126"/>
                  </a:cxn>
                  <a:cxn ang="0">
                    <a:pos x="42" y="127"/>
                  </a:cxn>
                  <a:cxn ang="0">
                    <a:pos x="49" y="127"/>
                  </a:cxn>
                  <a:cxn ang="0">
                    <a:pos x="57" y="126"/>
                  </a:cxn>
                  <a:cxn ang="0">
                    <a:pos x="64" y="123"/>
                  </a:cxn>
                  <a:cxn ang="0">
                    <a:pos x="80" y="117"/>
                  </a:cxn>
                  <a:cxn ang="0">
                    <a:pos x="93" y="112"/>
                  </a:cxn>
                  <a:cxn ang="0">
                    <a:pos x="105" y="107"/>
                  </a:cxn>
                  <a:cxn ang="0">
                    <a:pos x="116" y="103"/>
                  </a:cxn>
                  <a:cxn ang="0">
                    <a:pos x="129" y="101"/>
                  </a:cxn>
                  <a:cxn ang="0">
                    <a:pos x="142" y="101"/>
                  </a:cxn>
                  <a:cxn ang="0">
                    <a:pos x="142" y="101"/>
                  </a:cxn>
                  <a:cxn ang="0">
                    <a:pos x="146" y="82"/>
                  </a:cxn>
                  <a:cxn ang="0">
                    <a:pos x="140" y="63"/>
                  </a:cxn>
                  <a:cxn ang="0">
                    <a:pos x="132" y="44"/>
                  </a:cxn>
                  <a:cxn ang="0">
                    <a:pos x="128" y="35"/>
                  </a:cxn>
                  <a:cxn ang="0">
                    <a:pos x="121" y="28"/>
                  </a:cxn>
                  <a:cxn ang="0">
                    <a:pos x="115" y="21"/>
                  </a:cxn>
                  <a:cxn ang="0">
                    <a:pos x="107" y="15"/>
                  </a:cxn>
                  <a:cxn ang="0">
                    <a:pos x="97" y="9"/>
                  </a:cxn>
                  <a:cxn ang="0">
                    <a:pos x="87" y="6"/>
                  </a:cxn>
                  <a:cxn ang="0">
                    <a:pos x="76" y="3"/>
                  </a:cxn>
                  <a:cxn ang="0">
                    <a:pos x="66" y="2"/>
                  </a:cxn>
                  <a:cxn ang="0">
                    <a:pos x="46" y="0"/>
                  </a:cxn>
                  <a:cxn ang="0">
                    <a:pos x="24" y="0"/>
                  </a:cxn>
                  <a:cxn ang="0">
                    <a:pos x="24" y="2"/>
                  </a:cxn>
                  <a:cxn ang="0">
                    <a:pos x="24" y="3"/>
                  </a:cxn>
                  <a:cxn ang="0">
                    <a:pos x="24" y="3"/>
                  </a:cxn>
                </a:cxnLst>
                <a:rect l="0" t="0" r="r" b="b"/>
                <a:pathLst>
                  <a:path w="146" h="127">
                    <a:moveTo>
                      <a:pt x="24" y="3"/>
                    </a:moveTo>
                    <a:lnTo>
                      <a:pt x="17" y="12"/>
                    </a:lnTo>
                    <a:lnTo>
                      <a:pt x="9" y="21"/>
                    </a:lnTo>
                    <a:lnTo>
                      <a:pt x="5" y="26"/>
                    </a:lnTo>
                    <a:lnTo>
                      <a:pt x="2" y="31"/>
                    </a:lnTo>
                    <a:lnTo>
                      <a:pt x="1" y="37"/>
                    </a:lnTo>
                    <a:lnTo>
                      <a:pt x="0" y="43"/>
                    </a:lnTo>
                    <a:lnTo>
                      <a:pt x="0" y="55"/>
                    </a:lnTo>
                    <a:lnTo>
                      <a:pt x="0" y="68"/>
                    </a:lnTo>
                    <a:lnTo>
                      <a:pt x="1" y="81"/>
                    </a:lnTo>
                    <a:lnTo>
                      <a:pt x="4" y="92"/>
                    </a:lnTo>
                    <a:lnTo>
                      <a:pt x="5" y="97"/>
                    </a:lnTo>
                    <a:lnTo>
                      <a:pt x="7" y="104"/>
                    </a:lnTo>
                    <a:lnTo>
                      <a:pt x="10" y="108"/>
                    </a:lnTo>
                    <a:lnTo>
                      <a:pt x="14" y="113"/>
                    </a:lnTo>
                    <a:lnTo>
                      <a:pt x="18" y="117"/>
                    </a:lnTo>
                    <a:lnTo>
                      <a:pt x="23" y="121"/>
                    </a:lnTo>
                    <a:lnTo>
                      <a:pt x="30" y="123"/>
                    </a:lnTo>
                    <a:lnTo>
                      <a:pt x="36" y="126"/>
                    </a:lnTo>
                    <a:lnTo>
                      <a:pt x="42" y="127"/>
                    </a:lnTo>
                    <a:lnTo>
                      <a:pt x="49" y="127"/>
                    </a:lnTo>
                    <a:lnTo>
                      <a:pt x="57" y="126"/>
                    </a:lnTo>
                    <a:lnTo>
                      <a:pt x="64" y="123"/>
                    </a:lnTo>
                    <a:lnTo>
                      <a:pt x="80" y="117"/>
                    </a:lnTo>
                    <a:lnTo>
                      <a:pt x="93" y="112"/>
                    </a:lnTo>
                    <a:lnTo>
                      <a:pt x="105" y="107"/>
                    </a:lnTo>
                    <a:lnTo>
                      <a:pt x="116" y="103"/>
                    </a:lnTo>
                    <a:lnTo>
                      <a:pt x="129" y="101"/>
                    </a:lnTo>
                    <a:lnTo>
                      <a:pt x="142" y="101"/>
                    </a:lnTo>
                    <a:lnTo>
                      <a:pt x="142" y="101"/>
                    </a:lnTo>
                    <a:lnTo>
                      <a:pt x="146" y="82"/>
                    </a:lnTo>
                    <a:lnTo>
                      <a:pt x="140" y="63"/>
                    </a:lnTo>
                    <a:lnTo>
                      <a:pt x="132" y="44"/>
                    </a:lnTo>
                    <a:lnTo>
                      <a:pt x="128" y="35"/>
                    </a:lnTo>
                    <a:lnTo>
                      <a:pt x="121" y="28"/>
                    </a:lnTo>
                    <a:lnTo>
                      <a:pt x="115" y="21"/>
                    </a:lnTo>
                    <a:lnTo>
                      <a:pt x="107" y="15"/>
                    </a:lnTo>
                    <a:lnTo>
                      <a:pt x="97" y="9"/>
                    </a:lnTo>
                    <a:lnTo>
                      <a:pt x="87" y="6"/>
                    </a:lnTo>
                    <a:lnTo>
                      <a:pt x="76" y="3"/>
                    </a:lnTo>
                    <a:lnTo>
                      <a:pt x="66" y="2"/>
                    </a:lnTo>
                    <a:lnTo>
                      <a:pt x="46" y="0"/>
                    </a:lnTo>
                    <a:lnTo>
                      <a:pt x="24" y="0"/>
                    </a:lnTo>
                    <a:lnTo>
                      <a:pt x="24" y="2"/>
                    </a:lnTo>
                    <a:lnTo>
                      <a:pt x="24" y="3"/>
                    </a:lnTo>
                    <a:lnTo>
                      <a:pt x="24" y="3"/>
                    </a:lnTo>
                    <a:close/>
                  </a:path>
                </a:pathLst>
              </a:custGeom>
              <a:solidFill>
                <a:schemeClr val="bg1">
                  <a:lumMod val="65000"/>
                </a:schemeClr>
              </a:solidFill>
              <a:ln w="3175">
                <a:headEnd/>
                <a:tailEnd/>
              </a:ln>
              <a:effectLst/>
            </p:spPr>
            <p:style>
              <a:lnRef idx="3">
                <a:schemeClr val="lt1"/>
              </a:lnRef>
              <a:fillRef idx="1">
                <a:schemeClr val="accent5"/>
              </a:fillRef>
              <a:effectRef idx="1">
                <a:schemeClr val="accent5"/>
              </a:effectRef>
              <a:fontRef idx="minor">
                <a:schemeClr val="lt1"/>
              </a:fontRef>
            </p:style>
            <p:txBody>
              <a:bodyPr vert="horz" wrap="square" lIns="82550" tIns="41275" rIns="82550" bIns="41275" numCol="1" anchor="t" anchorCtr="0" compatLnSpc="1">
                <a:prstTxWarp prst="textNoShape">
                  <a:avLst/>
                </a:prstTxWarp>
              </a:bodyPr>
              <a:lstStyle/>
              <a:p>
                <a:pPr defTabSz="930479"/>
                <a:endParaRPr lang="en-US" sz="2889">
                  <a:solidFill>
                    <a:prstClr val="black"/>
                  </a:solidFill>
                  <a:ea typeface="Helvetica" charset="0"/>
                  <a:cs typeface="Helvetica" charset="0"/>
                </a:endParaRPr>
              </a:p>
            </p:txBody>
          </p:sp>
        </p:grpSp>
        <p:sp>
          <p:nvSpPr>
            <p:cNvPr id="16" name="Freeform 15">
              <a:extLst>
                <a:ext uri="{FF2B5EF4-FFF2-40B4-BE49-F238E27FC236}">
                  <a16:creationId xmlns:a16="http://schemas.microsoft.com/office/drawing/2014/main" id="{0E614D1A-4004-6A48-8384-91A9596EBE47}"/>
                </a:ext>
              </a:extLst>
            </p:cNvPr>
            <p:cNvSpPr>
              <a:spLocks noChangeAspect="1"/>
            </p:cNvSpPr>
            <p:nvPr/>
          </p:nvSpPr>
          <p:spPr>
            <a:xfrm rot="2197702">
              <a:off x="6011105" y="1962605"/>
              <a:ext cx="444378" cy="379148"/>
            </a:xfrm>
            <a:custGeom>
              <a:avLst/>
              <a:gdLst>
                <a:gd name="connsiteX0" fmla="*/ 449385 w 2555631"/>
                <a:gd name="connsiteY0" fmla="*/ 1582616 h 1817077"/>
                <a:gd name="connsiteX1" fmla="*/ 449385 w 2555631"/>
                <a:gd name="connsiteY1" fmla="*/ 1582616 h 1817077"/>
                <a:gd name="connsiteX2" fmla="*/ 613508 w 2555631"/>
                <a:gd name="connsiteY2" fmla="*/ 1574800 h 1817077"/>
                <a:gd name="connsiteX3" fmla="*/ 629138 w 2555631"/>
                <a:gd name="connsiteY3" fmla="*/ 1570893 h 1817077"/>
                <a:gd name="connsiteX4" fmla="*/ 633046 w 2555631"/>
                <a:gd name="connsiteY4" fmla="*/ 1555262 h 1817077"/>
                <a:gd name="connsiteX5" fmla="*/ 719015 w 2555631"/>
                <a:gd name="connsiteY5" fmla="*/ 1555262 h 1817077"/>
                <a:gd name="connsiteX6" fmla="*/ 765908 w 2555631"/>
                <a:gd name="connsiteY6" fmla="*/ 1543539 h 1817077"/>
                <a:gd name="connsiteX7" fmla="*/ 769815 w 2555631"/>
                <a:gd name="connsiteY7" fmla="*/ 1531816 h 1817077"/>
                <a:gd name="connsiteX8" fmla="*/ 789354 w 2555631"/>
                <a:gd name="connsiteY8" fmla="*/ 1547446 h 1817077"/>
                <a:gd name="connsiteX9" fmla="*/ 793262 w 2555631"/>
                <a:gd name="connsiteY9" fmla="*/ 1559170 h 1817077"/>
                <a:gd name="connsiteX10" fmla="*/ 828431 w 2555631"/>
                <a:gd name="connsiteY10" fmla="*/ 1578708 h 1817077"/>
                <a:gd name="connsiteX11" fmla="*/ 847969 w 2555631"/>
                <a:gd name="connsiteY11" fmla="*/ 1594339 h 1817077"/>
                <a:gd name="connsiteX12" fmla="*/ 875323 w 2555631"/>
                <a:gd name="connsiteY12" fmla="*/ 1609970 h 1817077"/>
                <a:gd name="connsiteX13" fmla="*/ 887046 w 2555631"/>
                <a:gd name="connsiteY13" fmla="*/ 1621693 h 1817077"/>
                <a:gd name="connsiteX14" fmla="*/ 910492 w 2555631"/>
                <a:gd name="connsiteY14" fmla="*/ 1629508 h 1817077"/>
                <a:gd name="connsiteX15" fmla="*/ 926123 w 2555631"/>
                <a:gd name="connsiteY15" fmla="*/ 1649046 h 1817077"/>
                <a:gd name="connsiteX16" fmla="*/ 941754 w 2555631"/>
                <a:gd name="connsiteY16" fmla="*/ 1664677 h 1817077"/>
                <a:gd name="connsiteX17" fmla="*/ 949569 w 2555631"/>
                <a:gd name="connsiteY17" fmla="*/ 1672493 h 1817077"/>
                <a:gd name="connsiteX18" fmla="*/ 957385 w 2555631"/>
                <a:gd name="connsiteY18" fmla="*/ 1680308 h 1817077"/>
                <a:gd name="connsiteX19" fmla="*/ 976923 w 2555631"/>
                <a:gd name="connsiteY19" fmla="*/ 1699846 h 1817077"/>
                <a:gd name="connsiteX20" fmla="*/ 988646 w 2555631"/>
                <a:gd name="connsiteY20" fmla="*/ 1723293 h 1817077"/>
                <a:gd name="connsiteX21" fmla="*/ 1012092 w 2555631"/>
                <a:gd name="connsiteY21" fmla="*/ 1731108 h 1817077"/>
                <a:gd name="connsiteX22" fmla="*/ 1137138 w 2555631"/>
                <a:gd name="connsiteY22" fmla="*/ 1738923 h 1817077"/>
                <a:gd name="connsiteX23" fmla="*/ 1176215 w 2555631"/>
                <a:gd name="connsiteY23" fmla="*/ 1754554 h 1817077"/>
                <a:gd name="connsiteX24" fmla="*/ 1180123 w 2555631"/>
                <a:gd name="connsiteY24" fmla="*/ 1770185 h 1817077"/>
                <a:gd name="connsiteX25" fmla="*/ 1191846 w 2555631"/>
                <a:gd name="connsiteY25" fmla="*/ 1778000 h 1817077"/>
                <a:gd name="connsiteX26" fmla="*/ 1199662 w 2555631"/>
                <a:gd name="connsiteY26" fmla="*/ 1785816 h 1817077"/>
                <a:gd name="connsiteX27" fmla="*/ 1215292 w 2555631"/>
                <a:gd name="connsiteY27" fmla="*/ 1789723 h 1817077"/>
                <a:gd name="connsiteX28" fmla="*/ 1227015 w 2555631"/>
                <a:gd name="connsiteY28" fmla="*/ 1793631 h 1817077"/>
                <a:gd name="connsiteX29" fmla="*/ 1250462 w 2555631"/>
                <a:gd name="connsiteY29" fmla="*/ 1805354 h 1817077"/>
                <a:gd name="connsiteX30" fmla="*/ 1266092 w 2555631"/>
                <a:gd name="connsiteY30" fmla="*/ 1809262 h 1817077"/>
                <a:gd name="connsiteX31" fmla="*/ 1281723 w 2555631"/>
                <a:gd name="connsiteY31" fmla="*/ 1817077 h 1817077"/>
                <a:gd name="connsiteX32" fmla="*/ 1426308 w 2555631"/>
                <a:gd name="connsiteY32" fmla="*/ 1805354 h 1817077"/>
                <a:gd name="connsiteX33" fmla="*/ 1516185 w 2555631"/>
                <a:gd name="connsiteY33" fmla="*/ 1762370 h 1817077"/>
                <a:gd name="connsiteX34" fmla="*/ 1551354 w 2555631"/>
                <a:gd name="connsiteY34" fmla="*/ 1711570 h 1817077"/>
                <a:gd name="connsiteX35" fmla="*/ 1598246 w 2555631"/>
                <a:gd name="connsiteY35" fmla="*/ 1637323 h 1817077"/>
                <a:gd name="connsiteX36" fmla="*/ 1672492 w 2555631"/>
                <a:gd name="connsiteY36" fmla="*/ 1602154 h 1817077"/>
                <a:gd name="connsiteX37" fmla="*/ 1731108 w 2555631"/>
                <a:gd name="connsiteY37" fmla="*/ 1598246 h 1817077"/>
                <a:gd name="connsiteX38" fmla="*/ 1727200 w 2555631"/>
                <a:gd name="connsiteY38" fmla="*/ 1551354 h 1817077"/>
                <a:gd name="connsiteX39" fmla="*/ 1774092 w 2555631"/>
                <a:gd name="connsiteY39" fmla="*/ 1563077 h 1817077"/>
                <a:gd name="connsiteX40" fmla="*/ 1820985 w 2555631"/>
                <a:gd name="connsiteY40" fmla="*/ 1574800 h 1817077"/>
                <a:gd name="connsiteX41" fmla="*/ 1985108 w 2555631"/>
                <a:gd name="connsiteY41" fmla="*/ 1395046 h 1817077"/>
                <a:gd name="connsiteX42" fmla="*/ 2098431 w 2555631"/>
                <a:gd name="connsiteY42" fmla="*/ 1359877 h 1817077"/>
                <a:gd name="connsiteX43" fmla="*/ 2129692 w 2555631"/>
                <a:gd name="connsiteY43" fmla="*/ 1312985 h 1817077"/>
                <a:gd name="connsiteX44" fmla="*/ 2207846 w 2555631"/>
                <a:gd name="connsiteY44" fmla="*/ 1359877 h 1817077"/>
                <a:gd name="connsiteX45" fmla="*/ 2239108 w 2555631"/>
                <a:gd name="connsiteY45" fmla="*/ 1305170 h 1817077"/>
                <a:gd name="connsiteX46" fmla="*/ 2286000 w 2555631"/>
                <a:gd name="connsiteY46" fmla="*/ 1254370 h 1817077"/>
                <a:gd name="connsiteX47" fmla="*/ 2336800 w 2555631"/>
                <a:gd name="connsiteY47" fmla="*/ 1238739 h 1817077"/>
                <a:gd name="connsiteX48" fmla="*/ 2332892 w 2555631"/>
                <a:gd name="connsiteY48" fmla="*/ 1184031 h 1817077"/>
                <a:gd name="connsiteX49" fmla="*/ 2332892 w 2555631"/>
                <a:gd name="connsiteY49" fmla="*/ 1184031 h 1817077"/>
                <a:gd name="connsiteX50" fmla="*/ 2340708 w 2555631"/>
                <a:gd name="connsiteY50" fmla="*/ 1113693 h 1817077"/>
                <a:gd name="connsiteX51" fmla="*/ 2379785 w 2555631"/>
                <a:gd name="connsiteY51" fmla="*/ 1109785 h 1817077"/>
                <a:gd name="connsiteX52" fmla="*/ 2348523 w 2555631"/>
                <a:gd name="connsiteY52" fmla="*/ 1062893 h 1817077"/>
                <a:gd name="connsiteX53" fmla="*/ 2430585 w 2555631"/>
                <a:gd name="connsiteY53" fmla="*/ 1090246 h 1817077"/>
                <a:gd name="connsiteX54" fmla="*/ 2446215 w 2555631"/>
                <a:gd name="connsiteY54" fmla="*/ 1039446 h 1817077"/>
                <a:gd name="connsiteX55" fmla="*/ 2481385 w 2555631"/>
                <a:gd name="connsiteY55" fmla="*/ 1016000 h 1817077"/>
                <a:gd name="connsiteX56" fmla="*/ 2481385 w 2555631"/>
                <a:gd name="connsiteY56" fmla="*/ 1016000 h 1817077"/>
                <a:gd name="connsiteX57" fmla="*/ 2457938 w 2555631"/>
                <a:gd name="connsiteY57" fmla="*/ 976923 h 1817077"/>
                <a:gd name="connsiteX58" fmla="*/ 2504831 w 2555631"/>
                <a:gd name="connsiteY58" fmla="*/ 961293 h 1817077"/>
                <a:gd name="connsiteX59" fmla="*/ 2430585 w 2555631"/>
                <a:gd name="connsiteY59" fmla="*/ 906585 h 1817077"/>
                <a:gd name="connsiteX60" fmla="*/ 2454031 w 2555631"/>
                <a:gd name="connsiteY60" fmla="*/ 871416 h 1817077"/>
                <a:gd name="connsiteX61" fmla="*/ 2508738 w 2555631"/>
                <a:gd name="connsiteY61" fmla="*/ 898770 h 1817077"/>
                <a:gd name="connsiteX62" fmla="*/ 2555631 w 2555631"/>
                <a:gd name="connsiteY62" fmla="*/ 890954 h 1817077"/>
                <a:gd name="connsiteX63" fmla="*/ 2555631 w 2555631"/>
                <a:gd name="connsiteY63" fmla="*/ 890954 h 1817077"/>
                <a:gd name="connsiteX64" fmla="*/ 2520462 w 2555631"/>
                <a:gd name="connsiteY64" fmla="*/ 836246 h 1817077"/>
                <a:gd name="connsiteX65" fmla="*/ 2500923 w 2555631"/>
                <a:gd name="connsiteY65" fmla="*/ 804985 h 1817077"/>
                <a:gd name="connsiteX66" fmla="*/ 2540000 w 2555631"/>
                <a:gd name="connsiteY66" fmla="*/ 777631 h 1817077"/>
                <a:gd name="connsiteX67" fmla="*/ 2500923 w 2555631"/>
                <a:gd name="connsiteY67" fmla="*/ 746370 h 1817077"/>
                <a:gd name="connsiteX68" fmla="*/ 2457938 w 2555631"/>
                <a:gd name="connsiteY68" fmla="*/ 750277 h 1817077"/>
                <a:gd name="connsiteX69" fmla="*/ 2520462 w 2555631"/>
                <a:gd name="connsiteY69" fmla="*/ 687754 h 1817077"/>
                <a:gd name="connsiteX70" fmla="*/ 2540000 w 2555631"/>
                <a:gd name="connsiteY70" fmla="*/ 629139 h 1817077"/>
                <a:gd name="connsiteX71" fmla="*/ 2528277 w 2555631"/>
                <a:gd name="connsiteY71" fmla="*/ 597877 h 1817077"/>
                <a:gd name="connsiteX72" fmla="*/ 2481385 w 2555631"/>
                <a:gd name="connsiteY72" fmla="*/ 597877 h 1817077"/>
                <a:gd name="connsiteX73" fmla="*/ 2481385 w 2555631"/>
                <a:gd name="connsiteY73" fmla="*/ 597877 h 1817077"/>
                <a:gd name="connsiteX74" fmla="*/ 2446215 w 2555631"/>
                <a:gd name="connsiteY74" fmla="*/ 562708 h 1817077"/>
                <a:gd name="connsiteX75" fmla="*/ 2379785 w 2555631"/>
                <a:gd name="connsiteY75" fmla="*/ 519723 h 1817077"/>
                <a:gd name="connsiteX76" fmla="*/ 2364154 w 2555631"/>
                <a:gd name="connsiteY76" fmla="*/ 488462 h 1817077"/>
                <a:gd name="connsiteX77" fmla="*/ 2356338 w 2555631"/>
                <a:gd name="connsiteY77" fmla="*/ 449385 h 1817077"/>
                <a:gd name="connsiteX78" fmla="*/ 2278185 w 2555631"/>
                <a:gd name="connsiteY78" fmla="*/ 484554 h 1817077"/>
                <a:gd name="connsiteX79" fmla="*/ 2278185 w 2555631"/>
                <a:gd name="connsiteY79" fmla="*/ 484554 h 1817077"/>
                <a:gd name="connsiteX80" fmla="*/ 2258646 w 2555631"/>
                <a:gd name="connsiteY80" fmla="*/ 422031 h 1817077"/>
                <a:gd name="connsiteX81" fmla="*/ 2305538 w 2555631"/>
                <a:gd name="connsiteY81" fmla="*/ 371231 h 1817077"/>
                <a:gd name="connsiteX82" fmla="*/ 2297723 w 2555631"/>
                <a:gd name="connsiteY82" fmla="*/ 324339 h 1817077"/>
                <a:gd name="connsiteX83" fmla="*/ 2274277 w 2555631"/>
                <a:gd name="connsiteY83" fmla="*/ 289170 h 1817077"/>
                <a:gd name="connsiteX84" fmla="*/ 2219569 w 2555631"/>
                <a:gd name="connsiteY84" fmla="*/ 304800 h 1817077"/>
                <a:gd name="connsiteX85" fmla="*/ 2188308 w 2555631"/>
                <a:gd name="connsiteY85" fmla="*/ 273539 h 1817077"/>
                <a:gd name="connsiteX86" fmla="*/ 2188308 w 2555631"/>
                <a:gd name="connsiteY86" fmla="*/ 273539 h 1817077"/>
                <a:gd name="connsiteX87" fmla="*/ 2235200 w 2555631"/>
                <a:gd name="connsiteY87" fmla="*/ 207108 h 1817077"/>
                <a:gd name="connsiteX88" fmla="*/ 2231292 w 2555631"/>
                <a:gd name="connsiteY88" fmla="*/ 156308 h 1817077"/>
                <a:gd name="connsiteX89" fmla="*/ 2293815 w 2555631"/>
                <a:gd name="connsiteY89" fmla="*/ 136770 h 1817077"/>
                <a:gd name="connsiteX90" fmla="*/ 2250831 w 2555631"/>
                <a:gd name="connsiteY90" fmla="*/ 89877 h 1817077"/>
                <a:gd name="connsiteX91" fmla="*/ 2196123 w 2555631"/>
                <a:gd name="connsiteY91" fmla="*/ 113323 h 1817077"/>
                <a:gd name="connsiteX92" fmla="*/ 2176585 w 2555631"/>
                <a:gd name="connsiteY92" fmla="*/ 160216 h 1817077"/>
                <a:gd name="connsiteX93" fmla="*/ 2133600 w 2555631"/>
                <a:gd name="connsiteY93" fmla="*/ 164123 h 1817077"/>
                <a:gd name="connsiteX94" fmla="*/ 2133600 w 2555631"/>
                <a:gd name="connsiteY94" fmla="*/ 222739 h 1817077"/>
                <a:gd name="connsiteX95" fmla="*/ 2055446 w 2555631"/>
                <a:gd name="connsiteY95" fmla="*/ 175846 h 1817077"/>
                <a:gd name="connsiteX96" fmla="*/ 2063262 w 2555631"/>
                <a:gd name="connsiteY96" fmla="*/ 113323 h 1817077"/>
                <a:gd name="connsiteX97" fmla="*/ 2028092 w 2555631"/>
                <a:gd name="connsiteY97" fmla="*/ 78154 h 1817077"/>
                <a:gd name="connsiteX98" fmla="*/ 2028092 w 2555631"/>
                <a:gd name="connsiteY98" fmla="*/ 78154 h 1817077"/>
                <a:gd name="connsiteX99" fmla="*/ 2028092 w 2555631"/>
                <a:gd name="connsiteY99" fmla="*/ 78154 h 1817077"/>
                <a:gd name="connsiteX100" fmla="*/ 1985108 w 2555631"/>
                <a:gd name="connsiteY100" fmla="*/ 74246 h 1817077"/>
                <a:gd name="connsiteX101" fmla="*/ 1977292 w 2555631"/>
                <a:gd name="connsiteY101" fmla="*/ 3908 h 1817077"/>
                <a:gd name="connsiteX102" fmla="*/ 1934308 w 2555631"/>
                <a:gd name="connsiteY102" fmla="*/ 0 h 1817077"/>
                <a:gd name="connsiteX103" fmla="*/ 1906954 w 2555631"/>
                <a:gd name="connsiteY103" fmla="*/ 39077 h 1817077"/>
                <a:gd name="connsiteX104" fmla="*/ 1856154 w 2555631"/>
                <a:gd name="connsiteY104" fmla="*/ 19539 h 1817077"/>
                <a:gd name="connsiteX105" fmla="*/ 1824892 w 2555631"/>
                <a:gd name="connsiteY105" fmla="*/ 54708 h 1817077"/>
                <a:gd name="connsiteX106" fmla="*/ 1860062 w 2555631"/>
                <a:gd name="connsiteY106" fmla="*/ 109416 h 1817077"/>
                <a:gd name="connsiteX107" fmla="*/ 1871785 w 2555631"/>
                <a:gd name="connsiteY107" fmla="*/ 160216 h 1817077"/>
                <a:gd name="connsiteX108" fmla="*/ 1875692 w 2555631"/>
                <a:gd name="connsiteY108" fmla="*/ 207108 h 1817077"/>
                <a:gd name="connsiteX109" fmla="*/ 1762369 w 2555631"/>
                <a:gd name="connsiteY109" fmla="*/ 265723 h 1817077"/>
                <a:gd name="connsiteX110" fmla="*/ 1742831 w 2555631"/>
                <a:gd name="connsiteY110" fmla="*/ 211016 h 1817077"/>
                <a:gd name="connsiteX111" fmla="*/ 1707662 w 2555631"/>
                <a:gd name="connsiteY111" fmla="*/ 214923 h 1817077"/>
                <a:gd name="connsiteX112" fmla="*/ 1680308 w 2555631"/>
                <a:gd name="connsiteY112" fmla="*/ 254000 h 1817077"/>
                <a:gd name="connsiteX113" fmla="*/ 1664677 w 2555631"/>
                <a:gd name="connsiteY113" fmla="*/ 320431 h 1817077"/>
                <a:gd name="connsiteX114" fmla="*/ 1606062 w 2555631"/>
                <a:gd name="connsiteY114" fmla="*/ 336062 h 1817077"/>
                <a:gd name="connsiteX115" fmla="*/ 1582615 w 2555631"/>
                <a:gd name="connsiteY115" fmla="*/ 289170 h 1817077"/>
                <a:gd name="connsiteX116" fmla="*/ 1547446 w 2555631"/>
                <a:gd name="connsiteY116" fmla="*/ 246185 h 1817077"/>
                <a:gd name="connsiteX117" fmla="*/ 1500554 w 2555631"/>
                <a:gd name="connsiteY117" fmla="*/ 238370 h 1817077"/>
                <a:gd name="connsiteX118" fmla="*/ 1461477 w 2555631"/>
                <a:gd name="connsiteY118" fmla="*/ 226646 h 1817077"/>
                <a:gd name="connsiteX119" fmla="*/ 1434123 w 2555631"/>
                <a:gd name="connsiteY119" fmla="*/ 257908 h 1817077"/>
                <a:gd name="connsiteX120" fmla="*/ 1445846 w 2555631"/>
                <a:gd name="connsiteY120" fmla="*/ 304800 h 1817077"/>
                <a:gd name="connsiteX121" fmla="*/ 1457569 w 2555631"/>
                <a:gd name="connsiteY121" fmla="*/ 351693 h 1817077"/>
                <a:gd name="connsiteX122" fmla="*/ 1504462 w 2555631"/>
                <a:gd name="connsiteY122" fmla="*/ 394677 h 1817077"/>
                <a:gd name="connsiteX123" fmla="*/ 1508369 w 2555631"/>
                <a:gd name="connsiteY123" fmla="*/ 445477 h 1817077"/>
                <a:gd name="connsiteX124" fmla="*/ 1508369 w 2555631"/>
                <a:gd name="connsiteY124" fmla="*/ 492370 h 1817077"/>
                <a:gd name="connsiteX125" fmla="*/ 1508369 w 2555631"/>
                <a:gd name="connsiteY125" fmla="*/ 492370 h 1817077"/>
                <a:gd name="connsiteX126" fmla="*/ 1465385 w 2555631"/>
                <a:gd name="connsiteY126" fmla="*/ 422031 h 1817077"/>
                <a:gd name="connsiteX127" fmla="*/ 1441938 w 2555631"/>
                <a:gd name="connsiteY127" fmla="*/ 371231 h 1817077"/>
                <a:gd name="connsiteX128" fmla="*/ 1414585 w 2555631"/>
                <a:gd name="connsiteY128" fmla="*/ 343877 h 1817077"/>
                <a:gd name="connsiteX129" fmla="*/ 1395046 w 2555631"/>
                <a:gd name="connsiteY129" fmla="*/ 281354 h 1817077"/>
                <a:gd name="connsiteX130" fmla="*/ 1367692 w 2555631"/>
                <a:gd name="connsiteY130" fmla="*/ 250093 h 1817077"/>
                <a:gd name="connsiteX131" fmla="*/ 1367692 w 2555631"/>
                <a:gd name="connsiteY131" fmla="*/ 250093 h 1817077"/>
                <a:gd name="connsiteX132" fmla="*/ 1293446 w 2555631"/>
                <a:gd name="connsiteY132" fmla="*/ 214923 h 1817077"/>
                <a:gd name="connsiteX133" fmla="*/ 1293446 w 2555631"/>
                <a:gd name="connsiteY133" fmla="*/ 214923 h 1817077"/>
                <a:gd name="connsiteX134" fmla="*/ 1258277 w 2555631"/>
                <a:gd name="connsiteY134" fmla="*/ 265723 h 1817077"/>
                <a:gd name="connsiteX135" fmla="*/ 1195754 w 2555631"/>
                <a:gd name="connsiteY135" fmla="*/ 285262 h 1817077"/>
                <a:gd name="connsiteX136" fmla="*/ 1195754 w 2555631"/>
                <a:gd name="connsiteY136" fmla="*/ 285262 h 1817077"/>
                <a:gd name="connsiteX137" fmla="*/ 1199662 w 2555631"/>
                <a:gd name="connsiteY137" fmla="*/ 332154 h 1817077"/>
                <a:gd name="connsiteX138" fmla="*/ 1160585 w 2555631"/>
                <a:gd name="connsiteY138" fmla="*/ 351693 h 1817077"/>
                <a:gd name="connsiteX139" fmla="*/ 1168400 w 2555631"/>
                <a:gd name="connsiteY139" fmla="*/ 386862 h 1817077"/>
                <a:gd name="connsiteX140" fmla="*/ 1199662 w 2555631"/>
                <a:gd name="connsiteY140" fmla="*/ 418123 h 1817077"/>
                <a:gd name="connsiteX141" fmla="*/ 1203569 w 2555631"/>
                <a:gd name="connsiteY141" fmla="*/ 457200 h 1817077"/>
                <a:gd name="connsiteX142" fmla="*/ 1203569 w 2555631"/>
                <a:gd name="connsiteY142" fmla="*/ 457200 h 1817077"/>
                <a:gd name="connsiteX143" fmla="*/ 1144954 w 2555631"/>
                <a:gd name="connsiteY143" fmla="*/ 484554 h 1817077"/>
                <a:gd name="connsiteX144" fmla="*/ 1129323 w 2555631"/>
                <a:gd name="connsiteY144" fmla="*/ 422031 h 1817077"/>
                <a:gd name="connsiteX145" fmla="*/ 1109785 w 2555631"/>
                <a:gd name="connsiteY145" fmla="*/ 379046 h 1817077"/>
                <a:gd name="connsiteX146" fmla="*/ 1109785 w 2555631"/>
                <a:gd name="connsiteY146" fmla="*/ 379046 h 1817077"/>
                <a:gd name="connsiteX147" fmla="*/ 1062892 w 2555631"/>
                <a:gd name="connsiteY147" fmla="*/ 379046 h 1817077"/>
                <a:gd name="connsiteX148" fmla="*/ 1062892 w 2555631"/>
                <a:gd name="connsiteY148" fmla="*/ 289170 h 1817077"/>
                <a:gd name="connsiteX149" fmla="*/ 1019908 w 2555631"/>
                <a:gd name="connsiteY149" fmla="*/ 250093 h 1817077"/>
                <a:gd name="connsiteX150" fmla="*/ 969108 w 2555631"/>
                <a:gd name="connsiteY150" fmla="*/ 265723 h 1817077"/>
                <a:gd name="connsiteX151" fmla="*/ 949569 w 2555631"/>
                <a:gd name="connsiteY151" fmla="*/ 304800 h 1817077"/>
                <a:gd name="connsiteX152" fmla="*/ 957385 w 2555631"/>
                <a:gd name="connsiteY152" fmla="*/ 363416 h 1817077"/>
                <a:gd name="connsiteX153" fmla="*/ 957385 w 2555631"/>
                <a:gd name="connsiteY153" fmla="*/ 363416 h 1817077"/>
                <a:gd name="connsiteX154" fmla="*/ 984738 w 2555631"/>
                <a:gd name="connsiteY154" fmla="*/ 433754 h 1817077"/>
                <a:gd name="connsiteX155" fmla="*/ 992554 w 2555631"/>
                <a:gd name="connsiteY155" fmla="*/ 484554 h 1817077"/>
                <a:gd name="connsiteX156" fmla="*/ 984738 w 2555631"/>
                <a:gd name="connsiteY156" fmla="*/ 531446 h 1817077"/>
                <a:gd name="connsiteX157" fmla="*/ 980831 w 2555631"/>
                <a:gd name="connsiteY157" fmla="*/ 570523 h 1817077"/>
                <a:gd name="connsiteX158" fmla="*/ 949569 w 2555631"/>
                <a:gd name="connsiteY158" fmla="*/ 625231 h 1817077"/>
                <a:gd name="connsiteX159" fmla="*/ 949569 w 2555631"/>
                <a:gd name="connsiteY159" fmla="*/ 625231 h 1817077"/>
                <a:gd name="connsiteX160" fmla="*/ 894862 w 2555631"/>
                <a:gd name="connsiteY160" fmla="*/ 550985 h 1817077"/>
                <a:gd name="connsiteX161" fmla="*/ 898769 w 2555631"/>
                <a:gd name="connsiteY161" fmla="*/ 500185 h 1817077"/>
                <a:gd name="connsiteX162" fmla="*/ 847969 w 2555631"/>
                <a:gd name="connsiteY162" fmla="*/ 593970 h 1817077"/>
                <a:gd name="connsiteX163" fmla="*/ 820615 w 2555631"/>
                <a:gd name="connsiteY163" fmla="*/ 636954 h 1817077"/>
                <a:gd name="connsiteX164" fmla="*/ 840154 w 2555631"/>
                <a:gd name="connsiteY164" fmla="*/ 691662 h 1817077"/>
                <a:gd name="connsiteX165" fmla="*/ 820615 w 2555631"/>
                <a:gd name="connsiteY165" fmla="*/ 738554 h 1817077"/>
                <a:gd name="connsiteX166" fmla="*/ 816708 w 2555631"/>
                <a:gd name="connsiteY166" fmla="*/ 793262 h 1817077"/>
                <a:gd name="connsiteX167" fmla="*/ 793262 w 2555631"/>
                <a:gd name="connsiteY167" fmla="*/ 746370 h 1817077"/>
                <a:gd name="connsiteX168" fmla="*/ 793262 w 2555631"/>
                <a:gd name="connsiteY168" fmla="*/ 746370 h 1817077"/>
                <a:gd name="connsiteX169" fmla="*/ 781538 w 2555631"/>
                <a:gd name="connsiteY169" fmla="*/ 664308 h 1817077"/>
                <a:gd name="connsiteX170" fmla="*/ 746369 w 2555631"/>
                <a:gd name="connsiteY170" fmla="*/ 640862 h 1817077"/>
                <a:gd name="connsiteX171" fmla="*/ 781538 w 2555631"/>
                <a:gd name="connsiteY171" fmla="*/ 578339 h 1817077"/>
                <a:gd name="connsiteX172" fmla="*/ 722923 w 2555631"/>
                <a:gd name="connsiteY172" fmla="*/ 543170 h 1817077"/>
                <a:gd name="connsiteX173" fmla="*/ 679938 w 2555631"/>
                <a:gd name="connsiteY173" fmla="*/ 539262 h 1817077"/>
                <a:gd name="connsiteX174" fmla="*/ 652585 w 2555631"/>
                <a:gd name="connsiteY174" fmla="*/ 492370 h 1817077"/>
                <a:gd name="connsiteX175" fmla="*/ 652585 w 2555631"/>
                <a:gd name="connsiteY175" fmla="*/ 492370 h 1817077"/>
                <a:gd name="connsiteX176" fmla="*/ 719015 w 2555631"/>
                <a:gd name="connsiteY176" fmla="*/ 508000 h 1817077"/>
                <a:gd name="connsiteX177" fmla="*/ 746369 w 2555631"/>
                <a:gd name="connsiteY177" fmla="*/ 472831 h 1817077"/>
                <a:gd name="connsiteX178" fmla="*/ 777631 w 2555631"/>
                <a:gd name="connsiteY178" fmla="*/ 445477 h 1817077"/>
                <a:gd name="connsiteX179" fmla="*/ 758092 w 2555631"/>
                <a:gd name="connsiteY179" fmla="*/ 351693 h 1817077"/>
                <a:gd name="connsiteX180" fmla="*/ 719015 w 2555631"/>
                <a:gd name="connsiteY180" fmla="*/ 312616 h 1817077"/>
                <a:gd name="connsiteX181" fmla="*/ 715108 w 2555631"/>
                <a:gd name="connsiteY181" fmla="*/ 265723 h 1817077"/>
                <a:gd name="connsiteX182" fmla="*/ 676031 w 2555631"/>
                <a:gd name="connsiteY182" fmla="*/ 281354 h 1817077"/>
                <a:gd name="connsiteX183" fmla="*/ 652585 w 2555631"/>
                <a:gd name="connsiteY183" fmla="*/ 218831 h 1817077"/>
                <a:gd name="connsiteX184" fmla="*/ 621323 w 2555631"/>
                <a:gd name="connsiteY184" fmla="*/ 207108 h 1817077"/>
                <a:gd name="connsiteX185" fmla="*/ 578338 w 2555631"/>
                <a:gd name="connsiteY185" fmla="*/ 175846 h 1817077"/>
                <a:gd name="connsiteX186" fmla="*/ 578338 w 2555631"/>
                <a:gd name="connsiteY186" fmla="*/ 175846 h 1817077"/>
                <a:gd name="connsiteX187" fmla="*/ 496277 w 2555631"/>
                <a:gd name="connsiteY187" fmla="*/ 70339 h 1817077"/>
                <a:gd name="connsiteX188" fmla="*/ 461108 w 2555631"/>
                <a:gd name="connsiteY188" fmla="*/ 31262 h 1817077"/>
                <a:gd name="connsiteX189" fmla="*/ 437662 w 2555631"/>
                <a:gd name="connsiteY189" fmla="*/ 66431 h 1817077"/>
                <a:gd name="connsiteX190" fmla="*/ 379046 w 2555631"/>
                <a:gd name="connsiteY190" fmla="*/ 39077 h 1817077"/>
                <a:gd name="connsiteX191" fmla="*/ 339969 w 2555631"/>
                <a:gd name="connsiteY191" fmla="*/ 54708 h 1817077"/>
                <a:gd name="connsiteX192" fmla="*/ 324338 w 2555631"/>
                <a:gd name="connsiteY192" fmla="*/ 109416 h 1817077"/>
                <a:gd name="connsiteX193" fmla="*/ 363415 w 2555631"/>
                <a:gd name="connsiteY193" fmla="*/ 160216 h 1817077"/>
                <a:gd name="connsiteX194" fmla="*/ 425938 w 2555631"/>
                <a:gd name="connsiteY194" fmla="*/ 144585 h 1817077"/>
                <a:gd name="connsiteX195" fmla="*/ 468923 w 2555631"/>
                <a:gd name="connsiteY195" fmla="*/ 175846 h 1817077"/>
                <a:gd name="connsiteX196" fmla="*/ 410308 w 2555631"/>
                <a:gd name="connsiteY196" fmla="*/ 183662 h 1817077"/>
                <a:gd name="connsiteX197" fmla="*/ 375138 w 2555631"/>
                <a:gd name="connsiteY197" fmla="*/ 214923 h 1817077"/>
                <a:gd name="connsiteX198" fmla="*/ 418123 w 2555631"/>
                <a:gd name="connsiteY198" fmla="*/ 254000 h 1817077"/>
                <a:gd name="connsiteX199" fmla="*/ 480646 w 2555631"/>
                <a:gd name="connsiteY199" fmla="*/ 281354 h 1817077"/>
                <a:gd name="connsiteX200" fmla="*/ 488462 w 2555631"/>
                <a:gd name="connsiteY200" fmla="*/ 324339 h 1817077"/>
                <a:gd name="connsiteX201" fmla="*/ 488462 w 2555631"/>
                <a:gd name="connsiteY201" fmla="*/ 324339 h 1817077"/>
                <a:gd name="connsiteX202" fmla="*/ 508000 w 2555631"/>
                <a:gd name="connsiteY202" fmla="*/ 422031 h 1817077"/>
                <a:gd name="connsiteX203" fmla="*/ 457200 w 2555631"/>
                <a:gd name="connsiteY203" fmla="*/ 332154 h 1817077"/>
                <a:gd name="connsiteX204" fmla="*/ 433754 w 2555631"/>
                <a:gd name="connsiteY204" fmla="*/ 289170 h 1817077"/>
                <a:gd name="connsiteX205" fmla="*/ 394677 w 2555631"/>
                <a:gd name="connsiteY205" fmla="*/ 336062 h 1817077"/>
                <a:gd name="connsiteX206" fmla="*/ 394677 w 2555631"/>
                <a:gd name="connsiteY206" fmla="*/ 336062 h 1817077"/>
                <a:gd name="connsiteX207" fmla="*/ 316523 w 2555631"/>
                <a:gd name="connsiteY207" fmla="*/ 222739 h 1817077"/>
                <a:gd name="connsiteX208" fmla="*/ 277446 w 2555631"/>
                <a:gd name="connsiteY208" fmla="*/ 218831 h 1817077"/>
                <a:gd name="connsiteX209" fmla="*/ 214923 w 2555631"/>
                <a:gd name="connsiteY209" fmla="*/ 242277 h 1817077"/>
                <a:gd name="connsiteX210" fmla="*/ 214923 w 2555631"/>
                <a:gd name="connsiteY210" fmla="*/ 242277 h 1817077"/>
                <a:gd name="connsiteX211" fmla="*/ 250092 w 2555631"/>
                <a:gd name="connsiteY211" fmla="*/ 300893 h 1817077"/>
                <a:gd name="connsiteX212" fmla="*/ 187569 w 2555631"/>
                <a:gd name="connsiteY212" fmla="*/ 304800 h 1817077"/>
                <a:gd name="connsiteX213" fmla="*/ 175846 w 2555631"/>
                <a:gd name="connsiteY213" fmla="*/ 351693 h 1817077"/>
                <a:gd name="connsiteX214" fmla="*/ 250092 w 2555631"/>
                <a:gd name="connsiteY214" fmla="*/ 402493 h 1817077"/>
                <a:gd name="connsiteX215" fmla="*/ 293077 w 2555631"/>
                <a:gd name="connsiteY215" fmla="*/ 422031 h 1817077"/>
                <a:gd name="connsiteX216" fmla="*/ 160215 w 2555631"/>
                <a:gd name="connsiteY216" fmla="*/ 390770 h 1817077"/>
                <a:gd name="connsiteX217" fmla="*/ 171938 w 2555631"/>
                <a:gd name="connsiteY217" fmla="*/ 441570 h 1817077"/>
                <a:gd name="connsiteX218" fmla="*/ 257908 w 2555631"/>
                <a:gd name="connsiteY218" fmla="*/ 476739 h 1817077"/>
                <a:gd name="connsiteX219" fmla="*/ 308708 w 2555631"/>
                <a:gd name="connsiteY219" fmla="*/ 476739 h 1817077"/>
                <a:gd name="connsiteX220" fmla="*/ 308708 w 2555631"/>
                <a:gd name="connsiteY220" fmla="*/ 476739 h 1817077"/>
                <a:gd name="connsiteX221" fmla="*/ 242277 w 2555631"/>
                <a:gd name="connsiteY221" fmla="*/ 504093 h 1817077"/>
                <a:gd name="connsiteX222" fmla="*/ 281354 w 2555631"/>
                <a:gd name="connsiteY222" fmla="*/ 539262 h 1817077"/>
                <a:gd name="connsiteX223" fmla="*/ 281354 w 2555631"/>
                <a:gd name="connsiteY223" fmla="*/ 539262 h 1817077"/>
                <a:gd name="connsiteX224" fmla="*/ 160215 w 2555631"/>
                <a:gd name="connsiteY224" fmla="*/ 484554 h 1817077"/>
                <a:gd name="connsiteX225" fmla="*/ 113323 w 2555631"/>
                <a:gd name="connsiteY225" fmla="*/ 449385 h 1817077"/>
                <a:gd name="connsiteX226" fmla="*/ 97692 w 2555631"/>
                <a:gd name="connsiteY226" fmla="*/ 504093 h 1817077"/>
                <a:gd name="connsiteX227" fmla="*/ 132862 w 2555631"/>
                <a:gd name="connsiteY227" fmla="*/ 543170 h 1817077"/>
                <a:gd name="connsiteX228" fmla="*/ 128954 w 2555631"/>
                <a:gd name="connsiteY228" fmla="*/ 586154 h 1817077"/>
                <a:gd name="connsiteX229" fmla="*/ 46892 w 2555631"/>
                <a:gd name="connsiteY229" fmla="*/ 554893 h 1817077"/>
                <a:gd name="connsiteX230" fmla="*/ 35169 w 2555631"/>
                <a:gd name="connsiteY230" fmla="*/ 597877 h 1817077"/>
                <a:gd name="connsiteX231" fmla="*/ 0 w 2555631"/>
                <a:gd name="connsiteY231" fmla="*/ 625231 h 1817077"/>
                <a:gd name="connsiteX232" fmla="*/ 121138 w 2555631"/>
                <a:gd name="connsiteY232" fmla="*/ 648677 h 1817077"/>
                <a:gd name="connsiteX233" fmla="*/ 160215 w 2555631"/>
                <a:gd name="connsiteY233" fmla="*/ 699477 h 1817077"/>
                <a:gd name="connsiteX234" fmla="*/ 222738 w 2555631"/>
                <a:gd name="connsiteY234" fmla="*/ 676031 h 1817077"/>
                <a:gd name="connsiteX235" fmla="*/ 269631 w 2555631"/>
                <a:gd name="connsiteY235" fmla="*/ 640862 h 1817077"/>
                <a:gd name="connsiteX236" fmla="*/ 375138 w 2555631"/>
                <a:gd name="connsiteY236" fmla="*/ 593970 h 1817077"/>
                <a:gd name="connsiteX237" fmla="*/ 418123 w 2555631"/>
                <a:gd name="connsiteY237" fmla="*/ 562708 h 1817077"/>
                <a:gd name="connsiteX238" fmla="*/ 418123 w 2555631"/>
                <a:gd name="connsiteY238" fmla="*/ 625231 h 1817077"/>
                <a:gd name="connsiteX239" fmla="*/ 511908 w 2555631"/>
                <a:gd name="connsiteY239" fmla="*/ 601785 h 1817077"/>
                <a:gd name="connsiteX240" fmla="*/ 515815 w 2555631"/>
                <a:gd name="connsiteY240" fmla="*/ 660400 h 1817077"/>
                <a:gd name="connsiteX241" fmla="*/ 566615 w 2555631"/>
                <a:gd name="connsiteY241" fmla="*/ 660400 h 1817077"/>
                <a:gd name="connsiteX242" fmla="*/ 566615 w 2555631"/>
                <a:gd name="connsiteY242" fmla="*/ 660400 h 1817077"/>
                <a:gd name="connsiteX243" fmla="*/ 617415 w 2555631"/>
                <a:gd name="connsiteY243" fmla="*/ 629139 h 1817077"/>
                <a:gd name="connsiteX244" fmla="*/ 664308 w 2555631"/>
                <a:gd name="connsiteY244" fmla="*/ 660400 h 1817077"/>
                <a:gd name="connsiteX245" fmla="*/ 488462 w 2555631"/>
                <a:gd name="connsiteY245" fmla="*/ 769816 h 1817077"/>
                <a:gd name="connsiteX246" fmla="*/ 453292 w 2555631"/>
                <a:gd name="connsiteY246" fmla="*/ 797170 h 1817077"/>
                <a:gd name="connsiteX247" fmla="*/ 492369 w 2555631"/>
                <a:gd name="connsiteY247" fmla="*/ 832339 h 1817077"/>
                <a:gd name="connsiteX248" fmla="*/ 566615 w 2555631"/>
                <a:gd name="connsiteY248" fmla="*/ 851877 h 1817077"/>
                <a:gd name="connsiteX249" fmla="*/ 613508 w 2555631"/>
                <a:gd name="connsiteY249" fmla="*/ 859693 h 1817077"/>
                <a:gd name="connsiteX250" fmla="*/ 629138 w 2555631"/>
                <a:gd name="connsiteY250" fmla="*/ 797170 h 1817077"/>
                <a:gd name="connsiteX251" fmla="*/ 672123 w 2555631"/>
                <a:gd name="connsiteY251" fmla="*/ 801077 h 1817077"/>
                <a:gd name="connsiteX252" fmla="*/ 672123 w 2555631"/>
                <a:gd name="connsiteY252" fmla="*/ 855785 h 1817077"/>
                <a:gd name="connsiteX253" fmla="*/ 625231 w 2555631"/>
                <a:gd name="connsiteY253" fmla="*/ 910493 h 1817077"/>
                <a:gd name="connsiteX254" fmla="*/ 484554 w 2555631"/>
                <a:gd name="connsiteY254" fmla="*/ 871416 h 1817077"/>
                <a:gd name="connsiteX255" fmla="*/ 461108 w 2555631"/>
                <a:gd name="connsiteY255" fmla="*/ 902677 h 1817077"/>
                <a:gd name="connsiteX256" fmla="*/ 418123 w 2555631"/>
                <a:gd name="connsiteY256" fmla="*/ 902677 h 1817077"/>
                <a:gd name="connsiteX257" fmla="*/ 343877 w 2555631"/>
                <a:gd name="connsiteY257" fmla="*/ 910493 h 1817077"/>
                <a:gd name="connsiteX258" fmla="*/ 324338 w 2555631"/>
                <a:gd name="connsiteY258" fmla="*/ 945662 h 1817077"/>
                <a:gd name="connsiteX259" fmla="*/ 250092 w 2555631"/>
                <a:gd name="connsiteY259" fmla="*/ 941754 h 1817077"/>
                <a:gd name="connsiteX260" fmla="*/ 207108 w 2555631"/>
                <a:gd name="connsiteY260" fmla="*/ 984739 h 1817077"/>
                <a:gd name="connsiteX261" fmla="*/ 156308 w 2555631"/>
                <a:gd name="connsiteY261" fmla="*/ 953477 h 1817077"/>
                <a:gd name="connsiteX262" fmla="*/ 117231 w 2555631"/>
                <a:gd name="connsiteY262" fmla="*/ 996462 h 1817077"/>
                <a:gd name="connsiteX263" fmla="*/ 156308 w 2555631"/>
                <a:gd name="connsiteY263" fmla="*/ 1058985 h 1817077"/>
                <a:gd name="connsiteX264" fmla="*/ 218831 w 2555631"/>
                <a:gd name="connsiteY264" fmla="*/ 1098062 h 1817077"/>
                <a:gd name="connsiteX265" fmla="*/ 246185 w 2555631"/>
                <a:gd name="connsiteY265" fmla="*/ 1039446 h 1817077"/>
                <a:gd name="connsiteX266" fmla="*/ 293077 w 2555631"/>
                <a:gd name="connsiteY266" fmla="*/ 1043354 h 1817077"/>
                <a:gd name="connsiteX267" fmla="*/ 375138 w 2555631"/>
                <a:gd name="connsiteY267" fmla="*/ 1023816 h 1817077"/>
                <a:gd name="connsiteX268" fmla="*/ 433754 w 2555631"/>
                <a:gd name="connsiteY268" fmla="*/ 1039446 h 1817077"/>
                <a:gd name="connsiteX269" fmla="*/ 492369 w 2555631"/>
                <a:gd name="connsiteY269" fmla="*/ 1031631 h 1817077"/>
                <a:gd name="connsiteX270" fmla="*/ 511908 w 2555631"/>
                <a:gd name="connsiteY270" fmla="*/ 1094154 h 1817077"/>
                <a:gd name="connsiteX271" fmla="*/ 500185 w 2555631"/>
                <a:gd name="connsiteY271" fmla="*/ 1144954 h 1817077"/>
                <a:gd name="connsiteX272" fmla="*/ 531446 w 2555631"/>
                <a:gd name="connsiteY272" fmla="*/ 1184031 h 1817077"/>
                <a:gd name="connsiteX273" fmla="*/ 656492 w 2555631"/>
                <a:gd name="connsiteY273" fmla="*/ 1160585 h 1817077"/>
                <a:gd name="connsiteX274" fmla="*/ 586154 w 2555631"/>
                <a:gd name="connsiteY274" fmla="*/ 1215293 h 1817077"/>
                <a:gd name="connsiteX275" fmla="*/ 586154 w 2555631"/>
                <a:gd name="connsiteY275" fmla="*/ 1266093 h 1817077"/>
                <a:gd name="connsiteX276" fmla="*/ 586154 w 2555631"/>
                <a:gd name="connsiteY276" fmla="*/ 1266093 h 1817077"/>
                <a:gd name="connsiteX277" fmla="*/ 609600 w 2555631"/>
                <a:gd name="connsiteY277" fmla="*/ 1305170 h 1817077"/>
                <a:gd name="connsiteX278" fmla="*/ 672123 w 2555631"/>
                <a:gd name="connsiteY278" fmla="*/ 1254370 h 1817077"/>
                <a:gd name="connsiteX279" fmla="*/ 750277 w 2555631"/>
                <a:gd name="connsiteY279" fmla="*/ 1270000 h 1817077"/>
                <a:gd name="connsiteX280" fmla="*/ 668215 w 2555631"/>
                <a:gd name="connsiteY280" fmla="*/ 1289539 h 1817077"/>
                <a:gd name="connsiteX281" fmla="*/ 633046 w 2555631"/>
                <a:gd name="connsiteY281" fmla="*/ 1312985 h 1817077"/>
                <a:gd name="connsiteX282" fmla="*/ 644769 w 2555631"/>
                <a:gd name="connsiteY282" fmla="*/ 1363785 h 1817077"/>
                <a:gd name="connsiteX283" fmla="*/ 593969 w 2555631"/>
                <a:gd name="connsiteY283" fmla="*/ 1426308 h 1817077"/>
                <a:gd name="connsiteX284" fmla="*/ 558800 w 2555631"/>
                <a:gd name="connsiteY284" fmla="*/ 1461477 h 1817077"/>
                <a:gd name="connsiteX285" fmla="*/ 515815 w 2555631"/>
                <a:gd name="connsiteY285" fmla="*/ 1481016 h 1817077"/>
                <a:gd name="connsiteX286" fmla="*/ 480646 w 2555631"/>
                <a:gd name="connsiteY286" fmla="*/ 1488831 h 1817077"/>
                <a:gd name="connsiteX287" fmla="*/ 441569 w 2555631"/>
                <a:gd name="connsiteY287" fmla="*/ 1438031 h 1817077"/>
                <a:gd name="connsiteX288" fmla="*/ 418123 w 2555631"/>
                <a:gd name="connsiteY288" fmla="*/ 1488831 h 1817077"/>
                <a:gd name="connsiteX289" fmla="*/ 449385 w 2555631"/>
                <a:gd name="connsiteY289" fmla="*/ 1582616 h 18170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</a:cxnLst>
              <a:rect l="l" t="t" r="r" b="b"/>
              <a:pathLst>
                <a:path w="2555631" h="1817077">
                  <a:moveTo>
                    <a:pt x="449385" y="1582616"/>
                  </a:moveTo>
                  <a:lnTo>
                    <a:pt x="449385" y="1582616"/>
                  </a:lnTo>
                  <a:cubicBezTo>
                    <a:pt x="518133" y="1580706"/>
                    <a:pt x="557277" y="1586046"/>
                    <a:pt x="613508" y="1574800"/>
                  </a:cubicBezTo>
                  <a:cubicBezTo>
                    <a:pt x="618774" y="1573747"/>
                    <a:pt x="623928" y="1572195"/>
                    <a:pt x="629138" y="1570893"/>
                  </a:cubicBezTo>
                  <a:cubicBezTo>
                    <a:pt x="630441" y="1565683"/>
                    <a:pt x="628351" y="1557870"/>
                    <a:pt x="633046" y="1555262"/>
                  </a:cubicBezTo>
                  <a:cubicBezTo>
                    <a:pt x="648524" y="1546663"/>
                    <a:pt x="712891" y="1554825"/>
                    <a:pt x="719015" y="1555262"/>
                  </a:cubicBezTo>
                  <a:cubicBezTo>
                    <a:pt x="735940" y="1553569"/>
                    <a:pt x="756101" y="1559883"/>
                    <a:pt x="765908" y="1543539"/>
                  </a:cubicBezTo>
                  <a:cubicBezTo>
                    <a:pt x="768027" y="1540007"/>
                    <a:pt x="768513" y="1535724"/>
                    <a:pt x="769815" y="1531816"/>
                  </a:cubicBezTo>
                  <a:cubicBezTo>
                    <a:pt x="775138" y="1535365"/>
                    <a:pt x="785643" y="1541261"/>
                    <a:pt x="789354" y="1547446"/>
                  </a:cubicBezTo>
                  <a:cubicBezTo>
                    <a:pt x="791473" y="1550978"/>
                    <a:pt x="790349" y="1556257"/>
                    <a:pt x="793262" y="1559170"/>
                  </a:cubicBezTo>
                  <a:cubicBezTo>
                    <a:pt x="806697" y="1572605"/>
                    <a:pt x="813691" y="1573794"/>
                    <a:pt x="828431" y="1578708"/>
                  </a:cubicBezTo>
                  <a:cubicBezTo>
                    <a:pt x="845908" y="1604925"/>
                    <a:pt x="825320" y="1579239"/>
                    <a:pt x="847969" y="1594339"/>
                  </a:cubicBezTo>
                  <a:cubicBezTo>
                    <a:pt x="875906" y="1612964"/>
                    <a:pt x="842264" y="1601705"/>
                    <a:pt x="875323" y="1609970"/>
                  </a:cubicBezTo>
                  <a:cubicBezTo>
                    <a:pt x="879231" y="1613878"/>
                    <a:pt x="882215" y="1619009"/>
                    <a:pt x="887046" y="1621693"/>
                  </a:cubicBezTo>
                  <a:cubicBezTo>
                    <a:pt x="894247" y="1625694"/>
                    <a:pt x="910492" y="1629508"/>
                    <a:pt x="910492" y="1629508"/>
                  </a:cubicBezTo>
                  <a:cubicBezTo>
                    <a:pt x="937086" y="1656099"/>
                    <a:pt x="896561" y="1614557"/>
                    <a:pt x="926123" y="1649046"/>
                  </a:cubicBezTo>
                  <a:cubicBezTo>
                    <a:pt x="930918" y="1654641"/>
                    <a:pt x="936544" y="1659467"/>
                    <a:pt x="941754" y="1664677"/>
                  </a:cubicBezTo>
                  <a:lnTo>
                    <a:pt x="949569" y="1672493"/>
                  </a:lnTo>
                  <a:cubicBezTo>
                    <a:pt x="952174" y="1675098"/>
                    <a:pt x="955341" y="1677242"/>
                    <a:pt x="957385" y="1680308"/>
                  </a:cubicBezTo>
                  <a:cubicBezTo>
                    <a:pt x="967805" y="1695939"/>
                    <a:pt x="961292" y="1689426"/>
                    <a:pt x="976923" y="1699846"/>
                  </a:cubicBezTo>
                  <a:cubicBezTo>
                    <a:pt x="979052" y="1706233"/>
                    <a:pt x="982267" y="1719306"/>
                    <a:pt x="988646" y="1723293"/>
                  </a:cubicBezTo>
                  <a:cubicBezTo>
                    <a:pt x="995632" y="1727659"/>
                    <a:pt x="1003870" y="1730594"/>
                    <a:pt x="1012092" y="1731108"/>
                  </a:cubicBezTo>
                  <a:lnTo>
                    <a:pt x="1137138" y="1738923"/>
                  </a:lnTo>
                  <a:cubicBezTo>
                    <a:pt x="1151189" y="1741733"/>
                    <a:pt x="1165774" y="1742372"/>
                    <a:pt x="1176215" y="1754554"/>
                  </a:cubicBezTo>
                  <a:cubicBezTo>
                    <a:pt x="1179710" y="1758632"/>
                    <a:pt x="1177144" y="1765716"/>
                    <a:pt x="1180123" y="1770185"/>
                  </a:cubicBezTo>
                  <a:cubicBezTo>
                    <a:pt x="1182728" y="1774093"/>
                    <a:pt x="1188179" y="1775066"/>
                    <a:pt x="1191846" y="1778000"/>
                  </a:cubicBezTo>
                  <a:cubicBezTo>
                    <a:pt x="1194723" y="1780302"/>
                    <a:pt x="1196366" y="1784168"/>
                    <a:pt x="1199662" y="1785816"/>
                  </a:cubicBezTo>
                  <a:cubicBezTo>
                    <a:pt x="1204465" y="1788218"/>
                    <a:pt x="1210128" y="1788248"/>
                    <a:pt x="1215292" y="1789723"/>
                  </a:cubicBezTo>
                  <a:cubicBezTo>
                    <a:pt x="1219253" y="1790855"/>
                    <a:pt x="1223331" y="1791789"/>
                    <a:pt x="1227015" y="1793631"/>
                  </a:cubicBezTo>
                  <a:cubicBezTo>
                    <a:pt x="1249851" y="1805049"/>
                    <a:pt x="1227541" y="1798805"/>
                    <a:pt x="1250462" y="1805354"/>
                  </a:cubicBezTo>
                  <a:cubicBezTo>
                    <a:pt x="1255626" y="1806829"/>
                    <a:pt x="1261064" y="1807376"/>
                    <a:pt x="1266092" y="1809262"/>
                  </a:cubicBezTo>
                  <a:cubicBezTo>
                    <a:pt x="1271546" y="1811307"/>
                    <a:pt x="1281723" y="1817077"/>
                    <a:pt x="1281723" y="1817077"/>
                  </a:cubicBezTo>
                  <a:lnTo>
                    <a:pt x="1426308" y="1805354"/>
                  </a:lnTo>
                  <a:lnTo>
                    <a:pt x="1516185" y="1762370"/>
                  </a:lnTo>
                  <a:lnTo>
                    <a:pt x="1551354" y="1711570"/>
                  </a:lnTo>
                  <a:lnTo>
                    <a:pt x="1598246" y="1637323"/>
                  </a:lnTo>
                  <a:lnTo>
                    <a:pt x="1672492" y="1602154"/>
                  </a:lnTo>
                  <a:lnTo>
                    <a:pt x="1731108" y="1598246"/>
                  </a:lnTo>
                  <a:lnTo>
                    <a:pt x="1727200" y="1551354"/>
                  </a:lnTo>
                  <a:lnTo>
                    <a:pt x="1774092" y="1563077"/>
                  </a:lnTo>
                  <a:lnTo>
                    <a:pt x="1820985" y="1574800"/>
                  </a:lnTo>
                  <a:lnTo>
                    <a:pt x="1985108" y="1395046"/>
                  </a:lnTo>
                  <a:lnTo>
                    <a:pt x="2098431" y="1359877"/>
                  </a:lnTo>
                  <a:lnTo>
                    <a:pt x="2129692" y="1312985"/>
                  </a:lnTo>
                  <a:lnTo>
                    <a:pt x="2207846" y="1359877"/>
                  </a:lnTo>
                  <a:lnTo>
                    <a:pt x="2239108" y="1305170"/>
                  </a:lnTo>
                  <a:lnTo>
                    <a:pt x="2286000" y="1254370"/>
                  </a:lnTo>
                  <a:lnTo>
                    <a:pt x="2336800" y="1238739"/>
                  </a:lnTo>
                  <a:lnTo>
                    <a:pt x="2332892" y="1184031"/>
                  </a:lnTo>
                  <a:lnTo>
                    <a:pt x="2332892" y="1184031"/>
                  </a:lnTo>
                  <a:lnTo>
                    <a:pt x="2340708" y="1113693"/>
                  </a:lnTo>
                  <a:lnTo>
                    <a:pt x="2379785" y="1109785"/>
                  </a:lnTo>
                  <a:lnTo>
                    <a:pt x="2348523" y="1062893"/>
                  </a:lnTo>
                  <a:lnTo>
                    <a:pt x="2430585" y="1090246"/>
                  </a:lnTo>
                  <a:lnTo>
                    <a:pt x="2446215" y="1039446"/>
                  </a:lnTo>
                  <a:lnTo>
                    <a:pt x="2481385" y="1016000"/>
                  </a:lnTo>
                  <a:lnTo>
                    <a:pt x="2481385" y="1016000"/>
                  </a:lnTo>
                  <a:lnTo>
                    <a:pt x="2457938" y="976923"/>
                  </a:lnTo>
                  <a:lnTo>
                    <a:pt x="2504831" y="961293"/>
                  </a:lnTo>
                  <a:lnTo>
                    <a:pt x="2430585" y="906585"/>
                  </a:lnTo>
                  <a:lnTo>
                    <a:pt x="2454031" y="871416"/>
                  </a:lnTo>
                  <a:lnTo>
                    <a:pt x="2508738" y="898770"/>
                  </a:lnTo>
                  <a:lnTo>
                    <a:pt x="2555631" y="890954"/>
                  </a:lnTo>
                  <a:lnTo>
                    <a:pt x="2555631" y="890954"/>
                  </a:lnTo>
                  <a:lnTo>
                    <a:pt x="2520462" y="836246"/>
                  </a:lnTo>
                  <a:lnTo>
                    <a:pt x="2500923" y="804985"/>
                  </a:lnTo>
                  <a:lnTo>
                    <a:pt x="2540000" y="777631"/>
                  </a:lnTo>
                  <a:lnTo>
                    <a:pt x="2500923" y="746370"/>
                  </a:lnTo>
                  <a:lnTo>
                    <a:pt x="2457938" y="750277"/>
                  </a:lnTo>
                  <a:lnTo>
                    <a:pt x="2520462" y="687754"/>
                  </a:lnTo>
                  <a:lnTo>
                    <a:pt x="2540000" y="629139"/>
                  </a:lnTo>
                  <a:lnTo>
                    <a:pt x="2528277" y="597877"/>
                  </a:lnTo>
                  <a:lnTo>
                    <a:pt x="2481385" y="597877"/>
                  </a:lnTo>
                  <a:lnTo>
                    <a:pt x="2481385" y="597877"/>
                  </a:lnTo>
                  <a:lnTo>
                    <a:pt x="2446215" y="562708"/>
                  </a:lnTo>
                  <a:lnTo>
                    <a:pt x="2379785" y="519723"/>
                  </a:lnTo>
                  <a:lnTo>
                    <a:pt x="2364154" y="488462"/>
                  </a:lnTo>
                  <a:lnTo>
                    <a:pt x="2356338" y="449385"/>
                  </a:lnTo>
                  <a:lnTo>
                    <a:pt x="2278185" y="484554"/>
                  </a:lnTo>
                  <a:lnTo>
                    <a:pt x="2278185" y="484554"/>
                  </a:lnTo>
                  <a:lnTo>
                    <a:pt x="2258646" y="422031"/>
                  </a:lnTo>
                  <a:lnTo>
                    <a:pt x="2305538" y="371231"/>
                  </a:lnTo>
                  <a:lnTo>
                    <a:pt x="2297723" y="324339"/>
                  </a:lnTo>
                  <a:lnTo>
                    <a:pt x="2274277" y="289170"/>
                  </a:lnTo>
                  <a:lnTo>
                    <a:pt x="2219569" y="304800"/>
                  </a:lnTo>
                  <a:lnTo>
                    <a:pt x="2188308" y="273539"/>
                  </a:lnTo>
                  <a:lnTo>
                    <a:pt x="2188308" y="273539"/>
                  </a:lnTo>
                  <a:lnTo>
                    <a:pt x="2235200" y="207108"/>
                  </a:lnTo>
                  <a:lnTo>
                    <a:pt x="2231292" y="156308"/>
                  </a:lnTo>
                  <a:lnTo>
                    <a:pt x="2293815" y="136770"/>
                  </a:lnTo>
                  <a:lnTo>
                    <a:pt x="2250831" y="89877"/>
                  </a:lnTo>
                  <a:lnTo>
                    <a:pt x="2196123" y="113323"/>
                  </a:lnTo>
                  <a:lnTo>
                    <a:pt x="2176585" y="160216"/>
                  </a:lnTo>
                  <a:lnTo>
                    <a:pt x="2133600" y="164123"/>
                  </a:lnTo>
                  <a:lnTo>
                    <a:pt x="2133600" y="222739"/>
                  </a:lnTo>
                  <a:lnTo>
                    <a:pt x="2055446" y="175846"/>
                  </a:lnTo>
                  <a:lnTo>
                    <a:pt x="2063262" y="113323"/>
                  </a:lnTo>
                  <a:lnTo>
                    <a:pt x="2028092" y="78154"/>
                  </a:lnTo>
                  <a:lnTo>
                    <a:pt x="2028092" y="78154"/>
                  </a:lnTo>
                  <a:lnTo>
                    <a:pt x="2028092" y="78154"/>
                  </a:lnTo>
                  <a:lnTo>
                    <a:pt x="1985108" y="74246"/>
                  </a:lnTo>
                  <a:lnTo>
                    <a:pt x="1977292" y="3908"/>
                  </a:lnTo>
                  <a:lnTo>
                    <a:pt x="1934308" y="0"/>
                  </a:lnTo>
                  <a:lnTo>
                    <a:pt x="1906954" y="39077"/>
                  </a:lnTo>
                  <a:lnTo>
                    <a:pt x="1856154" y="19539"/>
                  </a:lnTo>
                  <a:lnTo>
                    <a:pt x="1824892" y="54708"/>
                  </a:lnTo>
                  <a:lnTo>
                    <a:pt x="1860062" y="109416"/>
                  </a:lnTo>
                  <a:lnTo>
                    <a:pt x="1871785" y="160216"/>
                  </a:lnTo>
                  <a:lnTo>
                    <a:pt x="1875692" y="207108"/>
                  </a:lnTo>
                  <a:lnTo>
                    <a:pt x="1762369" y="265723"/>
                  </a:lnTo>
                  <a:lnTo>
                    <a:pt x="1742831" y="211016"/>
                  </a:lnTo>
                  <a:lnTo>
                    <a:pt x="1707662" y="214923"/>
                  </a:lnTo>
                  <a:lnTo>
                    <a:pt x="1680308" y="254000"/>
                  </a:lnTo>
                  <a:lnTo>
                    <a:pt x="1664677" y="320431"/>
                  </a:lnTo>
                  <a:lnTo>
                    <a:pt x="1606062" y="336062"/>
                  </a:lnTo>
                  <a:lnTo>
                    <a:pt x="1582615" y="289170"/>
                  </a:lnTo>
                  <a:lnTo>
                    <a:pt x="1547446" y="246185"/>
                  </a:lnTo>
                  <a:lnTo>
                    <a:pt x="1500554" y="238370"/>
                  </a:lnTo>
                  <a:lnTo>
                    <a:pt x="1461477" y="226646"/>
                  </a:lnTo>
                  <a:lnTo>
                    <a:pt x="1434123" y="257908"/>
                  </a:lnTo>
                  <a:lnTo>
                    <a:pt x="1445846" y="304800"/>
                  </a:lnTo>
                  <a:lnTo>
                    <a:pt x="1457569" y="351693"/>
                  </a:lnTo>
                  <a:lnTo>
                    <a:pt x="1504462" y="394677"/>
                  </a:lnTo>
                  <a:lnTo>
                    <a:pt x="1508369" y="445477"/>
                  </a:lnTo>
                  <a:lnTo>
                    <a:pt x="1508369" y="492370"/>
                  </a:lnTo>
                  <a:lnTo>
                    <a:pt x="1508369" y="492370"/>
                  </a:lnTo>
                  <a:lnTo>
                    <a:pt x="1465385" y="422031"/>
                  </a:lnTo>
                  <a:lnTo>
                    <a:pt x="1441938" y="371231"/>
                  </a:lnTo>
                  <a:lnTo>
                    <a:pt x="1414585" y="343877"/>
                  </a:lnTo>
                  <a:lnTo>
                    <a:pt x="1395046" y="281354"/>
                  </a:lnTo>
                  <a:lnTo>
                    <a:pt x="1367692" y="250093"/>
                  </a:lnTo>
                  <a:lnTo>
                    <a:pt x="1367692" y="250093"/>
                  </a:lnTo>
                  <a:lnTo>
                    <a:pt x="1293446" y="214923"/>
                  </a:lnTo>
                  <a:lnTo>
                    <a:pt x="1293446" y="214923"/>
                  </a:lnTo>
                  <a:lnTo>
                    <a:pt x="1258277" y="265723"/>
                  </a:lnTo>
                  <a:lnTo>
                    <a:pt x="1195754" y="285262"/>
                  </a:lnTo>
                  <a:lnTo>
                    <a:pt x="1195754" y="285262"/>
                  </a:lnTo>
                  <a:lnTo>
                    <a:pt x="1199662" y="332154"/>
                  </a:lnTo>
                  <a:lnTo>
                    <a:pt x="1160585" y="351693"/>
                  </a:lnTo>
                  <a:lnTo>
                    <a:pt x="1168400" y="386862"/>
                  </a:lnTo>
                  <a:lnTo>
                    <a:pt x="1199662" y="418123"/>
                  </a:lnTo>
                  <a:lnTo>
                    <a:pt x="1203569" y="457200"/>
                  </a:lnTo>
                  <a:lnTo>
                    <a:pt x="1203569" y="457200"/>
                  </a:lnTo>
                  <a:lnTo>
                    <a:pt x="1144954" y="484554"/>
                  </a:lnTo>
                  <a:lnTo>
                    <a:pt x="1129323" y="422031"/>
                  </a:lnTo>
                  <a:lnTo>
                    <a:pt x="1109785" y="379046"/>
                  </a:lnTo>
                  <a:lnTo>
                    <a:pt x="1109785" y="379046"/>
                  </a:lnTo>
                  <a:lnTo>
                    <a:pt x="1062892" y="379046"/>
                  </a:lnTo>
                  <a:lnTo>
                    <a:pt x="1062892" y="289170"/>
                  </a:lnTo>
                  <a:lnTo>
                    <a:pt x="1019908" y="250093"/>
                  </a:lnTo>
                  <a:lnTo>
                    <a:pt x="969108" y="265723"/>
                  </a:lnTo>
                  <a:lnTo>
                    <a:pt x="949569" y="304800"/>
                  </a:lnTo>
                  <a:lnTo>
                    <a:pt x="957385" y="363416"/>
                  </a:lnTo>
                  <a:lnTo>
                    <a:pt x="957385" y="363416"/>
                  </a:lnTo>
                  <a:lnTo>
                    <a:pt x="984738" y="433754"/>
                  </a:lnTo>
                  <a:lnTo>
                    <a:pt x="992554" y="484554"/>
                  </a:lnTo>
                  <a:lnTo>
                    <a:pt x="984738" y="531446"/>
                  </a:lnTo>
                  <a:lnTo>
                    <a:pt x="980831" y="570523"/>
                  </a:lnTo>
                  <a:lnTo>
                    <a:pt x="949569" y="625231"/>
                  </a:lnTo>
                  <a:lnTo>
                    <a:pt x="949569" y="625231"/>
                  </a:lnTo>
                  <a:lnTo>
                    <a:pt x="894862" y="550985"/>
                  </a:lnTo>
                  <a:lnTo>
                    <a:pt x="898769" y="500185"/>
                  </a:lnTo>
                  <a:lnTo>
                    <a:pt x="847969" y="593970"/>
                  </a:lnTo>
                  <a:lnTo>
                    <a:pt x="820615" y="636954"/>
                  </a:lnTo>
                  <a:lnTo>
                    <a:pt x="840154" y="691662"/>
                  </a:lnTo>
                  <a:lnTo>
                    <a:pt x="820615" y="738554"/>
                  </a:lnTo>
                  <a:lnTo>
                    <a:pt x="816708" y="793262"/>
                  </a:lnTo>
                  <a:lnTo>
                    <a:pt x="793262" y="746370"/>
                  </a:lnTo>
                  <a:lnTo>
                    <a:pt x="793262" y="746370"/>
                  </a:lnTo>
                  <a:lnTo>
                    <a:pt x="781538" y="664308"/>
                  </a:lnTo>
                  <a:lnTo>
                    <a:pt x="746369" y="640862"/>
                  </a:lnTo>
                  <a:lnTo>
                    <a:pt x="781538" y="578339"/>
                  </a:lnTo>
                  <a:lnTo>
                    <a:pt x="722923" y="543170"/>
                  </a:lnTo>
                  <a:lnTo>
                    <a:pt x="679938" y="539262"/>
                  </a:lnTo>
                  <a:lnTo>
                    <a:pt x="652585" y="492370"/>
                  </a:lnTo>
                  <a:lnTo>
                    <a:pt x="652585" y="492370"/>
                  </a:lnTo>
                  <a:lnTo>
                    <a:pt x="719015" y="508000"/>
                  </a:lnTo>
                  <a:lnTo>
                    <a:pt x="746369" y="472831"/>
                  </a:lnTo>
                  <a:lnTo>
                    <a:pt x="777631" y="445477"/>
                  </a:lnTo>
                  <a:lnTo>
                    <a:pt x="758092" y="351693"/>
                  </a:lnTo>
                  <a:lnTo>
                    <a:pt x="719015" y="312616"/>
                  </a:lnTo>
                  <a:lnTo>
                    <a:pt x="715108" y="265723"/>
                  </a:lnTo>
                  <a:lnTo>
                    <a:pt x="676031" y="281354"/>
                  </a:lnTo>
                  <a:lnTo>
                    <a:pt x="652585" y="218831"/>
                  </a:lnTo>
                  <a:lnTo>
                    <a:pt x="621323" y="207108"/>
                  </a:lnTo>
                  <a:lnTo>
                    <a:pt x="578338" y="175846"/>
                  </a:lnTo>
                  <a:lnTo>
                    <a:pt x="578338" y="175846"/>
                  </a:lnTo>
                  <a:lnTo>
                    <a:pt x="496277" y="70339"/>
                  </a:lnTo>
                  <a:lnTo>
                    <a:pt x="461108" y="31262"/>
                  </a:lnTo>
                  <a:lnTo>
                    <a:pt x="437662" y="66431"/>
                  </a:lnTo>
                  <a:lnTo>
                    <a:pt x="379046" y="39077"/>
                  </a:lnTo>
                  <a:lnTo>
                    <a:pt x="339969" y="54708"/>
                  </a:lnTo>
                  <a:lnTo>
                    <a:pt x="324338" y="109416"/>
                  </a:lnTo>
                  <a:lnTo>
                    <a:pt x="363415" y="160216"/>
                  </a:lnTo>
                  <a:lnTo>
                    <a:pt x="425938" y="144585"/>
                  </a:lnTo>
                  <a:lnTo>
                    <a:pt x="468923" y="175846"/>
                  </a:lnTo>
                  <a:lnTo>
                    <a:pt x="410308" y="183662"/>
                  </a:lnTo>
                  <a:lnTo>
                    <a:pt x="375138" y="214923"/>
                  </a:lnTo>
                  <a:lnTo>
                    <a:pt x="418123" y="254000"/>
                  </a:lnTo>
                  <a:lnTo>
                    <a:pt x="480646" y="281354"/>
                  </a:lnTo>
                  <a:lnTo>
                    <a:pt x="488462" y="324339"/>
                  </a:lnTo>
                  <a:lnTo>
                    <a:pt x="488462" y="324339"/>
                  </a:lnTo>
                  <a:lnTo>
                    <a:pt x="508000" y="422031"/>
                  </a:lnTo>
                  <a:lnTo>
                    <a:pt x="457200" y="332154"/>
                  </a:lnTo>
                  <a:lnTo>
                    <a:pt x="433754" y="289170"/>
                  </a:lnTo>
                  <a:lnTo>
                    <a:pt x="394677" y="336062"/>
                  </a:lnTo>
                  <a:lnTo>
                    <a:pt x="394677" y="336062"/>
                  </a:lnTo>
                  <a:lnTo>
                    <a:pt x="316523" y="222739"/>
                  </a:lnTo>
                  <a:lnTo>
                    <a:pt x="277446" y="218831"/>
                  </a:lnTo>
                  <a:lnTo>
                    <a:pt x="214923" y="242277"/>
                  </a:lnTo>
                  <a:lnTo>
                    <a:pt x="214923" y="242277"/>
                  </a:lnTo>
                  <a:lnTo>
                    <a:pt x="250092" y="300893"/>
                  </a:lnTo>
                  <a:lnTo>
                    <a:pt x="187569" y="304800"/>
                  </a:lnTo>
                  <a:lnTo>
                    <a:pt x="175846" y="351693"/>
                  </a:lnTo>
                  <a:lnTo>
                    <a:pt x="250092" y="402493"/>
                  </a:lnTo>
                  <a:lnTo>
                    <a:pt x="293077" y="422031"/>
                  </a:lnTo>
                  <a:lnTo>
                    <a:pt x="160215" y="390770"/>
                  </a:lnTo>
                  <a:lnTo>
                    <a:pt x="171938" y="441570"/>
                  </a:lnTo>
                  <a:lnTo>
                    <a:pt x="257908" y="476739"/>
                  </a:lnTo>
                  <a:lnTo>
                    <a:pt x="308708" y="476739"/>
                  </a:lnTo>
                  <a:lnTo>
                    <a:pt x="308708" y="476739"/>
                  </a:lnTo>
                  <a:lnTo>
                    <a:pt x="242277" y="504093"/>
                  </a:lnTo>
                  <a:lnTo>
                    <a:pt x="281354" y="539262"/>
                  </a:lnTo>
                  <a:lnTo>
                    <a:pt x="281354" y="539262"/>
                  </a:lnTo>
                  <a:lnTo>
                    <a:pt x="160215" y="484554"/>
                  </a:lnTo>
                  <a:lnTo>
                    <a:pt x="113323" y="449385"/>
                  </a:lnTo>
                  <a:lnTo>
                    <a:pt x="97692" y="504093"/>
                  </a:lnTo>
                  <a:lnTo>
                    <a:pt x="132862" y="543170"/>
                  </a:lnTo>
                  <a:lnTo>
                    <a:pt x="128954" y="586154"/>
                  </a:lnTo>
                  <a:lnTo>
                    <a:pt x="46892" y="554893"/>
                  </a:lnTo>
                  <a:lnTo>
                    <a:pt x="35169" y="597877"/>
                  </a:lnTo>
                  <a:lnTo>
                    <a:pt x="0" y="625231"/>
                  </a:lnTo>
                  <a:lnTo>
                    <a:pt x="121138" y="648677"/>
                  </a:lnTo>
                  <a:lnTo>
                    <a:pt x="160215" y="699477"/>
                  </a:lnTo>
                  <a:lnTo>
                    <a:pt x="222738" y="676031"/>
                  </a:lnTo>
                  <a:lnTo>
                    <a:pt x="269631" y="640862"/>
                  </a:lnTo>
                  <a:lnTo>
                    <a:pt x="375138" y="593970"/>
                  </a:lnTo>
                  <a:lnTo>
                    <a:pt x="418123" y="562708"/>
                  </a:lnTo>
                  <a:lnTo>
                    <a:pt x="418123" y="625231"/>
                  </a:lnTo>
                  <a:lnTo>
                    <a:pt x="511908" y="601785"/>
                  </a:lnTo>
                  <a:lnTo>
                    <a:pt x="515815" y="660400"/>
                  </a:lnTo>
                  <a:lnTo>
                    <a:pt x="566615" y="660400"/>
                  </a:lnTo>
                  <a:lnTo>
                    <a:pt x="566615" y="660400"/>
                  </a:lnTo>
                  <a:lnTo>
                    <a:pt x="617415" y="629139"/>
                  </a:lnTo>
                  <a:lnTo>
                    <a:pt x="664308" y="660400"/>
                  </a:lnTo>
                  <a:lnTo>
                    <a:pt x="488462" y="769816"/>
                  </a:lnTo>
                  <a:lnTo>
                    <a:pt x="453292" y="797170"/>
                  </a:lnTo>
                  <a:lnTo>
                    <a:pt x="492369" y="832339"/>
                  </a:lnTo>
                  <a:lnTo>
                    <a:pt x="566615" y="851877"/>
                  </a:lnTo>
                  <a:lnTo>
                    <a:pt x="613508" y="859693"/>
                  </a:lnTo>
                  <a:lnTo>
                    <a:pt x="629138" y="797170"/>
                  </a:lnTo>
                  <a:lnTo>
                    <a:pt x="672123" y="801077"/>
                  </a:lnTo>
                  <a:lnTo>
                    <a:pt x="672123" y="855785"/>
                  </a:lnTo>
                  <a:lnTo>
                    <a:pt x="625231" y="910493"/>
                  </a:lnTo>
                  <a:lnTo>
                    <a:pt x="484554" y="871416"/>
                  </a:lnTo>
                  <a:lnTo>
                    <a:pt x="461108" y="902677"/>
                  </a:lnTo>
                  <a:lnTo>
                    <a:pt x="418123" y="902677"/>
                  </a:lnTo>
                  <a:lnTo>
                    <a:pt x="343877" y="910493"/>
                  </a:lnTo>
                  <a:lnTo>
                    <a:pt x="324338" y="945662"/>
                  </a:lnTo>
                  <a:lnTo>
                    <a:pt x="250092" y="941754"/>
                  </a:lnTo>
                  <a:lnTo>
                    <a:pt x="207108" y="984739"/>
                  </a:lnTo>
                  <a:lnTo>
                    <a:pt x="156308" y="953477"/>
                  </a:lnTo>
                  <a:lnTo>
                    <a:pt x="117231" y="996462"/>
                  </a:lnTo>
                  <a:lnTo>
                    <a:pt x="156308" y="1058985"/>
                  </a:lnTo>
                  <a:lnTo>
                    <a:pt x="218831" y="1098062"/>
                  </a:lnTo>
                  <a:lnTo>
                    <a:pt x="246185" y="1039446"/>
                  </a:lnTo>
                  <a:lnTo>
                    <a:pt x="293077" y="1043354"/>
                  </a:lnTo>
                  <a:lnTo>
                    <a:pt x="375138" y="1023816"/>
                  </a:lnTo>
                  <a:lnTo>
                    <a:pt x="433754" y="1039446"/>
                  </a:lnTo>
                  <a:lnTo>
                    <a:pt x="492369" y="1031631"/>
                  </a:lnTo>
                  <a:lnTo>
                    <a:pt x="511908" y="1094154"/>
                  </a:lnTo>
                  <a:lnTo>
                    <a:pt x="500185" y="1144954"/>
                  </a:lnTo>
                  <a:lnTo>
                    <a:pt x="531446" y="1184031"/>
                  </a:lnTo>
                  <a:lnTo>
                    <a:pt x="656492" y="1160585"/>
                  </a:lnTo>
                  <a:lnTo>
                    <a:pt x="586154" y="1215293"/>
                  </a:lnTo>
                  <a:lnTo>
                    <a:pt x="586154" y="1266093"/>
                  </a:lnTo>
                  <a:lnTo>
                    <a:pt x="586154" y="1266093"/>
                  </a:lnTo>
                  <a:lnTo>
                    <a:pt x="609600" y="1305170"/>
                  </a:lnTo>
                  <a:lnTo>
                    <a:pt x="672123" y="1254370"/>
                  </a:lnTo>
                  <a:lnTo>
                    <a:pt x="750277" y="1270000"/>
                  </a:lnTo>
                  <a:lnTo>
                    <a:pt x="668215" y="1289539"/>
                  </a:lnTo>
                  <a:lnTo>
                    <a:pt x="633046" y="1312985"/>
                  </a:lnTo>
                  <a:lnTo>
                    <a:pt x="644769" y="1363785"/>
                  </a:lnTo>
                  <a:lnTo>
                    <a:pt x="593969" y="1426308"/>
                  </a:lnTo>
                  <a:lnTo>
                    <a:pt x="558800" y="1461477"/>
                  </a:lnTo>
                  <a:lnTo>
                    <a:pt x="515815" y="1481016"/>
                  </a:lnTo>
                  <a:lnTo>
                    <a:pt x="480646" y="1488831"/>
                  </a:lnTo>
                  <a:lnTo>
                    <a:pt x="441569" y="1438031"/>
                  </a:lnTo>
                  <a:lnTo>
                    <a:pt x="418123" y="1488831"/>
                  </a:lnTo>
                  <a:lnTo>
                    <a:pt x="449385" y="1582616"/>
                  </a:lnTo>
                  <a:close/>
                </a:path>
              </a:pathLst>
            </a:custGeom>
            <a:solidFill>
              <a:srgbClr val="A6A6A6"/>
            </a:solidFill>
            <a:ln w="6350" cmpd="sng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93055" tIns="46527" rIns="93055" bIns="46527" rtlCol="0" anchor="ctr"/>
            <a:lstStyle/>
            <a:p>
              <a:pPr algn="ctr" defTabSz="930407"/>
              <a:endParaRPr lang="en-US" sz="1625">
                <a:solidFill>
                  <a:prstClr val="white"/>
                </a:solidFill>
                <a:ea typeface="Helvetica" charset="0"/>
                <a:cs typeface="Helvetica" charset="0"/>
              </a:endParaRPr>
            </a:p>
          </p:txBody>
        </p:sp>
      </p:grpSp>
      <p:cxnSp>
        <p:nvCxnSpPr>
          <p:cNvPr id="188" name="Straight Arrow Connector 187">
            <a:extLst>
              <a:ext uri="{FF2B5EF4-FFF2-40B4-BE49-F238E27FC236}">
                <a16:creationId xmlns:a16="http://schemas.microsoft.com/office/drawing/2014/main" id="{36A4D95D-4C3F-2147-B396-69620DEFCA5C}"/>
              </a:ext>
            </a:extLst>
          </p:cNvPr>
          <p:cNvCxnSpPr/>
          <p:nvPr/>
        </p:nvCxnSpPr>
        <p:spPr>
          <a:xfrm>
            <a:off x="8638742" y="3402599"/>
            <a:ext cx="1191058" cy="2513412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Straight Arrow Connector 361">
            <a:extLst>
              <a:ext uri="{FF2B5EF4-FFF2-40B4-BE49-F238E27FC236}">
                <a16:creationId xmlns:a16="http://schemas.microsoft.com/office/drawing/2014/main" id="{166FEF5D-79D2-1C4D-914D-05DB373A0875}"/>
              </a:ext>
            </a:extLst>
          </p:cNvPr>
          <p:cNvCxnSpPr>
            <a:cxnSpLocks/>
            <a:stCxn id="9" idx="2"/>
          </p:cNvCxnSpPr>
          <p:nvPr/>
        </p:nvCxnSpPr>
        <p:spPr>
          <a:xfrm>
            <a:off x="8714885" y="5054600"/>
            <a:ext cx="971634" cy="850187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" name="Straight Arrow Connector 364">
            <a:extLst>
              <a:ext uri="{FF2B5EF4-FFF2-40B4-BE49-F238E27FC236}">
                <a16:creationId xmlns:a16="http://schemas.microsoft.com/office/drawing/2014/main" id="{D02461EF-20C8-4043-B719-B06345E4072F}"/>
              </a:ext>
            </a:extLst>
          </p:cNvPr>
          <p:cNvCxnSpPr>
            <a:cxnSpLocks/>
            <a:stCxn id="10" idx="3"/>
          </p:cNvCxnSpPr>
          <p:nvPr/>
        </p:nvCxnSpPr>
        <p:spPr>
          <a:xfrm>
            <a:off x="8807029" y="4221386"/>
            <a:ext cx="1352971" cy="479610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1" name="Straight Arrow Connector 370">
            <a:extLst>
              <a:ext uri="{FF2B5EF4-FFF2-40B4-BE49-F238E27FC236}">
                <a16:creationId xmlns:a16="http://schemas.microsoft.com/office/drawing/2014/main" id="{3BE81A82-EE6A-8048-B005-00A685F4BE3E}"/>
              </a:ext>
            </a:extLst>
          </p:cNvPr>
          <p:cNvCxnSpPr>
            <a:cxnSpLocks/>
            <a:stCxn id="8" idx="3"/>
          </p:cNvCxnSpPr>
          <p:nvPr/>
        </p:nvCxnSpPr>
        <p:spPr>
          <a:xfrm>
            <a:off x="9411983" y="3568720"/>
            <a:ext cx="1821808" cy="613600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Straight Arrow Connector 374">
            <a:extLst>
              <a:ext uri="{FF2B5EF4-FFF2-40B4-BE49-F238E27FC236}">
                <a16:creationId xmlns:a16="http://schemas.microsoft.com/office/drawing/2014/main" id="{76731B51-B124-E144-BCC2-A9115628ECDB}"/>
              </a:ext>
            </a:extLst>
          </p:cNvPr>
          <p:cNvCxnSpPr>
            <a:cxnSpLocks/>
            <a:stCxn id="6" idx="3"/>
          </p:cNvCxnSpPr>
          <p:nvPr/>
        </p:nvCxnSpPr>
        <p:spPr>
          <a:xfrm>
            <a:off x="8737601" y="3848506"/>
            <a:ext cx="2006599" cy="1833723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303294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E65EE30-D04A-5240-A2BE-D1DA97A4E1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om Construction to installation and operation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BAA7532-4133-734D-BE4B-0D800CE012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/>
              <a:t>In Construction Phase </a:t>
            </a:r>
            <a:r>
              <a:rPr lang="en-US" dirty="0"/>
              <a:t>(</a:t>
            </a:r>
            <a:r>
              <a:rPr lang="en-US" b="1" dirty="0"/>
              <a:t>Past</a:t>
            </a:r>
            <a:r>
              <a:rPr lang="en-US" dirty="0"/>
              <a:t>)</a:t>
            </a:r>
          </a:p>
          <a:p>
            <a:pPr lvl="1"/>
            <a:r>
              <a:rPr lang="en-US" dirty="0"/>
              <a:t>Most of the SRF activities during the Construction Phase so far has been performed by the </a:t>
            </a:r>
            <a:br>
              <a:rPr lang="en-US" dirty="0"/>
            </a:br>
            <a:r>
              <a:rPr lang="en-US" b="1" dirty="0">
                <a:solidFill>
                  <a:srgbClr val="00B050"/>
                </a:solidFill>
              </a:rPr>
              <a:t>In-Kind partners </a:t>
            </a:r>
            <a:r>
              <a:rPr lang="en-US" dirty="0"/>
              <a:t>at the home institutions (CEA, IPNO, INFN and STFC)</a:t>
            </a:r>
          </a:p>
          <a:p>
            <a:pPr lvl="1"/>
            <a:r>
              <a:rPr lang="en-US" b="1" dirty="0">
                <a:solidFill>
                  <a:srgbClr val="00B050"/>
                </a:solidFill>
              </a:rPr>
              <a:t>Design, construction and prototyping of cavities and modules</a:t>
            </a:r>
          </a:p>
          <a:p>
            <a:pPr lvl="1"/>
            <a:r>
              <a:rPr lang="en-US" dirty="0"/>
              <a:t>ESS in charge of the </a:t>
            </a:r>
            <a:r>
              <a:rPr lang="en-US" b="1" dirty="0">
                <a:solidFill>
                  <a:srgbClr val="13A0DE"/>
                </a:solidFill>
              </a:rPr>
              <a:t>CM “interface” </a:t>
            </a:r>
            <a:r>
              <a:rPr lang="en-US" dirty="0"/>
              <a:t>agreements towards neighboring WPs</a:t>
            </a:r>
          </a:p>
          <a:p>
            <a:r>
              <a:rPr lang="en-US" b="1" dirty="0"/>
              <a:t>Installation &amp; Testing is getting very close </a:t>
            </a:r>
            <a:r>
              <a:rPr lang="en-US" dirty="0"/>
              <a:t>(</a:t>
            </a:r>
            <a:r>
              <a:rPr lang="en-US" b="1" dirty="0"/>
              <a:t>Now</a:t>
            </a:r>
            <a:r>
              <a:rPr lang="en-US" dirty="0"/>
              <a:t>)</a:t>
            </a:r>
          </a:p>
          <a:p>
            <a:pPr lvl="1"/>
            <a:r>
              <a:rPr lang="en-US" b="1" dirty="0">
                <a:solidFill>
                  <a:srgbClr val="00B050"/>
                </a:solidFill>
              </a:rPr>
              <a:t>Delivery of prototypes </a:t>
            </a:r>
            <a:r>
              <a:rPr lang="en-US" dirty="0"/>
              <a:t>at test stand happened and </a:t>
            </a:r>
            <a:r>
              <a:rPr lang="en-US" b="1" dirty="0">
                <a:solidFill>
                  <a:srgbClr val="00B050"/>
                </a:solidFill>
              </a:rPr>
              <a:t>first series components </a:t>
            </a:r>
            <a:r>
              <a:rPr lang="en-US" dirty="0"/>
              <a:t>in </a:t>
            </a:r>
            <a:r>
              <a:rPr lang="en-US" b="1" dirty="0"/>
              <a:t>Fall 2019</a:t>
            </a:r>
          </a:p>
          <a:p>
            <a:pPr lvl="1"/>
            <a:r>
              <a:rPr lang="en-US" dirty="0"/>
              <a:t>Start of the </a:t>
            </a:r>
            <a:r>
              <a:rPr lang="en-US" b="1" dirty="0"/>
              <a:t>Test Stand 2 operation </a:t>
            </a:r>
            <a:r>
              <a:rPr lang="en-US" dirty="0"/>
              <a:t>for the Elliptical CM testing (summer)</a:t>
            </a:r>
            <a:endParaRPr lang="en-US" dirty="0">
              <a:solidFill>
                <a:srgbClr val="FF0000"/>
              </a:solidFill>
            </a:endParaRPr>
          </a:p>
          <a:p>
            <a:pPr lvl="1"/>
            <a:r>
              <a:rPr lang="en-US" dirty="0"/>
              <a:t>Start of the </a:t>
            </a:r>
            <a:r>
              <a:rPr lang="en-US" b="1" dirty="0"/>
              <a:t>FREIA Test Stand operation </a:t>
            </a:r>
            <a:r>
              <a:rPr lang="en-US" dirty="0"/>
              <a:t>at UU for Spoke CM testing (UU running!)</a:t>
            </a:r>
            <a:endParaRPr lang="en-US" dirty="0">
              <a:solidFill>
                <a:srgbClr val="FF0000"/>
              </a:solidFill>
            </a:endParaRPr>
          </a:p>
          <a:p>
            <a:r>
              <a:rPr lang="en-US" b="1" dirty="0"/>
              <a:t>Getting ready for testing and commissioning </a:t>
            </a:r>
            <a:r>
              <a:rPr lang="en-US" dirty="0"/>
              <a:t>(</a:t>
            </a:r>
            <a:r>
              <a:rPr lang="en-US" b="1" dirty="0"/>
              <a:t>Now &amp; Future</a:t>
            </a:r>
            <a:r>
              <a:rPr lang="en-US" dirty="0"/>
              <a:t>)</a:t>
            </a:r>
          </a:p>
          <a:p>
            <a:pPr lvl="1"/>
            <a:r>
              <a:rPr lang="en-US" b="1" dirty="0">
                <a:solidFill>
                  <a:srgbClr val="13A0DE"/>
                </a:solidFill>
              </a:rPr>
              <a:t>Transfer know-how </a:t>
            </a:r>
            <a:r>
              <a:rPr lang="en-US" dirty="0">
                <a:solidFill>
                  <a:srgbClr val="13A0DE"/>
                </a:solidFill>
              </a:rPr>
              <a:t>from IK, capture design intent, get ownership of SRF components</a:t>
            </a:r>
          </a:p>
          <a:p>
            <a:pPr lvl="1"/>
            <a:r>
              <a:rPr lang="en-US" dirty="0">
                <a:solidFill>
                  <a:srgbClr val="13A0DE"/>
                </a:solidFill>
              </a:rPr>
              <a:t>Ramp up of </a:t>
            </a:r>
            <a:r>
              <a:rPr lang="en-US" b="1" dirty="0">
                <a:solidFill>
                  <a:srgbClr val="13A0DE"/>
                </a:solidFill>
              </a:rPr>
              <a:t>local “hands-on” SRF </a:t>
            </a:r>
            <a:r>
              <a:rPr lang="en-US" dirty="0">
                <a:solidFill>
                  <a:srgbClr val="13A0DE"/>
                </a:solidFill>
              </a:rPr>
              <a:t>activities at ES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36DC823-AC37-C644-9DC2-DE786EC841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5</a:t>
            </a:fld>
            <a:endParaRPr lang="en-GB" noProof="0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7163B9F-4E10-0244-A3F8-8A24F7A00B9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(from IK to ESS)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D595E1BE-1D05-7448-AC6A-98F48A1B7758}"/>
              </a:ext>
            </a:extLst>
          </p:cNvPr>
          <p:cNvSpPr/>
          <p:nvPr/>
        </p:nvSpPr>
        <p:spPr>
          <a:xfrm rot="16200000">
            <a:off x="8730642" y="3503008"/>
            <a:ext cx="4331915" cy="914401"/>
          </a:xfrm>
          <a:prstGeom prst="leftArrow">
            <a:avLst/>
          </a:prstGeom>
          <a:gradFill flip="none" rotWithShape="1">
            <a:gsLst>
              <a:gs pos="0">
                <a:srgbClr val="365C89"/>
              </a:gs>
              <a:gs pos="100000">
                <a:srgbClr val="13A0DE"/>
              </a:gs>
            </a:gsLst>
            <a:lin ang="10800000" scaled="1"/>
            <a:tileRect/>
          </a:gra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1" dirty="0"/>
              <a:t>Construction to Test and Operation</a:t>
            </a:r>
          </a:p>
        </p:txBody>
      </p:sp>
    </p:spTree>
    <p:extLst>
      <p:ext uri="{BB962C8B-B14F-4D97-AF65-F5344CB8AC3E}">
        <p14:creationId xmlns:p14="http://schemas.microsoft.com/office/powerpoint/2010/main" val="19091995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9" dur="5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  <p:bldP spid="7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1D0CD0-B6BF-1F49-AF0D-665617459F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SS Site Layout</a:t>
            </a: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83AEB5EC-B559-1049-B272-DA576D0623C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09800" y="1457371"/>
            <a:ext cx="8077200" cy="5178527"/>
          </a:xfr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961740-EB51-884C-B98E-7D518E42B1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6</a:t>
            </a:fld>
            <a:endParaRPr lang="en-GB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10D52E9-8914-A74E-9796-AEC834F1976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3FE6130-D01F-3C4C-826D-589EFDDFBCF2}"/>
              </a:ext>
            </a:extLst>
          </p:cNvPr>
          <p:cNvSpPr txBox="1"/>
          <p:nvPr/>
        </p:nvSpPr>
        <p:spPr>
          <a:xfrm>
            <a:off x="10239270" y="3637503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6654721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EEB5C7-599C-1B46-B63E-974118B0D5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ESS si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6AA8DE-5F9C-774D-A251-7A091E2C21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729294-037D-554D-92C3-515551AEB9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3B9121C-D607-7542-93FF-48514E77284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Target area more advanced now, Tunnel and Gallery transferred to ES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13F8D62-47BB-BA44-88C6-DAADEE322D5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365347"/>
            <a:ext cx="12192000" cy="5455627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51E4D8BD-C16D-E344-9BD6-C74E33C4F8A1}"/>
              </a:ext>
            </a:extLst>
          </p:cNvPr>
          <p:cNvCxnSpPr>
            <a:cxnSpLocks/>
          </p:cNvCxnSpPr>
          <p:nvPr/>
        </p:nvCxnSpPr>
        <p:spPr>
          <a:xfrm flipV="1">
            <a:off x="7622537" y="1483838"/>
            <a:ext cx="3054960" cy="1741287"/>
          </a:xfrm>
          <a:prstGeom prst="straightConnector1">
            <a:avLst/>
          </a:prstGeom>
          <a:ln w="76200">
            <a:solidFill>
              <a:srgbClr val="1E9FDB"/>
            </a:solidFill>
            <a:headEnd type="triangle"/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88BF8A56-9AE9-414A-AED0-8CEA4179385F}"/>
              </a:ext>
            </a:extLst>
          </p:cNvPr>
          <p:cNvSpPr txBox="1"/>
          <p:nvPr/>
        </p:nvSpPr>
        <p:spPr>
          <a:xfrm>
            <a:off x="8365534" y="6350049"/>
            <a:ext cx="3588931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Klystron Gallery and Technical Area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2E4D007-8405-D740-AD74-732827910519}"/>
              </a:ext>
            </a:extLst>
          </p:cNvPr>
          <p:cNvSpPr txBox="1"/>
          <p:nvPr/>
        </p:nvSpPr>
        <p:spPr>
          <a:xfrm>
            <a:off x="6915383" y="1432841"/>
            <a:ext cx="2595069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 err="1">
                <a:solidFill>
                  <a:schemeClr val="bg1"/>
                </a:solidFill>
              </a:rPr>
              <a:t>Cryo</a:t>
            </a:r>
            <a:r>
              <a:rPr lang="en-US" sz="1800" b="1" dirty="0">
                <a:solidFill>
                  <a:schemeClr val="bg1"/>
                </a:solidFill>
              </a:rPr>
              <a:t> Compressor Building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AB47166-CE05-3941-AC8C-21BBCC4340ED}"/>
              </a:ext>
            </a:extLst>
          </p:cNvPr>
          <p:cNvSpPr txBox="1"/>
          <p:nvPr/>
        </p:nvSpPr>
        <p:spPr>
          <a:xfrm>
            <a:off x="7646543" y="1835258"/>
            <a:ext cx="1171924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Cold Boxes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87DCB24-DC1A-4A46-A074-491CEFE1878A}"/>
              </a:ext>
            </a:extLst>
          </p:cNvPr>
          <p:cNvSpPr txBox="1"/>
          <p:nvPr/>
        </p:nvSpPr>
        <p:spPr>
          <a:xfrm>
            <a:off x="8574897" y="4432168"/>
            <a:ext cx="1286891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Loading Bay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88D95CEC-C04A-8E44-83E8-F309BDE0B973}"/>
              </a:ext>
            </a:extLst>
          </p:cNvPr>
          <p:cNvCxnSpPr>
            <a:cxnSpLocks/>
          </p:cNvCxnSpPr>
          <p:nvPr/>
        </p:nvCxnSpPr>
        <p:spPr>
          <a:xfrm flipH="1">
            <a:off x="6717634" y="1793132"/>
            <a:ext cx="349811" cy="679367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4DD3DA7D-FD07-AB41-9339-06953165D876}"/>
              </a:ext>
            </a:extLst>
          </p:cNvPr>
          <p:cNvCxnSpPr>
            <a:cxnSpLocks/>
          </p:cNvCxnSpPr>
          <p:nvPr/>
        </p:nvCxnSpPr>
        <p:spPr>
          <a:xfrm flipH="1">
            <a:off x="7677045" y="2181507"/>
            <a:ext cx="432423" cy="561693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AB266202-45E0-3146-8FD2-F34FA3B513A7}"/>
              </a:ext>
            </a:extLst>
          </p:cNvPr>
          <p:cNvCxnSpPr>
            <a:cxnSpLocks/>
          </p:cNvCxnSpPr>
          <p:nvPr/>
        </p:nvCxnSpPr>
        <p:spPr>
          <a:xfrm flipH="1" flipV="1">
            <a:off x="7327483" y="3089449"/>
            <a:ext cx="1490984" cy="3149210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49373E20-D833-4944-93DC-8EEE4B5CC580}"/>
              </a:ext>
            </a:extLst>
          </p:cNvPr>
          <p:cNvCxnSpPr>
            <a:cxnSpLocks/>
          </p:cNvCxnSpPr>
          <p:nvPr/>
        </p:nvCxnSpPr>
        <p:spPr>
          <a:xfrm flipV="1">
            <a:off x="8737600" y="2976956"/>
            <a:ext cx="0" cy="1386021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FAA7ED62-CB6C-B74B-AB34-ED55BA84E151}"/>
              </a:ext>
            </a:extLst>
          </p:cNvPr>
          <p:cNvSpPr txBox="1"/>
          <p:nvPr/>
        </p:nvSpPr>
        <p:spPr>
          <a:xfrm>
            <a:off x="9634756" y="3760846"/>
            <a:ext cx="2404056" cy="623248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Temporary Offices/Labs</a:t>
            </a:r>
          </a:p>
          <a:p>
            <a:pPr algn="l"/>
            <a:r>
              <a:rPr lang="en-US" sz="1800" b="1" dirty="0">
                <a:solidFill>
                  <a:schemeClr val="bg1"/>
                </a:solidFill>
              </a:rPr>
              <a:t>(all staff on site)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11C1668-280E-4748-8957-9EDA59D45096}"/>
              </a:ext>
            </a:extLst>
          </p:cNvPr>
          <p:cNvSpPr txBox="1"/>
          <p:nvPr/>
        </p:nvSpPr>
        <p:spPr>
          <a:xfrm>
            <a:off x="2401394" y="5501313"/>
            <a:ext cx="2025811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ESS Office Complex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8A2FC45-DDBA-4F4D-BBF5-6D9BC65A063D}"/>
              </a:ext>
            </a:extLst>
          </p:cNvPr>
          <p:cNvSpPr txBox="1"/>
          <p:nvPr/>
        </p:nvSpPr>
        <p:spPr>
          <a:xfrm>
            <a:off x="6060019" y="3570375"/>
            <a:ext cx="728213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Target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4FBECDF6-5414-484E-A8CC-373CA99EFDCF}"/>
              </a:ext>
            </a:extLst>
          </p:cNvPr>
          <p:cNvSpPr txBox="1"/>
          <p:nvPr/>
        </p:nvSpPr>
        <p:spPr>
          <a:xfrm>
            <a:off x="5221802" y="5513781"/>
            <a:ext cx="1475597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b="1" dirty="0">
                <a:solidFill>
                  <a:schemeClr val="bg1"/>
                </a:solidFill>
              </a:rPr>
              <a:t>(</a:t>
            </a:r>
            <a:r>
              <a:rPr lang="en-US" sz="1800" b="1" dirty="0">
                <a:solidFill>
                  <a:schemeClr val="bg1"/>
                </a:solidFill>
              </a:rPr>
              <a:t>Laboratories)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39855DC2-B07D-0444-9346-6018C757180E}"/>
              </a:ext>
            </a:extLst>
          </p:cNvPr>
          <p:cNvSpPr txBox="1"/>
          <p:nvPr/>
        </p:nvSpPr>
        <p:spPr>
          <a:xfrm>
            <a:off x="9748442" y="2075083"/>
            <a:ext cx="708079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rgbClr val="1E9FDB"/>
                </a:solidFill>
              </a:rPr>
              <a:t>LINAC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41E73D30-2F1D-854B-B588-172719E14F13}"/>
              </a:ext>
            </a:extLst>
          </p:cNvPr>
          <p:cNvCxnSpPr>
            <a:cxnSpLocks/>
          </p:cNvCxnSpPr>
          <p:nvPr/>
        </p:nvCxnSpPr>
        <p:spPr>
          <a:xfrm flipH="1" flipV="1">
            <a:off x="10287000" y="3110846"/>
            <a:ext cx="169522" cy="632654"/>
          </a:xfrm>
          <a:prstGeom prst="straightConnector1">
            <a:avLst/>
          </a:prstGeom>
          <a:ln w="381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TextBox 33">
            <a:extLst>
              <a:ext uri="{FF2B5EF4-FFF2-40B4-BE49-F238E27FC236}">
                <a16:creationId xmlns:a16="http://schemas.microsoft.com/office/drawing/2014/main" id="{B9DC7EB2-F79E-0042-9187-5F05335C944C}"/>
              </a:ext>
            </a:extLst>
          </p:cNvPr>
          <p:cNvSpPr txBox="1"/>
          <p:nvPr/>
        </p:nvSpPr>
        <p:spPr>
          <a:xfrm>
            <a:off x="2317973" y="3781537"/>
            <a:ext cx="1883016" cy="623248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Experimental Hall </a:t>
            </a:r>
            <a:br>
              <a:rPr lang="en-US" sz="1800" b="1" dirty="0">
                <a:solidFill>
                  <a:schemeClr val="bg1"/>
                </a:solidFill>
              </a:rPr>
            </a:br>
            <a:r>
              <a:rPr lang="en-US" sz="1800" b="1" dirty="0">
                <a:solidFill>
                  <a:schemeClr val="bg1"/>
                </a:solidFill>
              </a:rPr>
              <a:t>(Far)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FE028FDE-7618-6643-BCC9-2E18C29CF902}"/>
              </a:ext>
            </a:extLst>
          </p:cNvPr>
          <p:cNvSpPr txBox="1"/>
          <p:nvPr/>
        </p:nvSpPr>
        <p:spPr>
          <a:xfrm>
            <a:off x="6680507" y="3846519"/>
            <a:ext cx="1109919" cy="623248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</a:rPr>
              <a:t>Exp. Halls </a:t>
            </a:r>
          </a:p>
          <a:p>
            <a:pPr algn="l"/>
            <a:r>
              <a:rPr lang="en-US" sz="1800" b="1" dirty="0">
                <a:solidFill>
                  <a:schemeClr val="bg1"/>
                </a:solidFill>
              </a:rPr>
              <a:t>(Near)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F744643F-3476-2742-882D-A20D5767885E}"/>
              </a:ext>
            </a:extLst>
          </p:cNvPr>
          <p:cNvSpPr txBox="1"/>
          <p:nvPr/>
        </p:nvSpPr>
        <p:spPr>
          <a:xfrm>
            <a:off x="3878581" y="5001018"/>
            <a:ext cx="2081019" cy="346249"/>
          </a:xfrm>
          <a:prstGeom prst="rect">
            <a:avLst/>
          </a:prstGeom>
        </p:spPr>
        <p:txBody>
          <a:bodyPr vert="horz" wrap="none" lIns="68580" tIns="34290" rIns="68580" bIns="34290" rtlCol="0" anchor="t">
            <a:spAutoFit/>
          </a:bodyPr>
          <a:lstStyle/>
          <a:p>
            <a:pPr algn="l"/>
            <a:r>
              <a:rPr lang="en-US" b="1" dirty="0">
                <a:solidFill>
                  <a:schemeClr val="bg1"/>
                </a:solidFill>
              </a:rPr>
              <a:t>Future Campus Area</a:t>
            </a:r>
            <a:endParaRPr lang="en-US" sz="1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73749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10" grpId="0"/>
      <p:bldP spid="11" grpId="0"/>
      <p:bldP spid="12" grpId="0"/>
      <p:bldP spid="17" grpId="0"/>
      <p:bldP spid="18" grpId="0"/>
      <p:bldP spid="19" grpId="0"/>
      <p:bldP spid="25" grpId="0"/>
      <p:bldP spid="28" grpId="0"/>
      <p:bldP spid="34" grpId="0"/>
      <p:bldP spid="24" grpId="0"/>
      <p:bldP spid="26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FBED48-831A-5E4C-B17D-47BB3C13E7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jor Accelerator milesto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5D091F-7EEB-2446-BBD6-C7E5D4C6DB7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Source installed and commissioned, MEBT under installation</a:t>
            </a:r>
          </a:p>
          <a:p>
            <a:r>
              <a:rPr lang="en-US" dirty="0"/>
              <a:t>RFQ and DTL sections delivered in 2019</a:t>
            </a:r>
          </a:p>
          <a:p>
            <a:r>
              <a:rPr lang="en-US" dirty="0"/>
              <a:t>Staged NC </a:t>
            </a:r>
            <a:r>
              <a:rPr lang="en-US" dirty="0" err="1"/>
              <a:t>Linac</a:t>
            </a:r>
            <a:r>
              <a:rPr lang="en-US" dirty="0"/>
              <a:t> beam commissioning in 2020</a:t>
            </a:r>
          </a:p>
          <a:p>
            <a:pPr lvl="1"/>
            <a:r>
              <a:rPr lang="en-US" dirty="0"/>
              <a:t>First to DTL1, then to DTL4</a:t>
            </a:r>
          </a:p>
          <a:p>
            <a:pPr lvl="1"/>
            <a:r>
              <a:rPr lang="en-US" dirty="0"/>
              <a:t>Shielding wall in tunnel will allow concurrent installation of SPK and MB CM</a:t>
            </a:r>
          </a:p>
          <a:p>
            <a:r>
              <a:rPr lang="en-US" dirty="0"/>
              <a:t>Beam on Dump (BOD) commissioning with </a:t>
            </a:r>
            <a:r>
              <a:rPr lang="en-US" dirty="0" err="1"/>
              <a:t>Linac</a:t>
            </a:r>
            <a:r>
              <a:rPr lang="en-US" dirty="0"/>
              <a:t> up to MB </a:t>
            </a:r>
            <a:r>
              <a:rPr lang="en-US" dirty="0" err="1"/>
              <a:t>Linac</a:t>
            </a:r>
            <a:endParaRPr lang="en-US" dirty="0"/>
          </a:p>
          <a:p>
            <a:pPr lvl="1"/>
            <a:r>
              <a:rPr lang="en-US" dirty="0"/>
              <a:t>Floats in schedule managed centrally</a:t>
            </a:r>
          </a:p>
          <a:p>
            <a:r>
              <a:rPr lang="en-US" dirty="0"/>
              <a:t>First Science end 2023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929BC83-843C-B644-956B-E2FAE946E1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DBB115F-4951-3244-AA1D-00BDA91FC0E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883ED30B-E598-964C-8B3E-13ED6CE76F2A}"/>
              </a:ext>
            </a:extLst>
          </p:cNvPr>
          <p:cNvGrpSpPr/>
          <p:nvPr/>
        </p:nvGrpSpPr>
        <p:grpSpPr>
          <a:xfrm>
            <a:off x="1524000" y="4543743"/>
            <a:ext cx="7886700" cy="1593762"/>
            <a:chOff x="844465" y="1978771"/>
            <a:chExt cx="10515600" cy="2125017"/>
          </a:xfrm>
        </p:grpSpPr>
        <p:cxnSp>
          <p:nvCxnSpPr>
            <p:cNvPr id="9" name="OTLSHAPE_M_c84a122c0d264aa182ec835483cc070e_Connector1">
              <a:extLst>
                <a:ext uri="{FF2B5EF4-FFF2-40B4-BE49-F238E27FC236}">
                  <a16:creationId xmlns:a16="http://schemas.microsoft.com/office/drawing/2014/main" id="{5950A423-29C2-3840-BDB5-BC79BC489DC6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8549825" y="3671644"/>
              <a:ext cx="0" cy="3815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OTLSHAPE_M_42029ffc31ed43b6a7c8bfb3ae80e6db_Connector1">
              <a:extLst>
                <a:ext uri="{FF2B5EF4-FFF2-40B4-BE49-F238E27FC236}">
                  <a16:creationId xmlns:a16="http://schemas.microsoft.com/office/drawing/2014/main" id="{B59AFCC2-29CE-5D41-8CC6-DFD0E96D0FBB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11071638" y="2909072"/>
              <a:ext cx="0" cy="3815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OTLSHAPE_M_8d7a221684f14af6be101e2d47a3db1e_Connector1">
              <a:extLst>
                <a:ext uri="{FF2B5EF4-FFF2-40B4-BE49-F238E27FC236}">
                  <a16:creationId xmlns:a16="http://schemas.microsoft.com/office/drawing/2014/main" id="{87779FFE-F75C-E54E-9C3B-AB18794BCF74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6735976" y="2909072"/>
              <a:ext cx="0" cy="3815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OTLSHAPE_M_42fdb2d4d8a3473fbbe4f286c2bc756f_Connector1">
              <a:extLst>
                <a:ext uri="{FF2B5EF4-FFF2-40B4-BE49-F238E27FC236}">
                  <a16:creationId xmlns:a16="http://schemas.microsoft.com/office/drawing/2014/main" id="{99E14BEA-1166-1C44-9DA0-53CB009874CB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5977015" y="2469208"/>
              <a:ext cx="0" cy="821436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OTLSHAPE_M_ad26212a624042f8946c3ee929d0bce4_Connector2">
              <a:extLst>
                <a:ext uri="{FF2B5EF4-FFF2-40B4-BE49-F238E27FC236}">
                  <a16:creationId xmlns:a16="http://schemas.microsoft.com/office/drawing/2014/main" id="{4407FBC7-0024-544F-ACDA-55C0E3F4770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5712422" y="3074744"/>
              <a:ext cx="0" cy="215900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OTLSHAPE_M_ad26212a624042f8946c3ee929d0bce4_Connector1">
              <a:extLst>
                <a:ext uri="{FF2B5EF4-FFF2-40B4-BE49-F238E27FC236}">
                  <a16:creationId xmlns:a16="http://schemas.microsoft.com/office/drawing/2014/main" id="{0DDE11EB-FE1D-0048-8872-67FA76A58893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712422" y="2029344"/>
              <a:ext cx="0" cy="828357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5" name="OTLSHAPE_M_1d6d4045bda3413182ef879ca83ea720_Connector1">
              <a:extLst>
                <a:ext uri="{FF2B5EF4-FFF2-40B4-BE49-F238E27FC236}">
                  <a16:creationId xmlns:a16="http://schemas.microsoft.com/office/drawing/2014/main" id="{A28711B3-C867-4A48-9C89-E3212ED18A31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688869" y="2909072"/>
              <a:ext cx="0" cy="3815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OTLSHAPE_M_15462190989a4e5087e6d7cc02e1ed2d_Connector1">
              <a:extLst>
                <a:ext uri="{FF2B5EF4-FFF2-40B4-BE49-F238E27FC236}">
                  <a16:creationId xmlns:a16="http://schemas.microsoft.com/office/drawing/2014/main" id="{92E1B3AF-44AD-D048-9109-158046DB94CD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3895092" y="2577730"/>
              <a:ext cx="0" cy="712914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OTLSHAPE_M_2d0797157b8f4b8eac03a9e74cdce7ed_Connector1">
              <a:extLst>
                <a:ext uri="{FF2B5EF4-FFF2-40B4-BE49-F238E27FC236}">
                  <a16:creationId xmlns:a16="http://schemas.microsoft.com/office/drawing/2014/main" id="{ACF48681-6E87-AC4A-BB86-46D1D436883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1872356" y="2909072"/>
              <a:ext cx="0" cy="3815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8" name="OTLSHAPE_TB_00000000000000000000000000000000_ScaleContainer">
              <a:extLst>
                <a:ext uri="{FF2B5EF4-FFF2-40B4-BE49-F238E27FC236}">
                  <a16:creationId xmlns:a16="http://schemas.microsoft.com/office/drawing/2014/main" id="{71A60BDF-F2B3-0D49-8354-871690785083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844465" y="3290644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9" name="OTLSHAPE_TB_00000000000000000000000000000000_ElapsedTime">
              <a:extLst>
                <a:ext uri="{FF2B5EF4-FFF2-40B4-BE49-F238E27FC236}">
                  <a16:creationId xmlns:a16="http://schemas.microsoft.com/office/drawing/2014/main" id="{46156479-559A-CC41-AD3F-BC4BE6E758B8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844465" y="3290644"/>
              <a:ext cx="2322312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0" name="OTLSHAPE_TB_00000000000000000000000000000000_TodayMarkerShape">
              <a:extLst>
                <a:ext uri="{FF2B5EF4-FFF2-40B4-BE49-F238E27FC236}">
                  <a16:creationId xmlns:a16="http://schemas.microsoft.com/office/drawing/2014/main" id="{E54CACCE-A5CC-F241-8310-2968417DDC37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3139637" y="3671644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1" name="OTLSHAPE_TB_00000000000000000000000000000000_TodayMarkerText">
              <a:extLst>
                <a:ext uri="{FF2B5EF4-FFF2-40B4-BE49-F238E27FC236}">
                  <a16:creationId xmlns:a16="http://schemas.microsoft.com/office/drawing/2014/main" id="{518E2C8F-D64A-A642-8A91-FB05F69C6FB7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011713" y="3799340"/>
              <a:ext cx="372752" cy="18466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kern="0" spc="-9">
                  <a:solidFill>
                    <a:prstClr val="black"/>
                  </a:solidFill>
                </a:rPr>
                <a:t>Today</a:t>
              </a:r>
            </a:p>
          </p:txBody>
        </p:sp>
        <p:sp>
          <p:nvSpPr>
            <p:cNvPr id="22" name="OTLSHAPE_TB_00000000000000000000000000000000_TimescaleInterval1">
              <a:extLst>
                <a:ext uri="{FF2B5EF4-FFF2-40B4-BE49-F238E27FC236}">
                  <a16:creationId xmlns:a16="http://schemas.microsoft.com/office/drawing/2014/main" id="{07A9B386-32AA-F142-B371-85E3513E64C0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1073065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18</a:t>
              </a:r>
            </a:p>
          </p:txBody>
        </p:sp>
        <p:cxnSp>
          <p:nvCxnSpPr>
            <p:cNvPr id="23" name="OTLSHAPE_TB_00000000000000000000000000000000_Separator1">
              <a:extLst>
                <a:ext uri="{FF2B5EF4-FFF2-40B4-BE49-F238E27FC236}">
                  <a16:creationId xmlns:a16="http://schemas.microsoft.com/office/drawing/2014/main" id="{F68F7608-1E19-1B4D-94D1-36E70B8EEAE5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2280304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4" name="OTLSHAPE_TB_00000000000000000000000000000000_TimescaleInterval2">
              <a:extLst>
                <a:ext uri="{FF2B5EF4-FFF2-40B4-BE49-F238E27FC236}">
                  <a16:creationId xmlns:a16="http://schemas.microsoft.com/office/drawing/2014/main" id="{E7E5327F-BA4F-5643-B8F1-7784C4A5505E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2343804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19</a:t>
              </a:r>
            </a:p>
          </p:txBody>
        </p:sp>
        <p:cxnSp>
          <p:nvCxnSpPr>
            <p:cNvPr id="25" name="OTLSHAPE_TB_00000000000000000000000000000000_Separator2">
              <a:extLst>
                <a:ext uri="{FF2B5EF4-FFF2-40B4-BE49-F238E27FC236}">
                  <a16:creationId xmlns:a16="http://schemas.microsoft.com/office/drawing/2014/main" id="{EB4A86FD-3F06-1443-84C8-8DA51FB22144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3551042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6" name="OTLSHAPE_TB_00000000000000000000000000000000_TimescaleInterval3">
              <a:extLst>
                <a:ext uri="{FF2B5EF4-FFF2-40B4-BE49-F238E27FC236}">
                  <a16:creationId xmlns:a16="http://schemas.microsoft.com/office/drawing/2014/main" id="{84328EC6-0F4E-7A40-AD99-0999F4F5047E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3614542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0</a:t>
              </a:r>
            </a:p>
          </p:txBody>
        </p:sp>
        <p:cxnSp>
          <p:nvCxnSpPr>
            <p:cNvPr id="27" name="OTLSHAPE_TB_00000000000000000000000000000000_Separator3">
              <a:extLst>
                <a:ext uri="{FF2B5EF4-FFF2-40B4-BE49-F238E27FC236}">
                  <a16:creationId xmlns:a16="http://schemas.microsoft.com/office/drawing/2014/main" id="{F5C16E00-ABC6-7F43-9C2F-0367B66E1200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4825262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8" name="OTLSHAPE_TB_00000000000000000000000000000000_TimescaleInterval4">
              <a:extLst>
                <a:ext uri="{FF2B5EF4-FFF2-40B4-BE49-F238E27FC236}">
                  <a16:creationId xmlns:a16="http://schemas.microsoft.com/office/drawing/2014/main" id="{B59499B3-CFF4-E841-BF6A-DBE8457124BC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4888762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1</a:t>
              </a:r>
            </a:p>
          </p:txBody>
        </p:sp>
        <p:cxnSp>
          <p:nvCxnSpPr>
            <p:cNvPr id="29" name="OTLSHAPE_TB_00000000000000000000000000000000_Separator4">
              <a:extLst>
                <a:ext uri="{FF2B5EF4-FFF2-40B4-BE49-F238E27FC236}">
                  <a16:creationId xmlns:a16="http://schemas.microsoft.com/office/drawing/2014/main" id="{EED47BC4-1488-EC43-9585-0FE9FBEF54DA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6096000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0" name="OTLSHAPE_TB_00000000000000000000000000000000_TimescaleInterval5">
              <a:extLst>
                <a:ext uri="{FF2B5EF4-FFF2-40B4-BE49-F238E27FC236}">
                  <a16:creationId xmlns:a16="http://schemas.microsoft.com/office/drawing/2014/main" id="{FF05B228-65DB-F040-A3D4-0F670B3BEDA5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6159500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 dirty="0">
                  <a:solidFill>
                    <a:prstClr val="white"/>
                  </a:solidFill>
                </a:rPr>
                <a:t>2022</a:t>
              </a:r>
            </a:p>
          </p:txBody>
        </p:sp>
        <p:cxnSp>
          <p:nvCxnSpPr>
            <p:cNvPr id="31" name="OTLSHAPE_TB_00000000000000000000000000000000_Separator5">
              <a:extLst>
                <a:ext uri="{FF2B5EF4-FFF2-40B4-BE49-F238E27FC236}">
                  <a16:creationId xmlns:a16="http://schemas.microsoft.com/office/drawing/2014/main" id="{29C7FECB-A0F7-DF45-BB68-27FD6D1A5BD7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7366738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2" name="OTLSHAPE_TB_00000000000000000000000000000000_TimescaleInterval6">
              <a:extLst>
                <a:ext uri="{FF2B5EF4-FFF2-40B4-BE49-F238E27FC236}">
                  <a16:creationId xmlns:a16="http://schemas.microsoft.com/office/drawing/2014/main" id="{AEAF1439-A44C-0B4F-A057-AB53AC12A08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7430238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3</a:t>
              </a:r>
            </a:p>
          </p:txBody>
        </p:sp>
        <p:cxnSp>
          <p:nvCxnSpPr>
            <p:cNvPr id="33" name="OTLSHAPE_TB_00000000000000000000000000000000_Separator6">
              <a:extLst>
                <a:ext uri="{FF2B5EF4-FFF2-40B4-BE49-F238E27FC236}">
                  <a16:creationId xmlns:a16="http://schemas.microsoft.com/office/drawing/2014/main" id="{9E98BAF3-E867-4A4F-91A1-054C29EBCD80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8637477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4" name="OTLSHAPE_TB_00000000000000000000000000000000_TimescaleInterval7">
              <a:extLst>
                <a:ext uri="{FF2B5EF4-FFF2-40B4-BE49-F238E27FC236}">
                  <a16:creationId xmlns:a16="http://schemas.microsoft.com/office/drawing/2014/main" id="{7B496FAB-F589-4D4D-A924-43A8F7991363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8700977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4</a:t>
              </a:r>
            </a:p>
          </p:txBody>
        </p:sp>
        <p:cxnSp>
          <p:nvCxnSpPr>
            <p:cNvPr id="35" name="OTLSHAPE_TB_00000000000000000000000000000000_Separator7">
              <a:extLst>
                <a:ext uri="{FF2B5EF4-FFF2-40B4-BE49-F238E27FC236}">
                  <a16:creationId xmlns:a16="http://schemas.microsoft.com/office/drawing/2014/main" id="{9C7137F8-FEF2-7C4B-929D-E845F39E08D3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>
              <a:off x="9911697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6" name="OTLSHAPE_TB_00000000000000000000000000000000_TimescaleInterval8">
              <a:extLst>
                <a:ext uri="{FF2B5EF4-FFF2-40B4-BE49-F238E27FC236}">
                  <a16:creationId xmlns:a16="http://schemas.microsoft.com/office/drawing/2014/main" id="{1E35B34A-7124-8841-8B12-DA9E1156F657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9975197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5</a:t>
              </a:r>
            </a:p>
          </p:txBody>
        </p:sp>
        <p:sp>
          <p:nvSpPr>
            <p:cNvPr id="37" name="OTLSHAPE_M_2d0797157b8f4b8eac03a9e74cdce7ed_Title">
              <a:extLst>
                <a:ext uri="{FF2B5EF4-FFF2-40B4-BE49-F238E27FC236}">
                  <a16:creationId xmlns:a16="http://schemas.microsoft.com/office/drawing/2014/main" id="{0A2B573E-A668-5D41-B6E8-61F4024C677F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2094606" y="2858501"/>
              <a:ext cx="8890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6">
                  <a:solidFill>
                    <a:prstClr val="black"/>
                  </a:solidFill>
                </a:rPr>
                <a:t>ISrc to LEBT </a:t>
              </a:r>
            </a:p>
          </p:txBody>
        </p:sp>
        <p:sp>
          <p:nvSpPr>
            <p:cNvPr id="38" name="OTLSHAPE_M_2d0797157b8f4b8eac03a9e74cdce7ed_Shape">
              <a:extLst>
                <a:ext uri="{FF2B5EF4-FFF2-40B4-BE49-F238E27FC236}">
                  <a16:creationId xmlns:a16="http://schemas.microsoft.com/office/drawing/2014/main" id="{247CB554-4186-C64B-9FC4-D6AFE22FFB2E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1897756" y="2909073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9" name="OTLSHAPE_M_15462190989a4e5087e6d7cc02e1ed2d_Title">
              <a:extLst>
                <a:ext uri="{FF2B5EF4-FFF2-40B4-BE49-F238E27FC236}">
                  <a16:creationId xmlns:a16="http://schemas.microsoft.com/office/drawing/2014/main" id="{107BF804-9E66-EE4E-B25F-DE40888D0F4A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4117342" y="2527157"/>
              <a:ext cx="8763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8">
                  <a:solidFill>
                    <a:prstClr val="black"/>
                  </a:solidFill>
                </a:rPr>
                <a:t>ISrc to DTL1</a:t>
              </a:r>
            </a:p>
          </p:txBody>
        </p:sp>
        <p:sp>
          <p:nvSpPr>
            <p:cNvPr id="40" name="OTLSHAPE_M_15462190989a4e5087e6d7cc02e1ed2d_Shape">
              <a:extLst>
                <a:ext uri="{FF2B5EF4-FFF2-40B4-BE49-F238E27FC236}">
                  <a16:creationId xmlns:a16="http://schemas.microsoft.com/office/drawing/2014/main" id="{63E03EF5-EF5F-DD43-B5BC-22940D1B2541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rot="16200000">
              <a:off x="3920492" y="2577730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1" name="OTLSHAPE_M_1d6d4045bda3413182ef879ca83ea720_Title">
              <a:extLst>
                <a:ext uri="{FF2B5EF4-FFF2-40B4-BE49-F238E27FC236}">
                  <a16:creationId xmlns:a16="http://schemas.microsoft.com/office/drawing/2014/main" id="{64600322-816B-BF4C-AE55-C8DEED26F3C2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4911120" y="2858501"/>
              <a:ext cx="8763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8">
                  <a:solidFill>
                    <a:prstClr val="black"/>
                  </a:solidFill>
                </a:rPr>
                <a:t>ISrc to DTL4</a:t>
              </a:r>
            </a:p>
          </p:txBody>
        </p:sp>
        <p:sp>
          <p:nvSpPr>
            <p:cNvPr id="42" name="OTLSHAPE_M_1d6d4045bda3413182ef879ca83ea720_Shape">
              <a:extLst>
                <a:ext uri="{FF2B5EF4-FFF2-40B4-BE49-F238E27FC236}">
                  <a16:creationId xmlns:a16="http://schemas.microsoft.com/office/drawing/2014/main" id="{73A23998-1029-DF43-BD7F-A3BD8CF6909E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 rot="16200000">
              <a:off x="4714269" y="2909073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3" name="OTLSHAPE_M_ad26212a624042f8946c3ee929d0bce4_Title">
              <a:extLst>
                <a:ext uri="{FF2B5EF4-FFF2-40B4-BE49-F238E27FC236}">
                  <a16:creationId xmlns:a16="http://schemas.microsoft.com/office/drawing/2014/main" id="{B9EDDCA6-CB71-864D-8394-9ACFBFAC7EFC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5934672" y="1978771"/>
              <a:ext cx="16256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5">
                  <a:solidFill>
                    <a:prstClr val="black"/>
                  </a:solidFill>
                </a:rPr>
                <a:t>Beam on Dump (BOD)</a:t>
              </a:r>
            </a:p>
          </p:txBody>
        </p:sp>
        <p:sp>
          <p:nvSpPr>
            <p:cNvPr id="44" name="OTLSHAPE_M_ad26212a624042f8946c3ee929d0bce4_Shape">
              <a:extLst>
                <a:ext uri="{FF2B5EF4-FFF2-40B4-BE49-F238E27FC236}">
                  <a16:creationId xmlns:a16="http://schemas.microsoft.com/office/drawing/2014/main" id="{2E27A758-D3BD-EE44-A422-4F99BFBA3FCF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5737822" y="202934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5" name="OTLSHAPE_M_42fdb2d4d8a3473fbbe4f286c2bc756f_Title">
              <a:extLst>
                <a:ext uri="{FF2B5EF4-FFF2-40B4-BE49-F238E27FC236}">
                  <a16:creationId xmlns:a16="http://schemas.microsoft.com/office/drawing/2014/main" id="{2C8E61E3-905C-B24C-B0FF-0BA4BCD1FDFE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199265" y="2310915"/>
              <a:ext cx="2324100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>
                  <a:solidFill>
                    <a:prstClr val="black"/>
                  </a:solidFill>
                </a:rPr>
                <a:t>Accelerator Ready for Beam on Target (RBOT)</a:t>
              </a:r>
            </a:p>
          </p:txBody>
        </p:sp>
        <p:sp>
          <p:nvSpPr>
            <p:cNvPr id="46" name="OTLSHAPE_M_42fdb2d4d8a3473fbbe4f286c2bc756f_Shape">
              <a:extLst>
                <a:ext uri="{FF2B5EF4-FFF2-40B4-BE49-F238E27FC236}">
                  <a16:creationId xmlns:a16="http://schemas.microsoft.com/office/drawing/2014/main" id="{008F7B11-BEA1-B341-B802-835E5305A0F3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 rot="16200000">
              <a:off x="6002415" y="246920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7" name="OTLSHAPE_M_8d7a221684f14af6be101e2d47a3db1e_Title">
              <a:extLst>
                <a:ext uri="{FF2B5EF4-FFF2-40B4-BE49-F238E27FC236}">
                  <a16:creationId xmlns:a16="http://schemas.microsoft.com/office/drawing/2014/main" id="{F24C4EF0-C8A2-C241-8F9B-36EE723FEAEC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6958226" y="2750779"/>
              <a:ext cx="1612900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3">
                  <a:solidFill>
                    <a:prstClr val="black"/>
                  </a:solidFill>
                </a:rPr>
                <a:t>Beam on Target (BOT)</a:t>
              </a:r>
            </a:p>
          </p:txBody>
        </p:sp>
        <p:sp>
          <p:nvSpPr>
            <p:cNvPr id="48" name="OTLSHAPE_M_8d7a221684f14af6be101e2d47a3db1e_Shape">
              <a:extLst>
                <a:ext uri="{FF2B5EF4-FFF2-40B4-BE49-F238E27FC236}">
                  <a16:creationId xmlns:a16="http://schemas.microsoft.com/office/drawing/2014/main" id="{3D19820E-F9C2-D94C-AEE3-9EBF2E5E9E1E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 rot="16200000">
              <a:off x="6761376" y="2909073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9" name="OTLSHAPE_M_42029ffc31ed43b6a7c8bfb3ae80e6db_Title">
              <a:extLst>
                <a:ext uri="{FF2B5EF4-FFF2-40B4-BE49-F238E27FC236}">
                  <a16:creationId xmlns:a16="http://schemas.microsoft.com/office/drawing/2014/main" id="{B4A57E7E-5657-A648-B4C4-6A0DE496A4A2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9389354" y="2858501"/>
              <a:ext cx="14605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342900">
                <a:defRPr/>
              </a:pPr>
              <a:r>
                <a:rPr lang="en-GB" sz="1050" b="1" kern="0" spc="-5">
                  <a:solidFill>
                    <a:prstClr val="black"/>
                  </a:solidFill>
                </a:rPr>
                <a:t>End of Construction</a:t>
              </a:r>
            </a:p>
          </p:txBody>
        </p:sp>
        <p:sp>
          <p:nvSpPr>
            <p:cNvPr id="50" name="OTLSHAPE_M_42029ffc31ed43b6a7c8bfb3ae80e6db_Shape">
              <a:extLst>
                <a:ext uri="{FF2B5EF4-FFF2-40B4-BE49-F238E27FC236}">
                  <a16:creationId xmlns:a16="http://schemas.microsoft.com/office/drawing/2014/main" id="{4FC55828-E6DE-8444-B26D-F636B634C7CB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 rot="5400000">
              <a:off x="10881138" y="2909073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1" name="OTLSHAPE_M_c84a122c0d264aa182ec835483cc070e_Title">
              <a:extLst>
                <a:ext uri="{FF2B5EF4-FFF2-40B4-BE49-F238E27FC236}">
                  <a16:creationId xmlns:a16="http://schemas.microsoft.com/office/drawing/2014/main" id="{0510FB30-9C89-3E47-9B27-0DE418F1A3C7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8772076" y="3888344"/>
              <a:ext cx="2235200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1050" b="1" kern="0" spc="-3">
                  <a:solidFill>
                    <a:prstClr val="black"/>
                  </a:solidFill>
                </a:rPr>
                <a:t>Start Of User Program (SOUP) </a:t>
              </a:r>
            </a:p>
          </p:txBody>
        </p:sp>
        <p:sp>
          <p:nvSpPr>
            <p:cNvPr id="52" name="OTLSHAPE_M_c84a122c0d264aa182ec835483cc070e_Shape">
              <a:extLst>
                <a:ext uri="{FF2B5EF4-FFF2-40B4-BE49-F238E27FC236}">
                  <a16:creationId xmlns:a16="http://schemas.microsoft.com/office/drawing/2014/main" id="{28BE7007-6BF3-064C-B3F3-E586AFD921E4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 rot="16200000">
              <a:off x="8575225" y="3888116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688624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531E79-B3E4-B949-83F0-9ADB787C68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stallation and Commissioning activit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97FCE4-2A33-4A44-B432-87820AE6BB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781000"/>
            <a:ext cx="10972800" cy="4345166"/>
          </a:xfrm>
        </p:spPr>
        <p:txBody>
          <a:bodyPr/>
          <a:lstStyle/>
          <a:p>
            <a:r>
              <a:rPr lang="en-US" dirty="0"/>
              <a:t>BOD with </a:t>
            </a:r>
            <a:r>
              <a:rPr lang="en-US" dirty="0" err="1"/>
              <a:t>Linac</a:t>
            </a:r>
            <a:r>
              <a:rPr lang="en-US" dirty="0"/>
              <a:t> up to MBL</a:t>
            </a:r>
          </a:p>
          <a:p>
            <a:r>
              <a:rPr lang="en-US" dirty="0"/>
              <a:t>HB CM installation until Target is ready for Beam, Not all HB modules RF powered for BO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D9FD63D-4293-6248-BF87-D0D0A1CAE8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F6A4055-6B3A-2141-9DB8-ACAE49B84D9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24798209-6377-A742-ABFC-6C90FF4FCF95}"/>
              </a:ext>
            </a:extLst>
          </p:cNvPr>
          <p:cNvGrpSpPr/>
          <p:nvPr/>
        </p:nvGrpSpPr>
        <p:grpSpPr>
          <a:xfrm>
            <a:off x="1425674" y="2591320"/>
            <a:ext cx="7886700" cy="3961880"/>
            <a:chOff x="844465" y="1190685"/>
            <a:chExt cx="10515600" cy="5282506"/>
          </a:xfrm>
        </p:grpSpPr>
        <p:cxnSp>
          <p:nvCxnSpPr>
            <p:cNvPr id="9" name="OTLSHAPE_M_ad26212a624042f8946c3ee929d0bce4_Connector1">
              <a:extLst>
                <a:ext uri="{FF2B5EF4-FFF2-40B4-BE49-F238E27FC236}">
                  <a16:creationId xmlns:a16="http://schemas.microsoft.com/office/drawing/2014/main" id="{A7C15EC8-3947-554B-9DB3-6966558615AF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7861103" y="1401445"/>
              <a:ext cx="0" cy="42735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" name="OTLSHAPE_TB_00000000000000000000000000000000_ScaleContainer">
              <a:extLst>
                <a:ext uri="{FF2B5EF4-FFF2-40B4-BE49-F238E27FC236}">
                  <a16:creationId xmlns:a16="http://schemas.microsoft.com/office/drawing/2014/main" id="{82B240F2-4581-4544-A614-41990F498A69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18923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1" name="OTLSHAPE_TB_00000000000000000000000000000000_ElapsedTime">
              <a:extLst>
                <a:ext uri="{FF2B5EF4-FFF2-40B4-BE49-F238E27FC236}">
                  <a16:creationId xmlns:a16="http://schemas.microsoft.com/office/drawing/2014/main" id="{855EE2FB-1CC5-A44C-B4A2-949A3766BD21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1892300"/>
              <a:ext cx="2291816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2" name="OTLSHAPE_TB_00000000000000000000000000000000_TodayMarkerShape">
              <a:extLst>
                <a:ext uri="{FF2B5EF4-FFF2-40B4-BE49-F238E27FC236}">
                  <a16:creationId xmlns:a16="http://schemas.microsoft.com/office/drawing/2014/main" id="{059667A3-B4E2-284B-AC87-B7CA015D0D51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flipV="1">
              <a:off x="3067540" y="1765300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3" name="OTLSHAPE_TB_00000000000000000000000000000000_TodayMarkerText">
              <a:extLst>
                <a:ext uri="{FF2B5EF4-FFF2-40B4-BE49-F238E27FC236}">
                  <a16:creationId xmlns:a16="http://schemas.microsoft.com/office/drawing/2014/main" id="{5394B24D-F3CB-6248-AECF-3FD5F3013489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2939614" y="1579940"/>
              <a:ext cx="372752" cy="18466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kern="0" spc="-9">
                  <a:solidFill>
                    <a:prstClr val="black"/>
                  </a:solidFill>
                </a:rPr>
                <a:t>Today</a:t>
              </a:r>
            </a:p>
          </p:txBody>
        </p:sp>
        <p:sp>
          <p:nvSpPr>
            <p:cNvPr id="14" name="OTLSHAPE_TB_00000000000000000000000000000000_TimescaleInterval1">
              <a:extLst>
                <a:ext uri="{FF2B5EF4-FFF2-40B4-BE49-F238E27FC236}">
                  <a16:creationId xmlns:a16="http://schemas.microsoft.com/office/drawing/2014/main" id="{6B270DF1-821B-864E-99CD-8C753DB25D45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073065" y="19897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 dirty="0">
                  <a:solidFill>
                    <a:prstClr val="white"/>
                  </a:solidFill>
                </a:rPr>
                <a:t>2019</a:t>
              </a:r>
            </a:p>
          </p:txBody>
        </p:sp>
        <p:cxnSp>
          <p:nvCxnSpPr>
            <p:cNvPr id="15" name="OTLSHAPE_TB_00000000000000000000000000000000_Separator1">
              <a:extLst>
                <a:ext uri="{FF2B5EF4-FFF2-40B4-BE49-F238E27FC236}">
                  <a16:creationId xmlns:a16="http://schemas.microsoft.com/office/drawing/2014/main" id="{235D60E1-8BD6-D544-B971-27C82262C2B1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3551042" y="1955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6" name="OTLSHAPE_TB_00000000000000000000000000000000_TimescaleInterval2">
              <a:extLst>
                <a:ext uri="{FF2B5EF4-FFF2-40B4-BE49-F238E27FC236}">
                  <a16:creationId xmlns:a16="http://schemas.microsoft.com/office/drawing/2014/main" id="{4D3141FF-3F8F-0141-851C-ED19831BBB15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3614542" y="19897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0</a:t>
              </a:r>
            </a:p>
          </p:txBody>
        </p:sp>
        <p:cxnSp>
          <p:nvCxnSpPr>
            <p:cNvPr id="17" name="OTLSHAPE_TB_00000000000000000000000000000000_Separator2">
              <a:extLst>
                <a:ext uri="{FF2B5EF4-FFF2-40B4-BE49-F238E27FC236}">
                  <a16:creationId xmlns:a16="http://schemas.microsoft.com/office/drawing/2014/main" id="{8E63C93E-6BB1-5349-8A1E-30F2BF1EF06E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099482" y="1955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8" name="OTLSHAPE_TB_00000000000000000000000000000000_TimescaleInterval3">
              <a:extLst>
                <a:ext uri="{FF2B5EF4-FFF2-40B4-BE49-F238E27FC236}">
                  <a16:creationId xmlns:a16="http://schemas.microsoft.com/office/drawing/2014/main" id="{1E2AE555-2AC4-6F43-842D-BA8BC1E80434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162982" y="19897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1</a:t>
              </a:r>
            </a:p>
          </p:txBody>
        </p:sp>
        <p:cxnSp>
          <p:nvCxnSpPr>
            <p:cNvPr id="19" name="OTLSHAPE_TB_00000000000000000000000000000000_Separator3">
              <a:extLst>
                <a:ext uri="{FF2B5EF4-FFF2-40B4-BE49-F238E27FC236}">
                  <a16:creationId xmlns:a16="http://schemas.microsoft.com/office/drawing/2014/main" id="{01E07C2B-82BB-134E-992A-B31FAA532053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8640958" y="19558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0" name="OTLSHAPE_TB_00000000000000000000000000000000_TimescaleInterval4">
              <a:extLst>
                <a:ext uri="{FF2B5EF4-FFF2-40B4-BE49-F238E27FC236}">
                  <a16:creationId xmlns:a16="http://schemas.microsoft.com/office/drawing/2014/main" id="{E583BA5A-3344-2F4F-BF17-CEC13BE92C44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704458" y="19897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342900">
                <a:defRPr/>
              </a:pPr>
              <a:r>
                <a:rPr lang="en-GB" sz="900" kern="0" spc="-15">
                  <a:solidFill>
                    <a:prstClr val="white"/>
                  </a:solidFill>
                </a:rPr>
                <a:t>2022</a:t>
              </a:r>
            </a:p>
          </p:txBody>
        </p:sp>
        <p:sp>
          <p:nvSpPr>
            <p:cNvPr id="21" name="OTLSHAPE_M_15462190989a4e5087e6d7cc02e1ed2d_Title">
              <a:extLst>
                <a:ext uri="{FF2B5EF4-FFF2-40B4-BE49-F238E27FC236}">
                  <a16:creationId xmlns:a16="http://schemas.microsoft.com/office/drawing/2014/main" id="{E1B1E2BF-9433-C845-89E4-E58F336BA814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849253" y="1491040"/>
              <a:ext cx="7493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b="1" kern="0" spc="-6">
                  <a:solidFill>
                    <a:prstClr val="black"/>
                  </a:solidFill>
                </a:rPr>
                <a:t>ISrc to DTL1</a:t>
              </a:r>
            </a:p>
          </p:txBody>
        </p:sp>
        <p:sp>
          <p:nvSpPr>
            <p:cNvPr id="22" name="OTLSHAPE_M_15462190989a4e5087e6d7cc02e1ed2d_Shape">
              <a:extLst>
                <a:ext uri="{FF2B5EF4-FFF2-40B4-BE49-F238E27FC236}">
                  <a16:creationId xmlns:a16="http://schemas.microsoft.com/office/drawing/2014/main" id="{F8710731-9D52-1745-92D4-EF05630D2841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 flipV="1">
              <a:off x="4112143" y="1701800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3" name="OTLSHAPE_M_1d6d4045bda3413182ef879ca83ea720_Title">
              <a:extLst>
                <a:ext uri="{FF2B5EF4-FFF2-40B4-BE49-F238E27FC236}">
                  <a16:creationId xmlns:a16="http://schemas.microsoft.com/office/drawing/2014/main" id="{1BE3D084-D7A3-1F4E-A075-E46BB33751A0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5436806" y="1491040"/>
              <a:ext cx="7493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b="1" kern="0" spc="-6">
                  <a:solidFill>
                    <a:prstClr val="black"/>
                  </a:solidFill>
                </a:rPr>
                <a:t>ISrc to DTL4</a:t>
              </a:r>
            </a:p>
          </p:txBody>
        </p:sp>
        <p:sp>
          <p:nvSpPr>
            <p:cNvPr id="24" name="OTLSHAPE_M_1d6d4045bda3413182ef879ca83ea720_Shape">
              <a:extLst>
                <a:ext uri="{FF2B5EF4-FFF2-40B4-BE49-F238E27FC236}">
                  <a16:creationId xmlns:a16="http://schemas.microsoft.com/office/drawing/2014/main" id="{2909FD86-15A3-9948-9BA7-2AB54E367D7E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5699696" y="1701800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5" name="OTLSHAPE_M_ad26212a624042f8946c3ee929d0bce4_Title">
              <a:extLst>
                <a:ext uri="{FF2B5EF4-FFF2-40B4-BE49-F238E27FC236}">
                  <a16:creationId xmlns:a16="http://schemas.microsoft.com/office/drawing/2014/main" id="{5E3876BB-1586-444C-B02C-BE15F20E784C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7042736" y="1190685"/>
              <a:ext cx="16256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b="1" kern="0" spc="-5">
                  <a:solidFill>
                    <a:prstClr val="black"/>
                  </a:solidFill>
                </a:rPr>
                <a:t>ISrc to Beam Dump (BOD)</a:t>
              </a:r>
            </a:p>
          </p:txBody>
        </p:sp>
        <p:sp>
          <p:nvSpPr>
            <p:cNvPr id="26" name="OTLSHAPE_M_ad26212a624042f8946c3ee929d0bce4_Shape">
              <a:extLst>
                <a:ext uri="{FF2B5EF4-FFF2-40B4-BE49-F238E27FC236}">
                  <a16:creationId xmlns:a16="http://schemas.microsoft.com/office/drawing/2014/main" id="{E6EED74F-6E71-F049-8263-E07FA54989B7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 flipV="1">
              <a:off x="7746803" y="1701800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7" name="OTLSHAPE_M_42fdb2d4d8a3473fbbe4f286c2bc756f_Title">
              <a:extLst>
                <a:ext uri="{FF2B5EF4-FFF2-40B4-BE49-F238E27FC236}">
                  <a16:creationId xmlns:a16="http://schemas.microsoft.com/office/drawing/2014/main" id="{10DFCA6B-5BF3-A842-8935-F8A90AB147F0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8210752" y="1491041"/>
              <a:ext cx="3556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b="1" kern="0" spc="-14">
                  <a:solidFill>
                    <a:prstClr val="black"/>
                  </a:solidFill>
                </a:rPr>
                <a:t>RBOT</a:t>
              </a:r>
            </a:p>
          </p:txBody>
        </p:sp>
        <p:sp>
          <p:nvSpPr>
            <p:cNvPr id="28" name="OTLSHAPE_M_42fdb2d4d8a3473fbbe4f286c2bc756f_Shape">
              <a:extLst>
                <a:ext uri="{FF2B5EF4-FFF2-40B4-BE49-F238E27FC236}">
                  <a16:creationId xmlns:a16="http://schemas.microsoft.com/office/drawing/2014/main" id="{255EA820-5C84-BB4F-A55F-6C7EB25D6263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 flipV="1">
              <a:off x="8275987" y="1701800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9" name="OTLSHAPE_T_efefd20d2f7e4fcd9a558060bdd886ad_Shape">
              <a:extLst>
                <a:ext uri="{FF2B5EF4-FFF2-40B4-BE49-F238E27FC236}">
                  <a16:creationId xmlns:a16="http://schemas.microsoft.com/office/drawing/2014/main" id="{A97C0A7B-C069-044C-BA9E-D736B9324C32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3878300" y="2506027"/>
              <a:ext cx="6223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0" name="OTLSHAPE_T_efefd20d2f7e4fcd9a558060bdd886ad_Title">
              <a:extLst>
                <a:ext uri="{FF2B5EF4-FFF2-40B4-BE49-F238E27FC236}">
                  <a16:creationId xmlns:a16="http://schemas.microsoft.com/office/drawing/2014/main" id="{49432F8C-B0C4-A843-8531-37722BA51781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1693393" y="2477196"/>
              <a:ext cx="21463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ISrc to DTL1 Beam Commissioning</a:t>
              </a:r>
            </a:p>
          </p:txBody>
        </p:sp>
        <p:sp>
          <p:nvSpPr>
            <p:cNvPr id="31" name="OTLSHAPE_T_b0abbcf6131b489687e01473470d5773_Shape">
              <a:extLst>
                <a:ext uri="{FF2B5EF4-FFF2-40B4-BE49-F238E27FC236}">
                  <a16:creationId xmlns:a16="http://schemas.microsoft.com/office/drawing/2014/main" id="{69B81FB9-6B44-C841-B37F-80DE3748517E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5486742" y="2730183"/>
              <a:ext cx="6223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2" name="OTLSHAPE_T_b0abbcf6131b489687e01473470d5773_Title">
              <a:extLst>
                <a:ext uri="{FF2B5EF4-FFF2-40B4-BE49-F238E27FC236}">
                  <a16:creationId xmlns:a16="http://schemas.microsoft.com/office/drawing/2014/main" id="{74510408-6C0E-A44E-BA20-3C3A0B50AE3B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3301834" y="2701350"/>
              <a:ext cx="21463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ISrc to DTL4 Beam Commissioning</a:t>
              </a:r>
            </a:p>
          </p:txBody>
        </p:sp>
        <p:sp>
          <p:nvSpPr>
            <p:cNvPr id="33" name="OTLSHAPE_T_18556035cc9b4f06a46e6981b013db44_Shape">
              <a:extLst>
                <a:ext uri="{FF2B5EF4-FFF2-40B4-BE49-F238E27FC236}">
                  <a16:creationId xmlns:a16="http://schemas.microsoft.com/office/drawing/2014/main" id="{3E05B27E-FBE0-9D4C-9EA4-812B8C39AA2C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7366739" y="2954338"/>
              <a:ext cx="6350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4" name="OTLSHAPE_T_18556035cc9b4f06a46e6981b013db44_Title">
              <a:extLst>
                <a:ext uri="{FF2B5EF4-FFF2-40B4-BE49-F238E27FC236}">
                  <a16:creationId xmlns:a16="http://schemas.microsoft.com/office/drawing/2014/main" id="{52ACB643-8656-F24A-9F4B-33C1A24F077A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5118076" y="2925505"/>
              <a:ext cx="22098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342900">
                <a:defRPr/>
              </a:pPr>
              <a:r>
                <a:rPr lang="en-GB" sz="900" b="1" kern="0" spc="-3">
                  <a:solidFill>
                    <a:srgbClr val="737373"/>
                  </a:solidFill>
                </a:rPr>
                <a:t>ISrc to DMPL Beam Commissioning</a:t>
              </a:r>
            </a:p>
          </p:txBody>
        </p:sp>
        <p:sp>
          <p:nvSpPr>
            <p:cNvPr id="35" name="OTLSHAPE_T_74a3e050cb8443f09f0c70f5e3b49a90_Shape">
              <a:extLst>
                <a:ext uri="{FF2B5EF4-FFF2-40B4-BE49-F238E27FC236}">
                  <a16:creationId xmlns:a16="http://schemas.microsoft.com/office/drawing/2014/main" id="{364F9F2C-7418-1B42-97AE-3A74D1E58CD6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879934" y="3178492"/>
              <a:ext cx="14605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6" name="OTLSHAPE_T_74a3e050cb8443f09f0c70f5e3b49a90_Title">
              <a:extLst>
                <a:ext uri="{FF2B5EF4-FFF2-40B4-BE49-F238E27FC236}">
                  <a16:creationId xmlns:a16="http://schemas.microsoft.com/office/drawing/2014/main" id="{A4F668CE-1B64-2748-B3D7-8281173D2C39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3379024" y="3149661"/>
              <a:ext cx="21971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NCL Installation (RFQ/MEBT/DTL1)</a:t>
              </a:r>
            </a:p>
          </p:txBody>
        </p:sp>
        <p:sp>
          <p:nvSpPr>
            <p:cNvPr id="37" name="OTLSHAPE_T_d52db0c8f4fc427694cf2115051db60b_Shape">
              <a:extLst>
                <a:ext uri="{FF2B5EF4-FFF2-40B4-BE49-F238E27FC236}">
                  <a16:creationId xmlns:a16="http://schemas.microsoft.com/office/drawing/2014/main" id="{0462678E-A108-434A-ADB6-41A1B47F315D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511929" y="3402647"/>
              <a:ext cx="6731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8" name="OTLSHAPE_T_d52db0c8f4fc427694cf2115051db60b_Title">
              <a:extLst>
                <a:ext uri="{FF2B5EF4-FFF2-40B4-BE49-F238E27FC236}">
                  <a16:creationId xmlns:a16="http://schemas.microsoft.com/office/drawing/2014/main" id="{55EE6CC9-137F-DC43-A98F-4E534909A843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5231168" y="3373816"/>
              <a:ext cx="14224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NCL Installation (DTLs)</a:t>
              </a:r>
            </a:p>
          </p:txBody>
        </p:sp>
        <p:sp>
          <p:nvSpPr>
            <p:cNvPr id="39" name="OTLSHAPE_T_39c18f6f93e44cbbba0e46a3f93db647_Shape">
              <a:extLst>
                <a:ext uri="{FF2B5EF4-FFF2-40B4-BE49-F238E27FC236}">
                  <a16:creationId xmlns:a16="http://schemas.microsoft.com/office/drawing/2014/main" id="{CFA9AB24-DA70-3E42-89A4-C42646AD35DB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1441268" y="3626803"/>
              <a:ext cx="33020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0" name="OTLSHAPE_T_39c18f6f93e44cbbba0e46a3f93db647_Title">
              <a:extLst>
                <a:ext uri="{FF2B5EF4-FFF2-40B4-BE49-F238E27FC236}">
                  <a16:creationId xmlns:a16="http://schemas.microsoft.com/office/drawing/2014/main" id="{DAD19240-F292-F04D-9B04-DFB58930E8E6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4792502" y="3597970"/>
              <a:ext cx="16764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3" dirty="0">
                  <a:solidFill>
                    <a:srgbClr val="737373"/>
                  </a:solidFill>
                </a:rPr>
                <a:t>NCL RF System Installation</a:t>
              </a:r>
            </a:p>
          </p:txBody>
        </p:sp>
        <p:sp>
          <p:nvSpPr>
            <p:cNvPr id="41" name="OTLSHAPE_T_c34ebcbbd2824a7c93fa335a35974726_Shape">
              <a:extLst>
                <a:ext uri="{FF2B5EF4-FFF2-40B4-BE49-F238E27FC236}">
                  <a16:creationId xmlns:a16="http://schemas.microsoft.com/office/drawing/2014/main" id="{E9433B24-D159-2C4A-B184-E4F0D102513F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2611044" y="3850958"/>
              <a:ext cx="9144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2" name="OTLSHAPE_T_c34ebcbbd2824a7c93fa335a35974726_Title">
              <a:extLst>
                <a:ext uri="{FF2B5EF4-FFF2-40B4-BE49-F238E27FC236}">
                  <a16:creationId xmlns:a16="http://schemas.microsoft.com/office/drawing/2014/main" id="{6E7FCBCA-A91D-7644-A022-ACBDD8EA9BA9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3573985" y="3822125"/>
              <a:ext cx="12700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SPK CDS Installation</a:t>
              </a:r>
            </a:p>
          </p:txBody>
        </p:sp>
        <p:sp>
          <p:nvSpPr>
            <p:cNvPr id="43" name="OTLSHAPE_T_f0e6abdde2374163be6c99b5fe1ed450_Shape">
              <a:extLst>
                <a:ext uri="{FF2B5EF4-FFF2-40B4-BE49-F238E27FC236}">
                  <a16:creationId xmlns:a16="http://schemas.microsoft.com/office/drawing/2014/main" id="{60E31C10-FF4D-8D4B-AE8B-4F2514B0C327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3585857" y="4075113"/>
              <a:ext cx="24765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4" name="OTLSHAPE_T_f0e6abdde2374163be6c99b5fe1ed450_Title">
              <a:extLst>
                <a:ext uri="{FF2B5EF4-FFF2-40B4-BE49-F238E27FC236}">
                  <a16:creationId xmlns:a16="http://schemas.microsoft.com/office/drawing/2014/main" id="{5499A5CC-4A97-AD45-990E-B8CD065FEF02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108500" y="4046281"/>
              <a:ext cx="12319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SPK CM Installation</a:t>
              </a:r>
            </a:p>
          </p:txBody>
        </p:sp>
        <p:sp>
          <p:nvSpPr>
            <p:cNvPr id="45" name="OTLSHAPE_T_0543a9dee0394624ace550847ca9d233_Shape">
              <a:extLst>
                <a:ext uri="{FF2B5EF4-FFF2-40B4-BE49-F238E27FC236}">
                  <a16:creationId xmlns:a16="http://schemas.microsoft.com/office/drawing/2014/main" id="{F5DE27C6-09F1-E940-88E1-B1C7883FEA90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4755632" y="4299267"/>
              <a:ext cx="15494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6" name="OTLSHAPE_T_0543a9dee0394624ace550847ca9d233_Title">
              <a:extLst>
                <a:ext uri="{FF2B5EF4-FFF2-40B4-BE49-F238E27FC236}">
                  <a16:creationId xmlns:a16="http://schemas.microsoft.com/office/drawing/2014/main" id="{666A464B-D1DA-F54A-B61F-1BBF4531AD1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6352202" y="4270435"/>
              <a:ext cx="13208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SPK LWU Installation</a:t>
              </a:r>
            </a:p>
          </p:txBody>
        </p:sp>
        <p:sp>
          <p:nvSpPr>
            <p:cNvPr id="47" name="OTLSHAPE_T_896eaed9fd5a4801b1e6c4217991c80f_Shape">
              <a:extLst>
                <a:ext uri="{FF2B5EF4-FFF2-40B4-BE49-F238E27FC236}">
                  <a16:creationId xmlns:a16="http://schemas.microsoft.com/office/drawing/2014/main" id="{477A85F5-867F-454B-95F6-917D4E3FC905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1051343" y="4523422"/>
              <a:ext cx="56515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48" name="OTLSHAPE_T_896eaed9fd5a4801b1e6c4217991c80f_Title">
              <a:extLst>
                <a:ext uri="{FF2B5EF4-FFF2-40B4-BE49-F238E27FC236}">
                  <a16:creationId xmlns:a16="http://schemas.microsoft.com/office/drawing/2014/main" id="{4E2AFF35-DFEA-9D4E-9B4C-7BEDF6DFD034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742128" y="4494590"/>
              <a:ext cx="16637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3">
                  <a:solidFill>
                    <a:srgbClr val="737373"/>
                  </a:solidFill>
                </a:rPr>
                <a:t>SPK RF System Installation</a:t>
              </a:r>
            </a:p>
          </p:txBody>
        </p:sp>
        <p:sp>
          <p:nvSpPr>
            <p:cNvPr id="49" name="OTLSHAPE_T_b2953f1e457a4a1aa8f9269dc609efd5_Shape">
              <a:extLst>
                <a:ext uri="{FF2B5EF4-FFF2-40B4-BE49-F238E27FC236}">
                  <a16:creationId xmlns:a16="http://schemas.microsoft.com/office/drawing/2014/main" id="{6FBC0929-E2E0-CF4C-9688-9380B32E23EE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1831193" y="4747578"/>
              <a:ext cx="17018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0" name="OTLSHAPE_T_b2953f1e457a4a1aa8f9269dc609efd5_Title">
              <a:extLst>
                <a:ext uri="{FF2B5EF4-FFF2-40B4-BE49-F238E27FC236}">
                  <a16:creationId xmlns:a16="http://schemas.microsoft.com/office/drawing/2014/main" id="{5AA0C8F7-1B40-A74D-8376-AA6324F83664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3573985" y="4718745"/>
              <a:ext cx="15621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Elliptical CDS Installation</a:t>
              </a:r>
            </a:p>
          </p:txBody>
        </p:sp>
        <p:sp>
          <p:nvSpPr>
            <p:cNvPr id="51" name="OTLSHAPE_T_68a1b8b09f6744be9bb92369bfb5bc78_Shape">
              <a:extLst>
                <a:ext uri="{FF2B5EF4-FFF2-40B4-BE49-F238E27FC236}">
                  <a16:creationId xmlns:a16="http://schemas.microsoft.com/office/drawing/2014/main" id="{4C554907-F191-D34D-9429-D1697974E62C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3585857" y="4971733"/>
              <a:ext cx="24765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2" name="OTLSHAPE_T_68a1b8b09f6744be9bb92369bfb5bc78_Title">
              <a:extLst>
                <a:ext uri="{FF2B5EF4-FFF2-40B4-BE49-F238E27FC236}">
                  <a16:creationId xmlns:a16="http://schemas.microsoft.com/office/drawing/2014/main" id="{B29FE777-4553-A24F-8645-87FB05BE1943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6108500" y="4942901"/>
              <a:ext cx="12827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6">
                  <a:solidFill>
                    <a:srgbClr val="737373"/>
                  </a:solidFill>
                </a:rPr>
                <a:t>MBL CM Installation</a:t>
              </a:r>
            </a:p>
          </p:txBody>
        </p:sp>
        <p:sp>
          <p:nvSpPr>
            <p:cNvPr id="53" name="OTLSHAPE_T_52aa493ce2c64b6e942b83d9f0eb6bdb_Shape">
              <a:extLst>
                <a:ext uri="{FF2B5EF4-FFF2-40B4-BE49-F238E27FC236}">
                  <a16:creationId xmlns:a16="http://schemas.microsoft.com/office/drawing/2014/main" id="{4052074C-5A60-0148-93AA-AB264E4913C5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5145557" y="5195888"/>
              <a:ext cx="11684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4" name="OTLSHAPE_T_52aa493ce2c64b6e942b83d9f0eb6bdb_Title">
              <a:extLst>
                <a:ext uri="{FF2B5EF4-FFF2-40B4-BE49-F238E27FC236}">
                  <a16:creationId xmlns:a16="http://schemas.microsoft.com/office/drawing/2014/main" id="{76E576F6-3316-0D48-951B-2E5389795AD5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6352202" y="5167055"/>
              <a:ext cx="13589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>
                  <a:solidFill>
                    <a:srgbClr val="737373"/>
                  </a:solidFill>
                </a:rPr>
                <a:t>MBL LWU Installation</a:t>
              </a:r>
            </a:p>
          </p:txBody>
        </p:sp>
        <p:sp>
          <p:nvSpPr>
            <p:cNvPr id="55" name="OTLSHAPE_T_f64d9a2fb26f4f28920935f81dda2570_Shape">
              <a:extLst>
                <a:ext uri="{FF2B5EF4-FFF2-40B4-BE49-F238E27FC236}">
                  <a16:creationId xmlns:a16="http://schemas.microsoft.com/office/drawing/2014/main" id="{15FC6202-A30D-8540-9FBC-0CE4D7B6A05F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1051343" y="5420042"/>
              <a:ext cx="52578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6" name="OTLSHAPE_T_f64d9a2fb26f4f28920935f81dda2570_Title">
              <a:extLst>
                <a:ext uri="{FF2B5EF4-FFF2-40B4-BE49-F238E27FC236}">
                  <a16:creationId xmlns:a16="http://schemas.microsoft.com/office/drawing/2014/main" id="{77785D2E-1565-4B4B-A4A0-1618AF04EEE0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6352202" y="5391210"/>
              <a:ext cx="17145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3">
                  <a:solidFill>
                    <a:srgbClr val="737373"/>
                  </a:solidFill>
                </a:rPr>
                <a:t>MBL RF System Installation</a:t>
              </a:r>
            </a:p>
          </p:txBody>
        </p:sp>
        <p:sp>
          <p:nvSpPr>
            <p:cNvPr id="57" name="OTLSHAPE_T_361af13911ee49869fd069bf5aee0cdc_Shape">
              <a:extLst>
                <a:ext uri="{FF2B5EF4-FFF2-40B4-BE49-F238E27FC236}">
                  <a16:creationId xmlns:a16="http://schemas.microsoft.com/office/drawing/2014/main" id="{F31D121B-5548-BF44-A9EB-609DB51CDE95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8167477" y="5644197"/>
              <a:ext cx="14097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58" name="OTLSHAPE_T_361af13911ee49869fd069bf5aee0cdc_Title">
              <a:extLst>
                <a:ext uri="{FF2B5EF4-FFF2-40B4-BE49-F238E27FC236}">
                  <a16:creationId xmlns:a16="http://schemas.microsoft.com/office/drawing/2014/main" id="{5D682847-8FBC-F045-927B-2FFB7F05044B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9617825" y="5615365"/>
              <a:ext cx="12446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6">
                  <a:solidFill>
                    <a:srgbClr val="737373"/>
                  </a:solidFill>
                </a:rPr>
                <a:t>HBL CM Installation</a:t>
              </a:r>
            </a:p>
          </p:txBody>
        </p:sp>
        <p:sp>
          <p:nvSpPr>
            <p:cNvPr id="59" name="OTLSHAPE_T_7b75367ec2b04a03bc7ffd06ec183b7c_Shape">
              <a:extLst>
                <a:ext uri="{FF2B5EF4-FFF2-40B4-BE49-F238E27FC236}">
                  <a16:creationId xmlns:a16="http://schemas.microsoft.com/office/drawing/2014/main" id="{9C3A8E17-376E-B848-BFCF-C5E6A6E47540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8167477" y="5868353"/>
              <a:ext cx="1409700" cy="1270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0" name="OTLSHAPE_T_7b75367ec2b04a03bc7ffd06ec183b7c_Title">
              <a:extLst>
                <a:ext uri="{FF2B5EF4-FFF2-40B4-BE49-F238E27FC236}">
                  <a16:creationId xmlns:a16="http://schemas.microsoft.com/office/drawing/2014/main" id="{FE652003-A3AA-1945-991B-AE26A8D25AF3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9617825" y="5839521"/>
              <a:ext cx="16764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3">
                  <a:solidFill>
                    <a:srgbClr val="737373"/>
                  </a:solidFill>
                </a:rPr>
                <a:t>HBL RF System Installation</a:t>
              </a:r>
            </a:p>
          </p:txBody>
        </p:sp>
        <p:sp>
          <p:nvSpPr>
            <p:cNvPr id="61" name="OTLSHAPE_T_01ed87b3729c48b49c02172a79891b44_Shape">
              <a:extLst>
                <a:ext uri="{FF2B5EF4-FFF2-40B4-BE49-F238E27FC236}">
                  <a16:creationId xmlns:a16="http://schemas.microsoft.com/office/drawing/2014/main" id="{E0712482-010F-2045-93C9-C67291013E63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1051343" y="6092508"/>
              <a:ext cx="37465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2" name="OTLSHAPE_T_01ed87b3729c48b49c02172a79891b44_Title">
              <a:extLst>
                <a:ext uri="{FF2B5EF4-FFF2-40B4-BE49-F238E27FC236}">
                  <a16:creationId xmlns:a16="http://schemas.microsoft.com/office/drawing/2014/main" id="{4D9A3307-3317-6E42-870B-845074EAB6F0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841242" y="6097489"/>
              <a:ext cx="2046847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342900">
                <a:defRPr/>
              </a:pPr>
              <a:r>
                <a:rPr lang="en-GB" sz="900" b="1" kern="0" spc="-5" dirty="0">
                  <a:solidFill>
                    <a:srgbClr val="737373"/>
                  </a:solidFill>
                </a:rPr>
                <a:t>HEBT/A2T LWU Installation</a:t>
              </a:r>
            </a:p>
          </p:txBody>
        </p:sp>
        <p:sp>
          <p:nvSpPr>
            <p:cNvPr id="63" name="OTLSHAPE_T_8ddca82f0842400facaef486ce634df7_Shape">
              <a:extLst>
                <a:ext uri="{FF2B5EF4-FFF2-40B4-BE49-F238E27FC236}">
                  <a16:creationId xmlns:a16="http://schemas.microsoft.com/office/drawing/2014/main" id="{DA7CDEC6-373D-204B-AC25-07FC44F5A8B1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1051344" y="6287136"/>
              <a:ext cx="8521700" cy="186055"/>
            </a:xfrm>
            <a:prstGeom prst="roundRect">
              <a:avLst>
                <a:gd name="adj" fmla="val 100000"/>
              </a:avLst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 defTabSz="342900">
                <a:defRPr/>
              </a:pPr>
              <a:endParaRPr lang="en-GB" sz="1350" kern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4" name="OTLSHAPE_T_8ddca82f0842400facaef486ce634df7_Title">
              <a:extLst>
                <a:ext uri="{FF2B5EF4-FFF2-40B4-BE49-F238E27FC236}">
                  <a16:creationId xmlns:a16="http://schemas.microsoft.com/office/drawing/2014/main" id="{62666D55-74FB-2F49-A199-F581DBA071D2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4873532" y="6287830"/>
              <a:ext cx="876300" cy="1846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342900">
                <a:defRPr/>
              </a:pPr>
              <a:r>
                <a:rPr lang="en-GB" sz="900" b="1" kern="0" spc="-5" dirty="0">
                  <a:solidFill>
                    <a:srgbClr val="E7E6E6"/>
                  </a:solidFill>
                </a:rPr>
                <a:t>Infrastructure</a:t>
              </a:r>
            </a:p>
          </p:txBody>
        </p:sp>
      </p:grpSp>
      <p:sp>
        <p:nvSpPr>
          <p:cNvPr id="65" name="Rectangle 64">
            <a:extLst>
              <a:ext uri="{FF2B5EF4-FFF2-40B4-BE49-F238E27FC236}">
                <a16:creationId xmlns:a16="http://schemas.microsoft.com/office/drawing/2014/main" id="{3E9FE6FB-A572-704E-BDDD-8B405554E382}"/>
              </a:ext>
            </a:extLst>
          </p:cNvPr>
          <p:cNvSpPr/>
          <p:nvPr/>
        </p:nvSpPr>
        <p:spPr>
          <a:xfrm>
            <a:off x="1371600" y="4552817"/>
            <a:ext cx="9296400" cy="1660118"/>
          </a:xfrm>
          <a:prstGeom prst="rect">
            <a:avLst/>
          </a:prstGeom>
          <a:noFill/>
          <a:ln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0B2979D0-FA30-894D-A4C1-E1FC151CE4A4}"/>
              </a:ext>
            </a:extLst>
          </p:cNvPr>
          <p:cNvSpPr txBox="1"/>
          <p:nvPr/>
        </p:nvSpPr>
        <p:spPr>
          <a:xfrm>
            <a:off x="10682342" y="5133929"/>
            <a:ext cx="561372" cy="40011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000" dirty="0"/>
              <a:t>SRF</a:t>
            </a:r>
          </a:p>
        </p:txBody>
      </p:sp>
    </p:spTree>
    <p:extLst>
      <p:ext uri="{BB962C8B-B14F-4D97-AF65-F5344CB8AC3E}">
        <p14:creationId xmlns:p14="http://schemas.microsoft.com/office/powerpoint/2010/main" val="20190311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/>
      <a:bodyPr vert="horz" lIns="91440" tIns="45720" rIns="91440" bIns="45720" rtlCol="0" anchor="t">
        <a:norm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837FB91F-CDC5-4BC6-A162-22F8370E1EC4}" vid="{C4EAEFBE-156F-4FEE-9F2B-BE5A854A00D8}"/>
    </a:ext>
  </a:extLst>
</a:theme>
</file>

<file path=ppt/theme/theme2.xml><?xml version="1.0" encoding="utf-8"?>
<a:theme xmlns:a="http://schemas.openxmlformats.org/drawingml/2006/main" name="2_Anpassad formgivnin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5" id="{837FB91F-CDC5-4BC6-A162-22F8370E1EC4}" vid="{76958EC4-F568-4D68-98B3-6BA4183AD248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3886</TotalTime>
  <Words>1951</Words>
  <Application>Microsoft Macintosh PowerPoint</Application>
  <PresentationFormat>Widescreen</PresentationFormat>
  <Paragraphs>473</Paragraphs>
  <Slides>30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0</vt:i4>
      </vt:variant>
    </vt:vector>
  </HeadingPairs>
  <TitlesOfParts>
    <vt:vector size="38" baseType="lpstr">
      <vt:lpstr>ＭＳ Ｐゴシック</vt:lpstr>
      <vt:lpstr>Arial</vt:lpstr>
      <vt:lpstr>Calibri</vt:lpstr>
      <vt:lpstr>Futura Condensed</vt:lpstr>
      <vt:lpstr>Helvetica</vt:lpstr>
      <vt:lpstr>Symbol</vt:lpstr>
      <vt:lpstr>Office-tema</vt:lpstr>
      <vt:lpstr>2_Anpassad formgivning</vt:lpstr>
      <vt:lpstr>SRF Planning at ESS,  Overview and Status  </vt:lpstr>
      <vt:lpstr>Outline</vt:lpstr>
      <vt:lpstr>The ESS Accelerator</vt:lpstr>
      <vt:lpstr>ESS, large in kind scope</vt:lpstr>
      <vt:lpstr>From Construction to installation and operation</vt:lpstr>
      <vt:lpstr>ESS Site Layout</vt:lpstr>
      <vt:lpstr>The ESS site</vt:lpstr>
      <vt:lpstr>Major Accelerator milestones</vt:lpstr>
      <vt:lpstr>Installation and Commissioning activities</vt:lpstr>
      <vt:lpstr>Preparation for elliptical module installation and test</vt:lpstr>
      <vt:lpstr>Preparation for tests </vt:lpstr>
      <vt:lpstr>Preparation activities: We need to know our cavities!</vt:lpstr>
      <vt:lpstr>Preparation activities: Cavity performance data</vt:lpstr>
      <vt:lpstr>Sensitivity analysis</vt:lpstr>
      <vt:lpstr>Preparation activities: SRF</vt:lpstr>
      <vt:lpstr>Preparation activities: Mechanical</vt:lpstr>
      <vt:lpstr>Preparation activities: Incoming inspections at TS2</vt:lpstr>
      <vt:lpstr>Test Stand 2 Readiness</vt:lpstr>
      <vt:lpstr>Testing at TS2</vt:lpstr>
      <vt:lpstr>2020, concurrent SPK/MB ELL Component installation</vt:lpstr>
      <vt:lpstr>Spoke section gallery preparation</vt:lpstr>
      <vt:lpstr>Delivery of MB Klystrons</vt:lpstr>
      <vt:lpstr>Stubs, gallery side</vt:lpstr>
      <vt:lpstr>Stubs, tunnel side</vt:lpstr>
      <vt:lpstr>Tunnel: Cryomodule Dummies (and Soon Warm Units)</vt:lpstr>
      <vt:lpstr>Cryogenics for the Linac</vt:lpstr>
      <vt:lpstr>Cryogenics for the Linac</vt:lpstr>
      <vt:lpstr>Cryogenics for the Test Stand and Moderator</vt:lpstr>
      <vt:lpstr>Summary</vt:lpstr>
      <vt:lpstr>PowerPoint Presentation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uropean Spallation Source SRF Systems, Overview and Status  </dc:title>
  <dc:creator>Microsoft Office User</dc:creator>
  <cp:lastModifiedBy>Microsoft Office User</cp:lastModifiedBy>
  <cp:revision>86</cp:revision>
  <dcterms:created xsi:type="dcterms:W3CDTF">2019-06-21T09:03:27Z</dcterms:created>
  <dcterms:modified xsi:type="dcterms:W3CDTF">2019-09-26T03:26:01Z</dcterms:modified>
</cp:coreProperties>
</file>